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HP新CMSへの移行（R4年度）\以降作業用＜過去の人口＞\R2\"/>
    </mc:Choice>
  </mc:AlternateContent>
  <xr:revisionPtr revIDLastSave="0" documentId="13_ncr:1_{900E2594-9AF7-4ABC-AE4F-03E08E9F1A0C}" xr6:coauthVersionLast="47" xr6:coauthVersionMax="47" xr10:uidLastSave="{00000000-0000-0000-0000-000000000000}"/>
  <bookViews>
    <workbookView xWindow="-108" yWindow="-108" windowWidth="23256" windowHeight="12576" tabRatio="834" xr2:uid="{00000000-000D-0000-FFFF-FFFF00000000}"/>
  </bookViews>
  <sheets>
    <sheet name="目次" sheetId="144" r:id="rId1"/>
    <sheet name="年齢別・性別人口(01総曲輪)" sheetId="6" r:id="rId2"/>
    <sheet name="年齢別・性別人口(02愛宕)" sheetId="11" r:id="rId3"/>
    <sheet name="年齢別・性別人口(03安野屋)" sheetId="12" r:id="rId4"/>
    <sheet name="年齢別・性別人口(04八人町)" sheetId="13" r:id="rId5"/>
    <sheet name="年齢別・性別人口(05五番町)" sheetId="14" r:id="rId6"/>
    <sheet name="年齢別・性別人口(06柳町)" sheetId="15" r:id="rId7"/>
    <sheet name="年齢別・性別人口(07清水町)" sheetId="16" r:id="rId8"/>
    <sheet name="年齢別・性別人口(08星井町)" sheetId="17" r:id="rId9"/>
    <sheet name="年齢別・性別人口(09西田地方)" sheetId="18" r:id="rId10"/>
    <sheet name="年齢別・性別人口(10堀川)" sheetId="19" r:id="rId11"/>
    <sheet name="年齢別・性別人口(11堀川南)" sheetId="20" r:id="rId12"/>
    <sheet name="年齢別・性別人口(12東部)" sheetId="21" r:id="rId13"/>
    <sheet name="年齢別・性別人口(13奥田)" sheetId="22" r:id="rId14"/>
    <sheet name="年齢別・性別人口(14奥田北)" sheetId="23" r:id="rId15"/>
    <sheet name="年齢別・性別人口(15桜谷)" sheetId="24" r:id="rId16"/>
    <sheet name="年齢別・性別人口(16五福)" sheetId="25" r:id="rId17"/>
    <sheet name="年齢別・性別人口(17神明)" sheetId="26" r:id="rId18"/>
    <sheet name="年齢別・性別人口(18岩瀬)" sheetId="27" r:id="rId19"/>
    <sheet name="年齢別・性別人口(19萩浦)" sheetId="28" r:id="rId20"/>
    <sheet name="年齢別・性別人口(20大広田)" sheetId="59" r:id="rId21"/>
    <sheet name="年齢別・性別人口(21浜黒崎)" sheetId="60" r:id="rId22"/>
    <sheet name="年齢別・性別人口(22針原)" sheetId="61" r:id="rId23"/>
    <sheet name="年齢別・性別人口(23豊田)" sheetId="62" r:id="rId24"/>
    <sheet name="年齢別・性別人口(24広田)" sheetId="63" r:id="rId25"/>
    <sheet name="年齢別・性別人口(25新庄)" sheetId="64" r:id="rId26"/>
    <sheet name="年齢別・性別人口(26藤ノ木)" sheetId="65" r:id="rId27"/>
    <sheet name="年齢別・性別人口(27山室)" sheetId="66" r:id="rId28"/>
    <sheet name="年齢別・性別人口(28山室中部)" sheetId="67" r:id="rId29"/>
    <sheet name="年齢別・性別人口(29太田)" sheetId="68" r:id="rId30"/>
    <sheet name="年齢別・性別人口(30蜷川)" sheetId="69" r:id="rId31"/>
    <sheet name="年齢別・性別人口(31新保)" sheetId="70" r:id="rId32"/>
    <sheet name="年齢別・性別人口(32熊野)" sheetId="71" r:id="rId33"/>
    <sheet name="年齢別・性別人口(33月岡)" sheetId="72" r:id="rId34"/>
    <sheet name="年齢別・性別人口(34四方)" sheetId="73" r:id="rId35"/>
    <sheet name="年齢別・性別人口(35八幡)" sheetId="74" r:id="rId36"/>
    <sheet name="年齢別・性別人口(36草島)" sheetId="75" r:id="rId37"/>
    <sheet name="年齢別・性別人口(37倉垣)" sheetId="76" r:id="rId38"/>
    <sheet name="年齢別・性別人口(38呉羽)" sheetId="77" r:id="rId39"/>
    <sheet name="年齢別・性別人口(39長岡)" sheetId="78" r:id="rId40"/>
    <sheet name="年齢別・性別人口(40寒江)" sheetId="79" r:id="rId41"/>
    <sheet name="年齢別・性別人口(41古沢)" sheetId="80" r:id="rId42"/>
    <sheet name="年齢別・性別人口(42老田)" sheetId="81" r:id="rId43"/>
    <sheet name="年齢別・性別人口(43池多)" sheetId="82" r:id="rId44"/>
    <sheet name="年齢別・性別人口(44水橋中部)" sheetId="83" r:id="rId45"/>
    <sheet name="年齢別・性別人口(45水橋西部)" sheetId="84" r:id="rId46"/>
    <sheet name="年齢別・性別人口(46水橋東部)" sheetId="85" r:id="rId47"/>
    <sheet name="年齢別・性別人口(47三郷)" sheetId="86" r:id="rId48"/>
    <sheet name="年齢別・性別人口(48上条)" sheetId="87" r:id="rId49"/>
    <sheet name="年齢別・性別人口(49光陽)" sheetId="88" r:id="rId50"/>
    <sheet name="年齢別・性別人口(50新庄北）" sheetId="96" r:id="rId51"/>
    <sheet name="年齢別・性別人口(0099富山地域)" sheetId="94" r:id="rId52"/>
    <sheet name="年齢別・性別人口0101下タ)" sheetId="100" r:id="rId53"/>
    <sheet name="年齢別・性別人口(0102小羽)" sheetId="101" r:id="rId54"/>
    <sheet name="年齢別・性別人口(0103船峅)" sheetId="102" r:id="rId55"/>
    <sheet name="年齢別・性別人口(0104大沢野)" sheetId="103" r:id="rId56"/>
    <sheet name="年齢別・性別人口(0105大久保)" sheetId="98" r:id="rId57"/>
    <sheet name="年齢別・性別人口(0199大沢野地域)" sheetId="99" r:id="rId58"/>
    <sheet name="年齢別・性別人口(0201上滝)" sheetId="97" r:id="rId59"/>
    <sheet name="年齢別・性別人口(0202大山)" sheetId="104" r:id="rId60"/>
    <sheet name="年齢別・性別人口(0203大庄)" sheetId="107" r:id="rId61"/>
    <sheet name="年齢別・性別人口(0204福沢)" sheetId="108" r:id="rId62"/>
    <sheet name="年齢別・性別人口(0299大山地域)" sheetId="109" r:id="rId63"/>
    <sheet name="年齢別・性別人口(0301八尾)" sheetId="114" r:id="rId64"/>
    <sheet name="年齢別・性別人口(0302保内)" sheetId="115" r:id="rId65"/>
    <sheet name="年齢別・性別人口(0303杉原)" sheetId="116" r:id="rId66"/>
    <sheet name="年齢別・性別人口(0304卯花)" sheetId="117" r:id="rId67"/>
    <sheet name="年齢別・性別人口(0305室牧)" sheetId="118" r:id="rId68"/>
    <sheet name="年齢別・性別人口(0306黒瀬谷)" sheetId="119" r:id="rId69"/>
    <sheet name="年齢別・性別人口(0307野積)" sheetId="120" r:id="rId70"/>
    <sheet name="年齢別・性別人口(0308仁歩)" sheetId="121" r:id="rId71"/>
    <sheet name="年齢別・性別人口(0309大長谷)" sheetId="110" r:id="rId72"/>
    <sheet name="年齢別・性別人口(0399八尾地域)" sheetId="111" r:id="rId73"/>
    <sheet name="年齢別・性別人口(0401速星)" sheetId="112" r:id="rId74"/>
    <sheet name="年齢別・性別人口(0402鵜坂)" sheetId="113" r:id="rId75"/>
    <sheet name="年齢別・性別人口(0403朝日)" sheetId="123" r:id="rId76"/>
    <sheet name="年齢別・性別人口(0404宮川)" sheetId="125" r:id="rId77"/>
    <sheet name="年齢別・性別人口(0405婦中熊野)" sheetId="126" r:id="rId78"/>
    <sheet name="年齢別・性別人口(0406古里)" sheetId="124" r:id="rId79"/>
    <sheet name="年齢別・性別人口(0407音川)" sheetId="122" r:id="rId80"/>
    <sheet name="年齢別・性別人口(0408神保)" sheetId="106" r:id="rId81"/>
    <sheet name="年齢別・性別人口(0499婦中地域)" sheetId="127" r:id="rId82"/>
    <sheet name="年齢別・性別人口(0501山田南部)" sheetId="128" r:id="rId83"/>
    <sheet name="年齢別・性別人口(0502山田中部)" sheetId="129" r:id="rId84"/>
    <sheet name="年齢別・性別人口(0503山田西部)" sheetId="130" r:id="rId85"/>
    <sheet name="年齢別・性別人口(0504山田東部)" sheetId="131" r:id="rId86"/>
    <sheet name="年齢別・性別人口(0599山田地域)" sheetId="132" r:id="rId87"/>
    <sheet name="年齢別・性別人口(0601細入北部)" sheetId="133" r:id="rId88"/>
    <sheet name="年齢別・性別人口(0602細入南部)" sheetId="134" r:id="rId89"/>
    <sheet name="年齢別・性別人口(0699細入地域)" sheetId="135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62913"/>
</workbook>
</file>

<file path=xl/sharedStrings.xml><?xml version="1.0" encoding="utf-8"?>
<sst xmlns="http://schemas.openxmlformats.org/spreadsheetml/2006/main" count="2946" uniqueCount="246"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5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5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5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5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5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5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5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5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5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5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5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5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5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5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5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5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5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5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5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5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5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5"/>
  </si>
  <si>
    <t>101～</t>
    <phoneticPr fontId="5"/>
  </si>
  <si>
    <t>101～</t>
    <phoneticPr fontId="5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5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5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5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5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5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5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5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5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5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5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5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5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5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5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5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5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5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5"/>
  </si>
  <si>
    <t>男</t>
    <rPh sb="0" eb="1">
      <t>オトコ</t>
    </rPh>
    <phoneticPr fontId="5"/>
  </si>
  <si>
    <t>女</t>
    <rPh sb="0" eb="1">
      <t>オンナ</t>
    </rPh>
    <phoneticPr fontId="5"/>
  </si>
  <si>
    <t>計</t>
    <rPh sb="0" eb="1">
      <t>ケイ</t>
    </rPh>
    <phoneticPr fontId="5"/>
  </si>
  <si>
    <t>年齢</t>
    <rPh sb="0" eb="2">
      <t>ネンレイ</t>
    </rPh>
    <phoneticPr fontId="5"/>
  </si>
  <si>
    <t>101～</t>
    <phoneticPr fontId="5"/>
  </si>
  <si>
    <t>【合計】</t>
    <rPh sb="1" eb="3">
      <t>ゴウケイ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5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5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5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5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5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5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5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5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5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5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5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5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5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5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5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5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5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5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5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5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5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5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5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5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5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5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5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5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5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5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5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5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5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5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5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5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5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5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5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5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5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5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5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5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5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5"/>
  </si>
  <si>
    <t>令和2年6月末</t>
  </si>
  <si>
    <t>目次</t>
    <rPh sb="0" eb="2">
      <t>モクジ</t>
    </rPh>
    <phoneticPr fontId="5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5"/>
  </si>
  <si>
    <t>富山地域</t>
    <rPh sb="0" eb="2">
      <t>トヤマ</t>
    </rPh>
    <rPh sb="2" eb="4">
      <t>チイキ</t>
    </rPh>
    <phoneticPr fontId="5"/>
  </si>
  <si>
    <t>大沢野地域</t>
    <rPh sb="0" eb="3">
      <t>オオサワノ</t>
    </rPh>
    <rPh sb="3" eb="5">
      <t>チイキ</t>
    </rPh>
    <phoneticPr fontId="5"/>
  </si>
  <si>
    <t>総曲輪</t>
    <rPh sb="0" eb="3">
      <t>ソウガワ</t>
    </rPh>
    <phoneticPr fontId="5"/>
  </si>
  <si>
    <t>愛宕</t>
    <rPh sb="0" eb="2">
      <t>アタゴ</t>
    </rPh>
    <phoneticPr fontId="5"/>
  </si>
  <si>
    <t>小羽</t>
    <rPh sb="0" eb="1">
      <t>チイ</t>
    </rPh>
    <rPh sb="1" eb="2">
      <t>ハネ</t>
    </rPh>
    <phoneticPr fontId="5"/>
  </si>
  <si>
    <t>安野屋</t>
    <rPh sb="0" eb="3">
      <t>ヤスノヤ</t>
    </rPh>
    <phoneticPr fontId="5"/>
  </si>
  <si>
    <t>船峅</t>
    <rPh sb="0" eb="2">
      <t>フナクラ</t>
    </rPh>
    <phoneticPr fontId="5"/>
  </si>
  <si>
    <t>八人町</t>
    <rPh sb="0" eb="3">
      <t>ハチニンマチ</t>
    </rPh>
    <phoneticPr fontId="5"/>
  </si>
  <si>
    <t>大沢野</t>
    <rPh sb="0" eb="3">
      <t>オオサワノ</t>
    </rPh>
    <phoneticPr fontId="5"/>
  </si>
  <si>
    <t>五番町</t>
    <rPh sb="0" eb="3">
      <t>ゴバンマチ</t>
    </rPh>
    <phoneticPr fontId="5"/>
  </si>
  <si>
    <t>大久保</t>
    <rPh sb="0" eb="3">
      <t>オオクボ</t>
    </rPh>
    <phoneticPr fontId="5"/>
  </si>
  <si>
    <t>柳町</t>
    <rPh sb="0" eb="2">
      <t>ヤナギマチ</t>
    </rPh>
    <phoneticPr fontId="5"/>
  </si>
  <si>
    <t>大沢野地域（合計）</t>
    <rPh sb="0" eb="3">
      <t>オオサワノ</t>
    </rPh>
    <rPh sb="3" eb="5">
      <t>チイキ</t>
    </rPh>
    <rPh sb="6" eb="8">
      <t>ゴウケイ</t>
    </rPh>
    <phoneticPr fontId="5"/>
  </si>
  <si>
    <t>清水町</t>
    <rPh sb="0" eb="3">
      <t>シミズマチ</t>
    </rPh>
    <phoneticPr fontId="5"/>
  </si>
  <si>
    <t>星井町</t>
    <rPh sb="0" eb="3">
      <t>ホシイマチ</t>
    </rPh>
    <phoneticPr fontId="5"/>
  </si>
  <si>
    <t>大山地域</t>
    <rPh sb="0" eb="2">
      <t>オオヤマ</t>
    </rPh>
    <rPh sb="2" eb="4">
      <t>チイキ</t>
    </rPh>
    <phoneticPr fontId="5"/>
  </si>
  <si>
    <t>西田地方</t>
    <rPh sb="0" eb="4">
      <t>ニシデンジガタ</t>
    </rPh>
    <phoneticPr fontId="5"/>
  </si>
  <si>
    <t>上滝</t>
    <rPh sb="0" eb="2">
      <t>カミダキ</t>
    </rPh>
    <phoneticPr fontId="5"/>
  </si>
  <si>
    <t>堀川</t>
    <rPh sb="0" eb="2">
      <t>ホリカワ</t>
    </rPh>
    <phoneticPr fontId="5"/>
  </si>
  <si>
    <t>大山</t>
    <rPh sb="0" eb="2">
      <t>オオヤマ</t>
    </rPh>
    <phoneticPr fontId="5"/>
  </si>
  <si>
    <t>堀川南</t>
    <rPh sb="0" eb="2">
      <t>ホリカワ</t>
    </rPh>
    <rPh sb="2" eb="3">
      <t>ミナミ</t>
    </rPh>
    <phoneticPr fontId="5"/>
  </si>
  <si>
    <t>大庄</t>
    <rPh sb="0" eb="2">
      <t>ダイショウ</t>
    </rPh>
    <phoneticPr fontId="5"/>
  </si>
  <si>
    <t>東部</t>
    <rPh sb="0" eb="2">
      <t>トウブ</t>
    </rPh>
    <phoneticPr fontId="5"/>
  </si>
  <si>
    <t>福沢</t>
    <rPh sb="0" eb="2">
      <t>フクサワ</t>
    </rPh>
    <phoneticPr fontId="5"/>
  </si>
  <si>
    <t>奥田</t>
    <rPh sb="0" eb="2">
      <t>オクダ</t>
    </rPh>
    <phoneticPr fontId="5"/>
  </si>
  <si>
    <t>大山地域（合計）</t>
    <rPh sb="0" eb="2">
      <t>オオヤマ</t>
    </rPh>
    <rPh sb="2" eb="4">
      <t>チイキ</t>
    </rPh>
    <rPh sb="5" eb="7">
      <t>ゴウケイ</t>
    </rPh>
    <phoneticPr fontId="5"/>
  </si>
  <si>
    <t>奥田北</t>
    <rPh sb="0" eb="3">
      <t>オクダキタ</t>
    </rPh>
    <phoneticPr fontId="5"/>
  </si>
  <si>
    <t>桜谷</t>
    <rPh sb="0" eb="2">
      <t>サクラタニ</t>
    </rPh>
    <phoneticPr fontId="5"/>
  </si>
  <si>
    <t>八尾地域</t>
    <rPh sb="0" eb="4">
      <t>ヤツオチイキ</t>
    </rPh>
    <phoneticPr fontId="5"/>
  </si>
  <si>
    <t>五福</t>
    <rPh sb="0" eb="2">
      <t>ゴフク</t>
    </rPh>
    <phoneticPr fontId="5"/>
  </si>
  <si>
    <t>八尾</t>
    <rPh sb="0" eb="2">
      <t>ヤツオ</t>
    </rPh>
    <phoneticPr fontId="5"/>
  </si>
  <si>
    <t>神明</t>
    <rPh sb="0" eb="2">
      <t>シンメイ</t>
    </rPh>
    <phoneticPr fontId="5"/>
  </si>
  <si>
    <t>保内</t>
    <rPh sb="0" eb="2">
      <t>ヤスウチ</t>
    </rPh>
    <phoneticPr fontId="5"/>
  </si>
  <si>
    <t>岩瀬</t>
    <rPh sb="0" eb="2">
      <t>イワセ</t>
    </rPh>
    <phoneticPr fontId="5"/>
  </si>
  <si>
    <t>杉原</t>
    <rPh sb="0" eb="2">
      <t>スギハラ</t>
    </rPh>
    <phoneticPr fontId="5"/>
  </si>
  <si>
    <t>卯花</t>
    <rPh sb="0" eb="2">
      <t>ウノハナ</t>
    </rPh>
    <phoneticPr fontId="5"/>
  </si>
  <si>
    <t>大広田</t>
    <rPh sb="0" eb="3">
      <t>オオヒロタ</t>
    </rPh>
    <phoneticPr fontId="5"/>
  </si>
  <si>
    <t>室牧</t>
    <rPh sb="0" eb="2">
      <t>ムロマキ</t>
    </rPh>
    <phoneticPr fontId="5"/>
  </si>
  <si>
    <t>浜黒崎</t>
    <rPh sb="0" eb="3">
      <t>ハマクロサキ</t>
    </rPh>
    <phoneticPr fontId="5"/>
  </si>
  <si>
    <t>黒瀬谷</t>
    <rPh sb="0" eb="3">
      <t>クロセタニ</t>
    </rPh>
    <phoneticPr fontId="5"/>
  </si>
  <si>
    <t>針原</t>
    <rPh sb="0" eb="2">
      <t>ハリハラ</t>
    </rPh>
    <phoneticPr fontId="5"/>
  </si>
  <si>
    <t>野積</t>
    <rPh sb="0" eb="2">
      <t>ノヅ</t>
    </rPh>
    <phoneticPr fontId="5"/>
  </si>
  <si>
    <t>豊田</t>
    <rPh sb="0" eb="2">
      <t>トヨタ</t>
    </rPh>
    <phoneticPr fontId="5"/>
  </si>
  <si>
    <t>仁歩</t>
    <rPh sb="0" eb="1">
      <t>ニ</t>
    </rPh>
    <rPh sb="1" eb="2">
      <t>アル</t>
    </rPh>
    <phoneticPr fontId="5"/>
  </si>
  <si>
    <t>広田</t>
    <rPh sb="0" eb="2">
      <t>ヒロタ</t>
    </rPh>
    <phoneticPr fontId="5"/>
  </si>
  <si>
    <t>大長谷</t>
    <rPh sb="0" eb="3">
      <t>オオナガタニ</t>
    </rPh>
    <phoneticPr fontId="5"/>
  </si>
  <si>
    <t>新庄</t>
    <rPh sb="0" eb="2">
      <t>シンジョウ</t>
    </rPh>
    <phoneticPr fontId="5"/>
  </si>
  <si>
    <t>八尾地域（合計）</t>
    <rPh sb="0" eb="4">
      <t>ヤツオチイキ</t>
    </rPh>
    <rPh sb="5" eb="7">
      <t>ゴウケイ</t>
    </rPh>
    <phoneticPr fontId="5"/>
  </si>
  <si>
    <t>藤ノ木</t>
    <rPh sb="0" eb="1">
      <t>フジ</t>
    </rPh>
    <rPh sb="2" eb="3">
      <t>キ</t>
    </rPh>
    <phoneticPr fontId="5"/>
  </si>
  <si>
    <t>山室</t>
    <rPh sb="0" eb="2">
      <t>ヤマムロ</t>
    </rPh>
    <phoneticPr fontId="5"/>
  </si>
  <si>
    <t>婦中地域</t>
    <rPh sb="0" eb="2">
      <t>フチュウ</t>
    </rPh>
    <rPh sb="2" eb="4">
      <t>チイキ</t>
    </rPh>
    <phoneticPr fontId="5"/>
  </si>
  <si>
    <t>山室中部</t>
    <rPh sb="0" eb="4">
      <t>ヤマムロチュウブ</t>
    </rPh>
    <phoneticPr fontId="5"/>
  </si>
  <si>
    <t>速星</t>
    <rPh sb="0" eb="2">
      <t>ハヤホシ</t>
    </rPh>
    <phoneticPr fontId="5"/>
  </si>
  <si>
    <t>太田</t>
    <rPh sb="0" eb="2">
      <t>オオタ</t>
    </rPh>
    <phoneticPr fontId="5"/>
  </si>
  <si>
    <t>鵜坂</t>
    <rPh sb="0" eb="2">
      <t>ウサカ</t>
    </rPh>
    <phoneticPr fontId="5"/>
  </si>
  <si>
    <t>蜷川</t>
    <rPh sb="0" eb="2">
      <t>ニナガワ</t>
    </rPh>
    <phoneticPr fontId="5"/>
  </si>
  <si>
    <t>朝日</t>
    <rPh sb="0" eb="2">
      <t>アサヒ</t>
    </rPh>
    <phoneticPr fontId="5"/>
  </si>
  <si>
    <t>新保</t>
    <rPh sb="0" eb="2">
      <t>シンボ</t>
    </rPh>
    <phoneticPr fontId="5"/>
  </si>
  <si>
    <t>宮川</t>
    <rPh sb="0" eb="2">
      <t>ミヤガワ</t>
    </rPh>
    <phoneticPr fontId="5"/>
  </si>
  <si>
    <t>熊野</t>
    <rPh sb="0" eb="2">
      <t>クマノ</t>
    </rPh>
    <phoneticPr fontId="5"/>
  </si>
  <si>
    <t>婦中熊野</t>
    <rPh sb="0" eb="2">
      <t>フチュウ</t>
    </rPh>
    <rPh sb="2" eb="4">
      <t>クマノ</t>
    </rPh>
    <phoneticPr fontId="5"/>
  </si>
  <si>
    <t>月岡</t>
    <rPh sb="0" eb="2">
      <t>ツキオカ</t>
    </rPh>
    <phoneticPr fontId="5"/>
  </si>
  <si>
    <t>古里</t>
    <rPh sb="0" eb="2">
      <t>フルサト</t>
    </rPh>
    <phoneticPr fontId="5"/>
  </si>
  <si>
    <t>四方</t>
    <rPh sb="0" eb="2">
      <t>ヨカタ</t>
    </rPh>
    <phoneticPr fontId="5"/>
  </si>
  <si>
    <t>音川</t>
    <rPh sb="0" eb="2">
      <t>オトガワ</t>
    </rPh>
    <phoneticPr fontId="5"/>
  </si>
  <si>
    <t>八幡</t>
    <rPh sb="0" eb="2">
      <t>ハチマン</t>
    </rPh>
    <phoneticPr fontId="5"/>
  </si>
  <si>
    <t>神保</t>
    <rPh sb="0" eb="2">
      <t>シンボ</t>
    </rPh>
    <phoneticPr fontId="5"/>
  </si>
  <si>
    <t>草島</t>
    <rPh sb="0" eb="2">
      <t>クサジマ</t>
    </rPh>
    <phoneticPr fontId="5"/>
  </si>
  <si>
    <t>婦中地域（合計）</t>
    <rPh sb="0" eb="2">
      <t>フチュウ</t>
    </rPh>
    <rPh sb="2" eb="4">
      <t>チイキ</t>
    </rPh>
    <rPh sb="5" eb="7">
      <t>ゴウケイ</t>
    </rPh>
    <phoneticPr fontId="5"/>
  </si>
  <si>
    <t>倉垣</t>
    <rPh sb="0" eb="2">
      <t>クラガキ</t>
    </rPh>
    <phoneticPr fontId="5"/>
  </si>
  <si>
    <t>呉羽</t>
    <rPh sb="0" eb="2">
      <t>クレハ</t>
    </rPh>
    <phoneticPr fontId="5"/>
  </si>
  <si>
    <t>山田地域</t>
    <rPh sb="0" eb="4">
      <t>ヤマダチイキ</t>
    </rPh>
    <phoneticPr fontId="5"/>
  </si>
  <si>
    <t>長岡</t>
    <rPh sb="0" eb="2">
      <t>ナガオカ</t>
    </rPh>
    <phoneticPr fontId="5"/>
  </si>
  <si>
    <t>山田南部</t>
    <rPh sb="0" eb="2">
      <t>ヤマダ</t>
    </rPh>
    <rPh sb="2" eb="4">
      <t>ナンブ</t>
    </rPh>
    <phoneticPr fontId="5"/>
  </si>
  <si>
    <t>寒江</t>
    <rPh sb="0" eb="1">
      <t>サム</t>
    </rPh>
    <rPh sb="1" eb="2">
      <t>エ</t>
    </rPh>
    <phoneticPr fontId="5"/>
  </si>
  <si>
    <t>山田中部</t>
    <rPh sb="0" eb="2">
      <t>ヤマダ</t>
    </rPh>
    <rPh sb="2" eb="4">
      <t>チュウブ</t>
    </rPh>
    <phoneticPr fontId="5"/>
  </si>
  <si>
    <t>古沢</t>
    <rPh sb="0" eb="2">
      <t>フルサワ</t>
    </rPh>
    <phoneticPr fontId="5"/>
  </si>
  <si>
    <t>山田西部</t>
    <rPh sb="0" eb="2">
      <t>ヤマダ</t>
    </rPh>
    <rPh sb="2" eb="4">
      <t>セイブ</t>
    </rPh>
    <phoneticPr fontId="5"/>
  </si>
  <si>
    <t>老田</t>
    <rPh sb="0" eb="2">
      <t>オイダ</t>
    </rPh>
    <phoneticPr fontId="5"/>
  </si>
  <si>
    <t>山田東部</t>
    <rPh sb="0" eb="4">
      <t>ヤマダトウブ</t>
    </rPh>
    <phoneticPr fontId="5"/>
  </si>
  <si>
    <t>池多</t>
    <rPh sb="0" eb="2">
      <t>イケダ</t>
    </rPh>
    <phoneticPr fontId="5"/>
  </si>
  <si>
    <t>山田地域（合計）</t>
    <rPh sb="0" eb="4">
      <t>ヤマダチイキ</t>
    </rPh>
    <rPh sb="5" eb="7">
      <t>ゴウケイ</t>
    </rPh>
    <phoneticPr fontId="5"/>
  </si>
  <si>
    <t>水橋中部</t>
    <rPh sb="0" eb="2">
      <t>ミズハシ</t>
    </rPh>
    <rPh sb="2" eb="4">
      <t>チュウブ</t>
    </rPh>
    <phoneticPr fontId="5"/>
  </si>
  <si>
    <t>水橋西部</t>
    <rPh sb="0" eb="2">
      <t>ミズハシ</t>
    </rPh>
    <rPh sb="2" eb="4">
      <t>セイブ</t>
    </rPh>
    <phoneticPr fontId="5"/>
  </si>
  <si>
    <t>細入地域</t>
    <rPh sb="0" eb="2">
      <t>ホソイリ</t>
    </rPh>
    <rPh sb="2" eb="4">
      <t>チイキ</t>
    </rPh>
    <phoneticPr fontId="5"/>
  </si>
  <si>
    <t>水橋東部</t>
    <rPh sb="0" eb="2">
      <t>ミズハシ</t>
    </rPh>
    <rPh sb="2" eb="4">
      <t>トウブ</t>
    </rPh>
    <phoneticPr fontId="5"/>
  </si>
  <si>
    <t>細入北部</t>
    <rPh sb="0" eb="2">
      <t>ホソイリ</t>
    </rPh>
    <rPh sb="2" eb="4">
      <t>ホクブ</t>
    </rPh>
    <phoneticPr fontId="5"/>
  </si>
  <si>
    <t>三郷</t>
    <rPh sb="0" eb="2">
      <t>サンゴウ</t>
    </rPh>
    <phoneticPr fontId="5"/>
  </si>
  <si>
    <t>細入南部</t>
    <rPh sb="0" eb="2">
      <t>ホソイリ</t>
    </rPh>
    <rPh sb="2" eb="4">
      <t>ナンブ</t>
    </rPh>
    <phoneticPr fontId="5"/>
  </si>
  <si>
    <t>上条</t>
    <rPh sb="0" eb="1">
      <t>ウエ</t>
    </rPh>
    <rPh sb="1" eb="2">
      <t>ジョウ</t>
    </rPh>
    <phoneticPr fontId="5"/>
  </si>
  <si>
    <t>細入地域（合計）</t>
    <rPh sb="0" eb="2">
      <t>ホソイリ</t>
    </rPh>
    <rPh sb="2" eb="4">
      <t>チイキ</t>
    </rPh>
    <rPh sb="5" eb="7">
      <t>ゴウケイ</t>
    </rPh>
    <phoneticPr fontId="5"/>
  </si>
  <si>
    <t>光陽</t>
    <rPh sb="0" eb="2">
      <t>コウヨウ</t>
    </rPh>
    <phoneticPr fontId="5"/>
  </si>
  <si>
    <t>新庄北</t>
    <rPh sb="0" eb="3">
      <t>シンジョウキタ</t>
    </rPh>
    <phoneticPr fontId="5"/>
  </si>
  <si>
    <t>富山地域（合計）</t>
    <rPh sb="0" eb="4">
      <t>トヤマチイキ</t>
    </rPh>
    <rPh sb="5" eb="7">
      <t>ゴウケイ</t>
    </rPh>
    <phoneticPr fontId="5"/>
  </si>
  <si>
    <t>下タ</t>
    <rPh sb="0" eb="1">
      <t>シタ</t>
    </rPh>
    <phoneticPr fontId="5"/>
  </si>
  <si>
    <t>萩浦</t>
    <rPh sb="0" eb="1">
      <t>ハギ</t>
    </rPh>
    <rPh sb="1" eb="2">
      <t>ウラ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7" x14ac:knownFonts="1">
    <font>
      <sz val="11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Ｐゴシック"/>
      <family val="3"/>
      <charset val="128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u/>
      <sz val="11"/>
      <color theme="10"/>
      <name val="ＭＳ 明朝"/>
      <family val="1"/>
      <charset val="128"/>
    </font>
    <font>
      <b/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37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61">
    <xf numFmtId="0" fontId="0" fillId="0" borderId="0"/>
    <xf numFmtId="38" fontId="4" fillId="0" borderId="0" applyFont="0" applyFill="0" applyBorder="0" applyAlignment="0" applyProtection="0"/>
    <xf numFmtId="0" fontId="8" fillId="0" borderId="0"/>
    <xf numFmtId="0" fontId="9" fillId="0" borderId="0" applyNumberFormat="0" applyFill="0" applyBorder="0" applyAlignment="0" applyProtection="0">
      <alignment vertical="center"/>
    </xf>
    <xf numFmtId="0" fontId="10" fillId="0" borderId="28" applyNumberFormat="0" applyFill="0" applyAlignment="0" applyProtection="0">
      <alignment vertical="center"/>
    </xf>
    <xf numFmtId="0" fontId="11" fillId="0" borderId="29" applyNumberFormat="0" applyFill="0" applyAlignment="0" applyProtection="0">
      <alignment vertical="center"/>
    </xf>
    <xf numFmtId="0" fontId="12" fillId="0" borderId="30" applyNumberFormat="0" applyFill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2" borderId="0" applyNumberFormat="0" applyBorder="0" applyAlignment="0" applyProtection="0">
      <alignment vertical="center"/>
    </xf>
    <xf numFmtId="0" fontId="14" fillId="3" borderId="0" applyNumberFormat="0" applyBorder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6" fillId="5" borderId="31" applyNumberFormat="0" applyAlignment="0" applyProtection="0">
      <alignment vertical="center"/>
    </xf>
    <xf numFmtId="0" fontId="17" fillId="6" borderId="32" applyNumberFormat="0" applyAlignment="0" applyProtection="0">
      <alignment vertical="center"/>
    </xf>
    <xf numFmtId="0" fontId="18" fillId="6" borderId="31" applyNumberFormat="0" applyAlignment="0" applyProtection="0">
      <alignment vertical="center"/>
    </xf>
    <xf numFmtId="0" fontId="19" fillId="0" borderId="33" applyNumberFormat="0" applyFill="0" applyAlignment="0" applyProtection="0">
      <alignment vertical="center"/>
    </xf>
    <xf numFmtId="0" fontId="20" fillId="7" borderId="34" applyNumberFormat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0" borderId="36" applyNumberFormat="0" applyFill="0" applyAlignment="0" applyProtection="0">
      <alignment vertical="center"/>
    </xf>
    <xf numFmtId="0" fontId="24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4" fillId="12" borderId="0" applyNumberFormat="0" applyBorder="0" applyAlignment="0" applyProtection="0">
      <alignment vertical="center"/>
    </xf>
    <xf numFmtId="0" fontId="24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4" fillId="16" borderId="0" applyNumberFormat="0" applyBorder="0" applyAlignment="0" applyProtection="0">
      <alignment vertical="center"/>
    </xf>
    <xf numFmtId="0" fontId="24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24" fillId="20" borderId="0" applyNumberFormat="0" applyBorder="0" applyAlignment="0" applyProtection="0">
      <alignment vertical="center"/>
    </xf>
    <xf numFmtId="0" fontId="24" fillId="21" borderId="0" applyNumberFormat="0" applyBorder="0" applyAlignment="0" applyProtection="0">
      <alignment vertical="center"/>
    </xf>
    <xf numFmtId="0" fontId="2" fillId="22" borderId="0" applyNumberFormat="0" applyBorder="0" applyAlignment="0" applyProtection="0">
      <alignment vertical="center"/>
    </xf>
    <xf numFmtId="0" fontId="2" fillId="23" borderId="0" applyNumberFormat="0" applyBorder="0" applyAlignment="0" applyProtection="0">
      <alignment vertical="center"/>
    </xf>
    <xf numFmtId="0" fontId="24" fillId="24" borderId="0" applyNumberFormat="0" applyBorder="0" applyAlignment="0" applyProtection="0">
      <alignment vertical="center"/>
    </xf>
    <xf numFmtId="0" fontId="24" fillId="25" borderId="0" applyNumberFormat="0" applyBorder="0" applyAlignment="0" applyProtection="0">
      <alignment vertical="center"/>
    </xf>
    <xf numFmtId="0" fontId="2" fillId="26" borderId="0" applyNumberFormat="0" applyBorder="0" applyAlignment="0" applyProtection="0">
      <alignment vertical="center"/>
    </xf>
    <xf numFmtId="0" fontId="2" fillId="27" borderId="0" applyNumberFormat="0" applyBorder="0" applyAlignment="0" applyProtection="0">
      <alignment vertical="center"/>
    </xf>
    <xf numFmtId="0" fontId="24" fillId="28" borderId="0" applyNumberFormat="0" applyBorder="0" applyAlignment="0" applyProtection="0">
      <alignment vertical="center"/>
    </xf>
    <xf numFmtId="0" fontId="24" fillId="29" borderId="0" applyNumberFormat="0" applyBorder="0" applyAlignment="0" applyProtection="0">
      <alignment vertical="center"/>
    </xf>
    <xf numFmtId="0" fontId="2" fillId="30" borderId="0" applyNumberFormat="0" applyBorder="0" applyAlignment="0" applyProtection="0">
      <alignment vertical="center"/>
    </xf>
    <xf numFmtId="0" fontId="2" fillId="31" borderId="0" applyNumberFormat="0" applyBorder="0" applyAlignment="0" applyProtection="0">
      <alignment vertical="center"/>
    </xf>
    <xf numFmtId="0" fontId="24" fillId="32" borderId="0" applyNumberFormat="0" applyBorder="0" applyAlignment="0" applyProtection="0">
      <alignment vertical="center"/>
    </xf>
    <xf numFmtId="0" fontId="2" fillId="0" borderId="0">
      <alignment vertical="center"/>
    </xf>
    <xf numFmtId="0" fontId="2" fillId="8" borderId="35" applyNumberFormat="0" applyFont="0" applyAlignment="0" applyProtection="0">
      <alignment vertical="center"/>
    </xf>
    <xf numFmtId="0" fontId="3" fillId="0" borderId="0"/>
    <xf numFmtId="0" fontId="1" fillId="0" borderId="0">
      <alignment vertical="center"/>
    </xf>
    <xf numFmtId="0" fontId="1" fillId="8" borderId="35" applyNumberFormat="0" applyFont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25" fillId="0" borderId="0" applyNumberFormat="0" applyFill="0" applyBorder="0" applyAlignment="0" applyProtection="0"/>
  </cellStyleXfs>
  <cellXfs count="57">
    <xf numFmtId="0" fontId="0" fillId="0" borderId="0" xfId="0"/>
    <xf numFmtId="0" fontId="6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38" fontId="0" fillId="0" borderId="8" xfId="0" applyNumberFormat="1" applyBorder="1" applyAlignment="1">
      <alignment vertical="center"/>
    </xf>
    <xf numFmtId="38" fontId="0" fillId="0" borderId="9" xfId="0" applyNumberFormat="1" applyBorder="1" applyAlignment="1">
      <alignment vertical="center"/>
    </xf>
    <xf numFmtId="38" fontId="0" fillId="0" borderId="10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0" fillId="0" borderId="4" xfId="0" applyNumberFormat="1" applyBorder="1" applyAlignment="1">
      <alignment vertical="center"/>
    </xf>
    <xf numFmtId="38" fontId="4" fillId="0" borderId="12" xfId="1" applyBorder="1" applyAlignment="1">
      <alignment horizontal="distributed" vertical="center"/>
    </xf>
    <xf numFmtId="38" fontId="4" fillId="0" borderId="5" xfId="1" applyBorder="1" applyAlignment="1">
      <alignment vertical="center"/>
    </xf>
    <xf numFmtId="38" fontId="4" fillId="0" borderId="6" xfId="1" applyBorder="1" applyAlignment="1">
      <alignment vertical="center"/>
    </xf>
    <xf numFmtId="38" fontId="4" fillId="0" borderId="7" xfId="1" applyBorder="1" applyAlignment="1">
      <alignment vertical="center"/>
    </xf>
    <xf numFmtId="38" fontId="4" fillId="0" borderId="13" xfId="1" applyBorder="1" applyAlignment="1">
      <alignment horizontal="distributed" vertical="center"/>
    </xf>
    <xf numFmtId="38" fontId="4" fillId="0" borderId="8" xfId="1" applyBorder="1" applyAlignment="1">
      <alignment vertical="center"/>
    </xf>
    <xf numFmtId="38" fontId="4" fillId="0" borderId="9" xfId="1" applyBorder="1" applyAlignment="1">
      <alignment vertical="center"/>
    </xf>
    <xf numFmtId="38" fontId="4" fillId="0" borderId="10" xfId="1" applyBorder="1" applyAlignment="1">
      <alignment vertical="center"/>
    </xf>
    <xf numFmtId="38" fontId="4" fillId="0" borderId="13" xfId="1" applyFont="1" applyBorder="1" applyAlignment="1">
      <alignment horizontal="distributed" vertical="center"/>
    </xf>
    <xf numFmtId="38" fontId="4" fillId="0" borderId="13" xfId="1" applyFont="1" applyBorder="1" applyAlignment="1">
      <alignment horizontal="center" vertical="center"/>
    </xf>
    <xf numFmtId="38" fontId="4" fillId="0" borderId="14" xfId="1" applyFont="1" applyBorder="1" applyAlignment="1">
      <alignment horizontal="distributed" vertical="center"/>
    </xf>
    <xf numFmtId="0" fontId="6" fillId="0" borderId="15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38" fontId="3" fillId="0" borderId="5" xfId="1" applyFont="1" applyBorder="1" applyAlignment="1">
      <alignment vertical="center"/>
    </xf>
    <xf numFmtId="38" fontId="3" fillId="0" borderId="6" xfId="1" applyFont="1" applyBorder="1" applyAlignment="1">
      <alignment vertical="center"/>
    </xf>
    <xf numFmtId="38" fontId="3" fillId="0" borderId="7" xfId="1" applyFont="1" applyBorder="1" applyAlignment="1">
      <alignment vertical="center"/>
    </xf>
    <xf numFmtId="38" fontId="3" fillId="0" borderId="8" xfId="1" applyFont="1" applyBorder="1" applyAlignment="1">
      <alignment vertical="center"/>
    </xf>
    <xf numFmtId="38" fontId="3" fillId="0" borderId="9" xfId="1" applyFont="1" applyBorder="1" applyAlignment="1">
      <alignment vertical="center"/>
    </xf>
    <xf numFmtId="38" fontId="3" fillId="0" borderId="10" xfId="1" applyFont="1" applyBorder="1" applyAlignment="1">
      <alignment vertical="center"/>
    </xf>
    <xf numFmtId="38" fontId="3" fillId="0" borderId="12" xfId="1" applyFont="1" applyBorder="1" applyAlignment="1">
      <alignment horizontal="distributed" vertical="center"/>
    </xf>
    <xf numFmtId="38" fontId="3" fillId="0" borderId="13" xfId="1" applyFont="1" applyBorder="1" applyAlignment="1">
      <alignment horizontal="distributed" vertical="center"/>
    </xf>
    <xf numFmtId="38" fontId="3" fillId="0" borderId="13" xfId="1" applyFont="1" applyBorder="1" applyAlignment="1">
      <alignment horizontal="center" vertical="center"/>
    </xf>
    <xf numFmtId="38" fontId="3" fillId="0" borderId="14" xfId="1" applyFont="1" applyBorder="1" applyAlignment="1">
      <alignment horizontal="distributed" vertical="center"/>
    </xf>
    <xf numFmtId="38" fontId="3" fillId="0" borderId="18" xfId="1" applyFont="1" applyBorder="1" applyAlignment="1">
      <alignment vertical="center"/>
    </xf>
    <xf numFmtId="38" fontId="3" fillId="0" borderId="1" xfId="1" applyFont="1" applyBorder="1" applyAlignment="1">
      <alignment vertical="center"/>
    </xf>
    <xf numFmtId="38" fontId="3" fillId="0" borderId="19" xfId="1" applyFont="1" applyBorder="1" applyAlignment="1">
      <alignment vertical="center"/>
    </xf>
    <xf numFmtId="38" fontId="3" fillId="0" borderId="20" xfId="1" applyFont="1" applyBorder="1" applyAlignment="1">
      <alignment vertical="center"/>
    </xf>
    <xf numFmtId="38" fontId="3" fillId="0" borderId="21" xfId="1" applyFont="1" applyBorder="1" applyAlignment="1">
      <alignment vertical="center"/>
    </xf>
    <xf numFmtId="38" fontId="3" fillId="0" borderId="22" xfId="1" applyFont="1" applyBorder="1" applyAlignment="1">
      <alignment vertical="center"/>
    </xf>
    <xf numFmtId="38" fontId="3" fillId="0" borderId="23" xfId="1" applyFont="1" applyBorder="1" applyAlignment="1">
      <alignment vertical="center"/>
    </xf>
    <xf numFmtId="38" fontId="3" fillId="0" borderId="24" xfId="1" applyFont="1" applyBorder="1" applyAlignment="1">
      <alignment vertical="center"/>
    </xf>
    <xf numFmtId="38" fontId="4" fillId="0" borderId="24" xfId="1" applyBorder="1" applyAlignment="1">
      <alignment vertical="center"/>
    </xf>
    <xf numFmtId="38" fontId="0" fillId="0" borderId="24" xfId="0" applyNumberFormat="1" applyBorder="1" applyAlignment="1">
      <alignment vertical="center"/>
    </xf>
    <xf numFmtId="38" fontId="0" fillId="0" borderId="25" xfId="0" applyNumberFormat="1" applyBorder="1" applyAlignment="1">
      <alignment vertical="center"/>
    </xf>
    <xf numFmtId="0" fontId="6" fillId="0" borderId="27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38" fontId="4" fillId="0" borderId="26" xfId="1" applyBorder="1" applyAlignment="1">
      <alignment vertical="center"/>
    </xf>
    <xf numFmtId="0" fontId="26" fillId="0" borderId="0" xfId="0" applyFont="1"/>
    <xf numFmtId="0" fontId="0" fillId="0" borderId="11" xfId="0" applyBorder="1"/>
    <xf numFmtId="0" fontId="25" fillId="0" borderId="11" xfId="60" applyBorder="1"/>
    <xf numFmtId="0" fontId="0" fillId="0" borderId="11" xfId="0" applyBorder="1" applyAlignment="1">
      <alignment horizontal="center"/>
    </xf>
    <xf numFmtId="0" fontId="7" fillId="0" borderId="0" xfId="0" applyFont="1" applyAlignment="1">
      <alignment horizontal="center" vertical="center"/>
    </xf>
    <xf numFmtId="0" fontId="6" fillId="0" borderId="0" xfId="0" applyFont="1" applyAlignment="1">
      <alignment horizontal="right" vertical="center"/>
    </xf>
    <xf numFmtId="0" fontId="0" fillId="0" borderId="0" xfId="0" applyAlignment="1"/>
    <xf numFmtId="0" fontId="6" fillId="0" borderId="0" xfId="0" applyFont="1" applyAlignment="1" applyProtection="1">
      <alignment horizontal="right" vertical="center"/>
      <protection locked="0"/>
    </xf>
  </cellXfs>
  <cellStyles count="61">
    <cellStyle name="20% - アクセント 1" xfId="20" builtinId="30" customBuiltin="1"/>
    <cellStyle name="20% - アクセント 1 2" xfId="48" xr:uid="{00000000-0005-0000-0000-000001000000}"/>
    <cellStyle name="20% - アクセント 2" xfId="24" builtinId="34" customBuiltin="1"/>
    <cellStyle name="20% - アクセント 2 2" xfId="50" xr:uid="{00000000-0005-0000-0000-000003000000}"/>
    <cellStyle name="20% - アクセント 3" xfId="28" builtinId="38" customBuiltin="1"/>
    <cellStyle name="20% - アクセント 3 2" xfId="52" xr:uid="{00000000-0005-0000-0000-000005000000}"/>
    <cellStyle name="20% - アクセント 4" xfId="32" builtinId="42" customBuiltin="1"/>
    <cellStyle name="20% - アクセント 4 2" xfId="54" xr:uid="{00000000-0005-0000-0000-000007000000}"/>
    <cellStyle name="20% - アクセント 5" xfId="36" builtinId="46" customBuiltin="1"/>
    <cellStyle name="20% - アクセント 5 2" xfId="56" xr:uid="{00000000-0005-0000-0000-000009000000}"/>
    <cellStyle name="20% - アクセント 6" xfId="40" builtinId="50" customBuiltin="1"/>
    <cellStyle name="20% - アクセント 6 2" xfId="58" xr:uid="{00000000-0005-0000-0000-00000B000000}"/>
    <cellStyle name="40% - アクセント 1" xfId="21" builtinId="31" customBuiltin="1"/>
    <cellStyle name="40% - アクセント 1 2" xfId="49" xr:uid="{00000000-0005-0000-0000-00000D000000}"/>
    <cellStyle name="40% - アクセント 2" xfId="25" builtinId="35" customBuiltin="1"/>
    <cellStyle name="40% - アクセント 2 2" xfId="51" xr:uid="{00000000-0005-0000-0000-00000F000000}"/>
    <cellStyle name="40% - アクセント 3" xfId="29" builtinId="39" customBuiltin="1"/>
    <cellStyle name="40% - アクセント 3 2" xfId="53" xr:uid="{00000000-0005-0000-0000-000011000000}"/>
    <cellStyle name="40% - アクセント 4" xfId="33" builtinId="43" customBuiltin="1"/>
    <cellStyle name="40% - アクセント 4 2" xfId="55" xr:uid="{00000000-0005-0000-0000-000013000000}"/>
    <cellStyle name="40% - アクセント 5" xfId="37" builtinId="47" customBuiltin="1"/>
    <cellStyle name="40% - アクセント 5 2" xfId="57" xr:uid="{00000000-0005-0000-0000-000015000000}"/>
    <cellStyle name="40% - アクセント 6" xfId="41" builtinId="51" customBuiltin="1"/>
    <cellStyle name="40% - アクセント 6 2" xfId="59" xr:uid="{00000000-0005-0000-0000-000017000000}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3" builtinId="15" customBuiltin="1"/>
    <cellStyle name="チェック セル" xfId="15" builtinId="23" customBuiltin="1"/>
    <cellStyle name="どちらでもない" xfId="10" builtinId="28" customBuiltin="1"/>
    <cellStyle name="ハイパーリンク" xfId="60" builtinId="8"/>
    <cellStyle name="メモ 2" xfId="44" xr:uid="{00000000-0005-0000-0000-000027000000}"/>
    <cellStyle name="メモ 3" xfId="47" xr:uid="{00000000-0005-0000-0000-000028000000}"/>
    <cellStyle name="リンク セル" xfId="14" builtinId="24" customBuiltin="1"/>
    <cellStyle name="悪い" xfId="9" builtinId="27" customBuiltin="1"/>
    <cellStyle name="計算" xfId="13" builtinId="22" customBuiltin="1"/>
    <cellStyle name="警告文" xfId="16" builtinId="11" customBuiltin="1"/>
    <cellStyle name="桁区切り" xfId="1" builtinId="6"/>
    <cellStyle name="見出し 1" xfId="4" builtinId="16" customBuiltin="1"/>
    <cellStyle name="見出し 2" xfId="5" builtinId="17" customBuiltin="1"/>
    <cellStyle name="見出し 3" xfId="6" builtinId="18" customBuiltin="1"/>
    <cellStyle name="見出し 4" xfId="7" builtinId="19" customBuiltin="1"/>
    <cellStyle name="集計" xfId="18" builtinId="25" customBuiltin="1"/>
    <cellStyle name="出力" xfId="12" builtinId="21" customBuiltin="1"/>
    <cellStyle name="説明文" xfId="17" builtinId="53" customBuiltin="1"/>
    <cellStyle name="入力" xfId="11" builtinId="20" customBuiltin="1"/>
    <cellStyle name="標準" xfId="0" builtinId="0"/>
    <cellStyle name="標準 2" xfId="2" xr:uid="{00000000-0005-0000-0000-000037000000}"/>
    <cellStyle name="標準 2 2" xfId="45" xr:uid="{00000000-0005-0000-0000-000038000000}"/>
    <cellStyle name="標準 3" xfId="43" xr:uid="{00000000-0005-0000-0000-000039000000}"/>
    <cellStyle name="標準 4" xfId="46" xr:uid="{00000000-0005-0000-0000-00003A000000}"/>
    <cellStyle name="良い" xfId="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0B38F7-45B8-4636-BAC1-C631669AA065}">
  <dimension ref="A1:E53"/>
  <sheetViews>
    <sheetView tabSelected="1" workbookViewId="0"/>
  </sheetViews>
  <sheetFormatPr defaultRowHeight="13.2" x14ac:dyDescent="0.2"/>
  <cols>
    <col min="1" max="1" width="4.6640625" customWidth="1"/>
    <col min="2" max="2" width="20.44140625" customWidth="1"/>
    <col min="4" max="4" width="4.6640625" customWidth="1"/>
    <col min="5" max="5" width="20.44140625" bestFit="1" customWidth="1"/>
  </cols>
  <sheetData>
    <row r="1" spans="1:5" x14ac:dyDescent="0.2">
      <c r="A1" s="49" t="s">
        <v>148</v>
      </c>
      <c r="B1" t="s">
        <v>149</v>
      </c>
    </row>
    <row r="2" spans="1:5" x14ac:dyDescent="0.2">
      <c r="A2" s="52" t="s">
        <v>150</v>
      </c>
      <c r="B2" s="52"/>
      <c r="D2" s="52" t="s">
        <v>151</v>
      </c>
      <c r="E2" s="52"/>
    </row>
    <row r="3" spans="1:5" x14ac:dyDescent="0.2">
      <c r="A3" s="50">
        <v>1</v>
      </c>
      <c r="B3" s="51" t="s">
        <v>152</v>
      </c>
      <c r="D3" s="50">
        <v>101</v>
      </c>
      <c r="E3" s="51" t="s">
        <v>244</v>
      </c>
    </row>
    <row r="4" spans="1:5" x14ac:dyDescent="0.2">
      <c r="A4" s="50">
        <v>2</v>
      </c>
      <c r="B4" s="51" t="s">
        <v>153</v>
      </c>
      <c r="D4" s="50">
        <v>102</v>
      </c>
      <c r="E4" s="51" t="s">
        <v>154</v>
      </c>
    </row>
    <row r="5" spans="1:5" x14ac:dyDescent="0.2">
      <c r="A5" s="50">
        <v>3</v>
      </c>
      <c r="B5" s="51" t="s">
        <v>155</v>
      </c>
      <c r="D5" s="50">
        <v>103</v>
      </c>
      <c r="E5" s="51" t="s">
        <v>156</v>
      </c>
    </row>
    <row r="6" spans="1:5" x14ac:dyDescent="0.2">
      <c r="A6" s="50">
        <v>4</v>
      </c>
      <c r="B6" s="51" t="s">
        <v>157</v>
      </c>
      <c r="D6" s="50">
        <v>104</v>
      </c>
      <c r="E6" s="51" t="s">
        <v>158</v>
      </c>
    </row>
    <row r="7" spans="1:5" x14ac:dyDescent="0.2">
      <c r="A7" s="50">
        <v>5</v>
      </c>
      <c r="B7" s="51" t="s">
        <v>159</v>
      </c>
      <c r="D7" s="50">
        <v>105</v>
      </c>
      <c r="E7" s="51" t="s">
        <v>160</v>
      </c>
    </row>
    <row r="8" spans="1:5" x14ac:dyDescent="0.2">
      <c r="A8" s="50">
        <v>6</v>
      </c>
      <c r="B8" s="51" t="s">
        <v>161</v>
      </c>
      <c r="D8" s="50">
        <v>199</v>
      </c>
      <c r="E8" s="51" t="s">
        <v>162</v>
      </c>
    </row>
    <row r="9" spans="1:5" x14ac:dyDescent="0.2">
      <c r="A9" s="50">
        <v>7</v>
      </c>
      <c r="B9" s="51" t="s">
        <v>163</v>
      </c>
    </row>
    <row r="10" spans="1:5" x14ac:dyDescent="0.2">
      <c r="A10" s="50">
        <v>8</v>
      </c>
      <c r="B10" s="51" t="s">
        <v>164</v>
      </c>
      <c r="D10" s="52" t="s">
        <v>165</v>
      </c>
      <c r="E10" s="52"/>
    </row>
    <row r="11" spans="1:5" x14ac:dyDescent="0.2">
      <c r="A11" s="50">
        <v>9</v>
      </c>
      <c r="B11" s="51" t="s">
        <v>166</v>
      </c>
      <c r="D11" s="50">
        <v>201</v>
      </c>
      <c r="E11" s="51" t="s">
        <v>167</v>
      </c>
    </row>
    <row r="12" spans="1:5" x14ac:dyDescent="0.2">
      <c r="A12" s="50">
        <v>10</v>
      </c>
      <c r="B12" s="51" t="s">
        <v>168</v>
      </c>
      <c r="D12" s="50">
        <v>202</v>
      </c>
      <c r="E12" s="51" t="s">
        <v>169</v>
      </c>
    </row>
    <row r="13" spans="1:5" x14ac:dyDescent="0.2">
      <c r="A13" s="50">
        <v>11</v>
      </c>
      <c r="B13" s="51" t="s">
        <v>170</v>
      </c>
      <c r="D13" s="50">
        <v>203</v>
      </c>
      <c r="E13" s="51" t="s">
        <v>171</v>
      </c>
    </row>
    <row r="14" spans="1:5" x14ac:dyDescent="0.2">
      <c r="A14" s="50">
        <v>12</v>
      </c>
      <c r="B14" s="51" t="s">
        <v>172</v>
      </c>
      <c r="D14" s="50">
        <v>204</v>
      </c>
      <c r="E14" s="51" t="s">
        <v>173</v>
      </c>
    </row>
    <row r="15" spans="1:5" x14ac:dyDescent="0.2">
      <c r="A15" s="50">
        <v>13</v>
      </c>
      <c r="B15" s="51" t="s">
        <v>174</v>
      </c>
      <c r="D15" s="50">
        <v>299</v>
      </c>
      <c r="E15" s="51" t="s">
        <v>175</v>
      </c>
    </row>
    <row r="16" spans="1:5" x14ac:dyDescent="0.2">
      <c r="A16" s="50">
        <v>14</v>
      </c>
      <c r="B16" s="51" t="s">
        <v>176</v>
      </c>
    </row>
    <row r="17" spans="1:5" x14ac:dyDescent="0.2">
      <c r="A17" s="50">
        <v>15</v>
      </c>
      <c r="B17" s="51" t="s">
        <v>177</v>
      </c>
      <c r="D17" s="52" t="s">
        <v>178</v>
      </c>
      <c r="E17" s="52"/>
    </row>
    <row r="18" spans="1:5" x14ac:dyDescent="0.2">
      <c r="A18" s="50">
        <v>16</v>
      </c>
      <c r="B18" s="51" t="s">
        <v>179</v>
      </c>
      <c r="D18" s="50">
        <v>301</v>
      </c>
      <c r="E18" s="51" t="s">
        <v>180</v>
      </c>
    </row>
    <row r="19" spans="1:5" x14ac:dyDescent="0.2">
      <c r="A19" s="50">
        <v>17</v>
      </c>
      <c r="B19" s="51" t="s">
        <v>181</v>
      </c>
      <c r="D19" s="50">
        <v>302</v>
      </c>
      <c r="E19" s="51" t="s">
        <v>182</v>
      </c>
    </row>
    <row r="20" spans="1:5" x14ac:dyDescent="0.2">
      <c r="A20" s="50">
        <v>18</v>
      </c>
      <c r="B20" s="51" t="s">
        <v>183</v>
      </c>
      <c r="D20" s="50">
        <v>303</v>
      </c>
      <c r="E20" s="51" t="s">
        <v>184</v>
      </c>
    </row>
    <row r="21" spans="1:5" x14ac:dyDescent="0.2">
      <c r="A21" s="50">
        <v>19</v>
      </c>
      <c r="B21" s="51" t="s">
        <v>245</v>
      </c>
      <c r="D21" s="50">
        <v>304</v>
      </c>
      <c r="E21" s="51" t="s">
        <v>185</v>
      </c>
    </row>
    <row r="22" spans="1:5" x14ac:dyDescent="0.2">
      <c r="A22" s="50">
        <v>20</v>
      </c>
      <c r="B22" s="51" t="s">
        <v>186</v>
      </c>
      <c r="D22" s="50">
        <v>305</v>
      </c>
      <c r="E22" s="51" t="s">
        <v>187</v>
      </c>
    </row>
    <row r="23" spans="1:5" x14ac:dyDescent="0.2">
      <c r="A23" s="50">
        <v>21</v>
      </c>
      <c r="B23" s="51" t="s">
        <v>188</v>
      </c>
      <c r="D23" s="50">
        <v>306</v>
      </c>
      <c r="E23" s="51" t="s">
        <v>189</v>
      </c>
    </row>
    <row r="24" spans="1:5" x14ac:dyDescent="0.2">
      <c r="A24" s="50">
        <v>22</v>
      </c>
      <c r="B24" s="51" t="s">
        <v>190</v>
      </c>
      <c r="D24" s="50">
        <v>307</v>
      </c>
      <c r="E24" s="51" t="s">
        <v>191</v>
      </c>
    </row>
    <row r="25" spans="1:5" x14ac:dyDescent="0.2">
      <c r="A25" s="50">
        <v>23</v>
      </c>
      <c r="B25" s="51" t="s">
        <v>192</v>
      </c>
      <c r="D25" s="50">
        <v>308</v>
      </c>
      <c r="E25" s="51" t="s">
        <v>193</v>
      </c>
    </row>
    <row r="26" spans="1:5" x14ac:dyDescent="0.2">
      <c r="A26" s="50">
        <v>24</v>
      </c>
      <c r="B26" s="51" t="s">
        <v>194</v>
      </c>
      <c r="D26" s="50">
        <v>309</v>
      </c>
      <c r="E26" s="51" t="s">
        <v>195</v>
      </c>
    </row>
    <row r="27" spans="1:5" x14ac:dyDescent="0.2">
      <c r="A27" s="50">
        <v>25</v>
      </c>
      <c r="B27" s="51" t="s">
        <v>196</v>
      </c>
      <c r="D27" s="50">
        <v>399</v>
      </c>
      <c r="E27" s="51" t="s">
        <v>197</v>
      </c>
    </row>
    <row r="28" spans="1:5" x14ac:dyDescent="0.2">
      <c r="A28" s="50">
        <v>26</v>
      </c>
      <c r="B28" s="51" t="s">
        <v>198</v>
      </c>
    </row>
    <row r="29" spans="1:5" x14ac:dyDescent="0.2">
      <c r="A29" s="50">
        <v>27</v>
      </c>
      <c r="B29" s="51" t="s">
        <v>199</v>
      </c>
      <c r="D29" s="52" t="s">
        <v>200</v>
      </c>
      <c r="E29" s="52"/>
    </row>
    <row r="30" spans="1:5" x14ac:dyDescent="0.2">
      <c r="A30" s="50">
        <v>28</v>
      </c>
      <c r="B30" s="51" t="s">
        <v>201</v>
      </c>
      <c r="D30" s="50">
        <v>401</v>
      </c>
      <c r="E30" s="51" t="s">
        <v>202</v>
      </c>
    </row>
    <row r="31" spans="1:5" x14ac:dyDescent="0.2">
      <c r="A31" s="50">
        <v>29</v>
      </c>
      <c r="B31" s="51" t="s">
        <v>203</v>
      </c>
      <c r="D31" s="50">
        <v>402</v>
      </c>
      <c r="E31" s="51" t="s">
        <v>204</v>
      </c>
    </row>
    <row r="32" spans="1:5" x14ac:dyDescent="0.2">
      <c r="A32" s="50">
        <v>30</v>
      </c>
      <c r="B32" s="51" t="s">
        <v>205</v>
      </c>
      <c r="D32" s="50">
        <v>403</v>
      </c>
      <c r="E32" s="51" t="s">
        <v>206</v>
      </c>
    </row>
    <row r="33" spans="1:5" x14ac:dyDescent="0.2">
      <c r="A33" s="50">
        <v>31</v>
      </c>
      <c r="B33" s="51" t="s">
        <v>207</v>
      </c>
      <c r="D33" s="50">
        <v>404</v>
      </c>
      <c r="E33" s="51" t="s">
        <v>208</v>
      </c>
    </row>
    <row r="34" spans="1:5" x14ac:dyDescent="0.2">
      <c r="A34" s="50">
        <v>32</v>
      </c>
      <c r="B34" s="51" t="s">
        <v>209</v>
      </c>
      <c r="D34" s="50">
        <v>405</v>
      </c>
      <c r="E34" s="51" t="s">
        <v>210</v>
      </c>
    </row>
    <row r="35" spans="1:5" x14ac:dyDescent="0.2">
      <c r="A35" s="50">
        <v>33</v>
      </c>
      <c r="B35" s="51" t="s">
        <v>211</v>
      </c>
      <c r="D35" s="50">
        <v>406</v>
      </c>
      <c r="E35" s="51" t="s">
        <v>212</v>
      </c>
    </row>
    <row r="36" spans="1:5" x14ac:dyDescent="0.2">
      <c r="A36" s="50">
        <v>34</v>
      </c>
      <c r="B36" s="51" t="s">
        <v>213</v>
      </c>
      <c r="D36" s="50">
        <v>407</v>
      </c>
      <c r="E36" s="51" t="s">
        <v>214</v>
      </c>
    </row>
    <row r="37" spans="1:5" x14ac:dyDescent="0.2">
      <c r="A37" s="50">
        <v>35</v>
      </c>
      <c r="B37" s="51" t="s">
        <v>215</v>
      </c>
      <c r="D37" s="50">
        <v>408</v>
      </c>
      <c r="E37" s="51" t="s">
        <v>216</v>
      </c>
    </row>
    <row r="38" spans="1:5" x14ac:dyDescent="0.2">
      <c r="A38" s="50">
        <v>36</v>
      </c>
      <c r="B38" s="51" t="s">
        <v>217</v>
      </c>
      <c r="D38" s="50">
        <v>499</v>
      </c>
      <c r="E38" s="51" t="s">
        <v>218</v>
      </c>
    </row>
    <row r="39" spans="1:5" x14ac:dyDescent="0.2">
      <c r="A39" s="50">
        <v>37</v>
      </c>
      <c r="B39" s="51" t="s">
        <v>219</v>
      </c>
    </row>
    <row r="40" spans="1:5" x14ac:dyDescent="0.2">
      <c r="A40" s="50">
        <v>38</v>
      </c>
      <c r="B40" s="51" t="s">
        <v>220</v>
      </c>
      <c r="D40" s="52" t="s">
        <v>221</v>
      </c>
      <c r="E40" s="52"/>
    </row>
    <row r="41" spans="1:5" x14ac:dyDescent="0.2">
      <c r="A41" s="50">
        <v>39</v>
      </c>
      <c r="B41" s="51" t="s">
        <v>222</v>
      </c>
      <c r="D41" s="50">
        <v>501</v>
      </c>
      <c r="E41" s="51" t="s">
        <v>223</v>
      </c>
    </row>
    <row r="42" spans="1:5" x14ac:dyDescent="0.2">
      <c r="A42" s="50">
        <v>40</v>
      </c>
      <c r="B42" s="51" t="s">
        <v>224</v>
      </c>
      <c r="D42" s="50">
        <v>502</v>
      </c>
      <c r="E42" s="51" t="s">
        <v>225</v>
      </c>
    </row>
    <row r="43" spans="1:5" x14ac:dyDescent="0.2">
      <c r="A43" s="50">
        <v>41</v>
      </c>
      <c r="B43" s="51" t="s">
        <v>226</v>
      </c>
      <c r="D43" s="50">
        <v>503</v>
      </c>
      <c r="E43" s="51" t="s">
        <v>227</v>
      </c>
    </row>
    <row r="44" spans="1:5" x14ac:dyDescent="0.2">
      <c r="A44" s="50">
        <v>42</v>
      </c>
      <c r="B44" s="51" t="s">
        <v>228</v>
      </c>
      <c r="D44" s="50">
        <v>504</v>
      </c>
      <c r="E44" s="51" t="s">
        <v>229</v>
      </c>
    </row>
    <row r="45" spans="1:5" x14ac:dyDescent="0.2">
      <c r="A45" s="50">
        <v>43</v>
      </c>
      <c r="B45" s="51" t="s">
        <v>230</v>
      </c>
      <c r="D45" s="50">
        <v>599</v>
      </c>
      <c r="E45" s="51" t="s">
        <v>231</v>
      </c>
    </row>
    <row r="46" spans="1:5" x14ac:dyDescent="0.2">
      <c r="A46" s="50">
        <v>44</v>
      </c>
      <c r="B46" s="51" t="s">
        <v>232</v>
      </c>
    </row>
    <row r="47" spans="1:5" x14ac:dyDescent="0.2">
      <c r="A47" s="50">
        <v>45</v>
      </c>
      <c r="B47" s="51" t="s">
        <v>233</v>
      </c>
      <c r="D47" s="52" t="s">
        <v>234</v>
      </c>
      <c r="E47" s="52"/>
    </row>
    <row r="48" spans="1:5" x14ac:dyDescent="0.2">
      <c r="A48" s="50">
        <v>46</v>
      </c>
      <c r="B48" s="51" t="s">
        <v>235</v>
      </c>
      <c r="D48" s="50">
        <v>601</v>
      </c>
      <c r="E48" s="51" t="s">
        <v>236</v>
      </c>
    </row>
    <row r="49" spans="1:5" x14ac:dyDescent="0.2">
      <c r="A49" s="50">
        <v>47</v>
      </c>
      <c r="B49" s="51" t="s">
        <v>237</v>
      </c>
      <c r="D49" s="50">
        <v>602</v>
      </c>
      <c r="E49" s="51" t="s">
        <v>238</v>
      </c>
    </row>
    <row r="50" spans="1:5" x14ac:dyDescent="0.2">
      <c r="A50" s="50">
        <v>48</v>
      </c>
      <c r="B50" s="51" t="s">
        <v>239</v>
      </c>
      <c r="D50" s="50">
        <v>699</v>
      </c>
      <c r="E50" s="51" t="s">
        <v>240</v>
      </c>
    </row>
    <row r="51" spans="1:5" x14ac:dyDescent="0.2">
      <c r="A51" s="50">
        <v>49</v>
      </c>
      <c r="B51" s="51" t="s">
        <v>241</v>
      </c>
    </row>
    <row r="52" spans="1:5" x14ac:dyDescent="0.2">
      <c r="A52" s="50">
        <v>50</v>
      </c>
      <c r="B52" s="51" t="s">
        <v>242</v>
      </c>
    </row>
    <row r="53" spans="1:5" x14ac:dyDescent="0.2">
      <c r="A53" s="50">
        <v>99</v>
      </c>
      <c r="B53" s="51" t="s">
        <v>243</v>
      </c>
    </row>
  </sheetData>
  <mergeCells count="7">
    <mergeCell ref="D47:E47"/>
    <mergeCell ref="A2:B2"/>
    <mergeCell ref="D2:E2"/>
    <mergeCell ref="D10:E10"/>
    <mergeCell ref="D17:E17"/>
    <mergeCell ref="D29:E29"/>
    <mergeCell ref="D40:E40"/>
  </mergeCells>
  <phoneticPr fontId="5"/>
  <hyperlinks>
    <hyperlink ref="B3" location="'年齢別・性別人口(01総曲輪)'!A1" display="総曲輪" xr:uid="{09010840-3F00-459A-9D80-EE756878E506}"/>
    <hyperlink ref="B4" location="'年齢別・性別人口(02愛宕)'!A1" display="愛宕" xr:uid="{5D22CF40-A84C-4B34-808A-D864EA7F0261}"/>
    <hyperlink ref="B5" location="'年齢別・性別人口(03安野屋)'!A1" display="安野屋" xr:uid="{5946BBBA-BCCC-4B4B-9944-DCC3F65207B9}"/>
    <hyperlink ref="B6" location="'年齢別・性別人口(04八人町)'!A1" display="八人町" xr:uid="{E1715A2C-FEED-4721-BBB9-3836365050F9}"/>
    <hyperlink ref="B7" location="'年齢別・性別人口(05五番町)'!A1" display="五番町" xr:uid="{52A3D878-3BB9-4FA9-990D-CBA330488832}"/>
    <hyperlink ref="B8" location="'年齢別・性別人口(06柳町)'!A1" display="柳町" xr:uid="{64EDCA05-8149-4152-B5D4-3792A3F2487B}"/>
    <hyperlink ref="B9" location="'年齢別・性別人口(07清水町)'!A1" display="清水町" xr:uid="{5FB353D8-5A8A-4D31-9EE4-5E864C323246}"/>
    <hyperlink ref="B10" location="'年齢別・性別人口(08星井町)'!A1" display="星井町" xr:uid="{186C54C3-D363-4336-84D4-CBFFAF9DEB54}"/>
    <hyperlink ref="B11" location="'年齢別・性別人口(09西田地方)'!A1" display="西田地方" xr:uid="{B7065222-C392-47B6-B7CD-4C4AA16E3F4D}"/>
    <hyperlink ref="B12" location="'年齢別・性別人口(10堀川)'!A1" display="堀川" xr:uid="{A242F41C-43AB-4498-9292-FB6B52C63926}"/>
    <hyperlink ref="B13" location="'年齢別・性別人口(11堀川南)'!A1" display="堀川南" xr:uid="{12243655-88B0-457F-81B5-0C93FEB5302F}"/>
    <hyperlink ref="B14" location="'年齢別・性別人口(12東部)'!A1" display="東部" xr:uid="{8401535F-194D-4B8B-A482-DDDA47F208A7}"/>
    <hyperlink ref="B15" location="'年齢別・性別人口(13奥田)'!A1" display="奥田" xr:uid="{D318C0FC-7306-405C-8FB8-7D0556A11422}"/>
    <hyperlink ref="B16" location="'年齢別・性別人口(14奥田北)'!A1" display="奥田北" xr:uid="{C2EA2324-C37A-44C4-8026-EC50AA5AC762}"/>
    <hyperlink ref="B18" location="'年齢別・性別人口(16五福)'!A1" display="五福" xr:uid="{5D42A068-BE12-4A54-8CBE-6EA30456B456}"/>
    <hyperlink ref="B19" location="'年齢別・性別人口(17神明)'!A1" display="神明" xr:uid="{E44329E9-642B-4D41-8544-136C3CBED4B0}"/>
    <hyperlink ref="B20" location="'年齢別・性別人口(18岩瀬)'!A1" display="岩瀬" xr:uid="{68725FB0-9934-464F-8612-AC74F4FBC7FD}"/>
    <hyperlink ref="B21" location="'年齢別・性別人口(19萩浦)'!A1" display="荻浦" xr:uid="{0109EBE5-C569-4EE1-ACBE-AD1DE7D7F077}"/>
    <hyperlink ref="B22" location="'年齢別・性別人口(20大広田)'!A1" display="大広田" xr:uid="{C1607186-F42F-41DD-98B0-C545539230FE}"/>
    <hyperlink ref="B23" location="'年齢別・性別人口(21浜黒崎)'!A1" display="浜黒崎" xr:uid="{38696FFF-8873-49E9-A6FF-A1C5257E1E75}"/>
    <hyperlink ref="B24" location="'年齢別・性別人口(22針原)'!A1" display="針原" xr:uid="{C88B0981-919D-480C-AB7A-2405F4AF7B99}"/>
    <hyperlink ref="B25" location="'年齢別・性別人口(23豊田)'!A1" display="豊田" xr:uid="{39D1B5B6-ED6F-4DF6-A3F4-D6D97C442D30}"/>
    <hyperlink ref="B26" location="'年齢別・性別人口(24広田)'!A1" display="広田" xr:uid="{925F9682-965E-4CD4-BAF6-066D2050E4A3}"/>
    <hyperlink ref="B27" location="'年齢別・性別人口(25新庄)'!A1" display="新庄" xr:uid="{D4B88C01-768F-4F58-947F-A17808E2EEF9}"/>
    <hyperlink ref="B28" location="'年齢別・性別人口(26藤ノ木)'!A1" display="藤ノ木" xr:uid="{9D273DC7-7276-46DA-AA68-6D55D4D368D2}"/>
    <hyperlink ref="B29" location="'年齢別・性別人口(27山室)'!A1" display="山室" xr:uid="{5EB5C98A-BE5C-4558-9127-7AA5CD6C263B}"/>
    <hyperlink ref="B30" location="'年齢別・性別人口(28山室中部)'!A1" display="山室中部" xr:uid="{317E1ACA-A7CB-40AF-93C9-626009C86F77}"/>
    <hyperlink ref="B31" location="'年齢別・性別人口(29太田)'!A1" display="太田" xr:uid="{54DDBC17-8034-41B3-8D65-F367C565039F}"/>
    <hyperlink ref="B32" location="'年齢別・性別人口(30蜷川)'!A1" display="蜷川" xr:uid="{A9B7BEDD-4764-47E7-885E-4D107742F426}"/>
    <hyperlink ref="B33" location="'年齢別・性別人口(31新保)'!A1" display="新保" xr:uid="{6325001F-846F-4E27-8212-72AC5A542E0A}"/>
    <hyperlink ref="B34" location="'年齢別・性別人口(32熊野)'!A1" display="熊野" xr:uid="{17853ECE-B5F1-4328-97FF-EF5F33230B6D}"/>
    <hyperlink ref="B35" location="'年齢別・性別人口(33月岡)'!A1" display="月岡" xr:uid="{B6C7EDB1-65B5-4FD7-9343-670970ECB529}"/>
    <hyperlink ref="B36" location="'年齢別・性別人口(34四方)'!A1" display="四方" xr:uid="{203DB46D-7495-4BED-B3B5-BD874558170C}"/>
    <hyperlink ref="B37" location="'年齢別・性別人口(35八幡)'!A1" display="八幡" xr:uid="{9263FF12-EC67-40AF-AB48-04708EEECCE3}"/>
    <hyperlink ref="B38" location="'年齢別・性別人口(36草島)'!A1" display="草島" xr:uid="{70DAB72F-F942-47B5-B412-5669D7FFC845}"/>
    <hyperlink ref="B39" location="'年齢別・性別人口(37倉垣)'!A1" display="倉垣" xr:uid="{8556986F-6B49-43D4-A24F-8FE780BACCD1}"/>
    <hyperlink ref="B40" location="'年齢別・性別人口(38呉羽)'!A1" display="呉羽" xr:uid="{F532E8E2-6AF7-4DE8-9F03-CA4395C6CE5C}"/>
    <hyperlink ref="B41" location="'年齢別・性別人口(39長岡)'!A1" display="長岡" xr:uid="{DDDD56AC-3402-4232-9EA1-1E3FC3612BB8}"/>
    <hyperlink ref="B42" location="'年齢別・性別人口(40寒江)'!A1" display="寒江" xr:uid="{DCC4791F-ECFC-4F1A-AEBB-3A433DC40820}"/>
    <hyperlink ref="B43" location="'年齢別・性別人口(41古沢)'!A1" display="古沢" xr:uid="{9DB9A8EE-BE1C-41C5-9B77-DB0A2DFC109A}"/>
    <hyperlink ref="B44" location="'年齢別・性別人口(42老田)'!A1" display="老田" xr:uid="{67CA6328-727C-463D-A018-F95C5E92984A}"/>
    <hyperlink ref="B45" location="'年齢別・性別人口(43池多)'!A1" display="池多" xr:uid="{178CDD47-D6A3-482A-BF91-9EAFD318D10C}"/>
    <hyperlink ref="B46" location="'年齢別・性別人口(44水橋中部)'!A1" display="水橋中部" xr:uid="{7E39473A-A43F-4F6F-BC29-355A00BF7131}"/>
    <hyperlink ref="B47" location="'年齢別・性別人口(45水橋西部)'!A1" display="水橋西部" xr:uid="{2A2678CF-72BB-4F8D-A728-78B58734EA5C}"/>
    <hyperlink ref="B48" location="'年齢別・性別人口(46水橋東部)'!A1" display="水橋東部" xr:uid="{0D282411-4C9B-4C13-8500-2020E673D213}"/>
    <hyperlink ref="B49" location="'年齢別・性別人口(47三郷)'!A1" display="三郷" xr:uid="{D8269CDF-05BE-4927-91F6-CD762CD2E4C1}"/>
    <hyperlink ref="B50" location="'年齢別・性別人口(48上条)'!A1" display="上条" xr:uid="{DCC9BA21-93D0-4D29-8033-666CFA8C3CB7}"/>
    <hyperlink ref="B51" location="'年齢別・性別人口(49光陽)'!A1" display="光陽" xr:uid="{1A2B7E12-563F-402F-A989-060EDC86A150}"/>
    <hyperlink ref="B52" location="'年齢別・性別人口(50新庄北）'!A1" display="新庄北" xr:uid="{9DF6AF4B-6FB2-4E23-8EB4-20DDFC885A02}"/>
    <hyperlink ref="B53" location="'年齢別・性別人口(0099富山地域)'!A1" display="富山地域（合計）" xr:uid="{4AC3B3B6-EF45-436C-9758-30694FF4BCF7}"/>
    <hyperlink ref="E3" location="'年齢別・性別人口0101下タ)'!A1" display="下夕" xr:uid="{00087E33-4224-4114-8B02-AE042C5D5751}"/>
    <hyperlink ref="E4" location="'年齢別・性別人口(0102小羽)'!A1" display="小羽" xr:uid="{31CD2E62-5567-478B-BE81-0601877460E8}"/>
    <hyperlink ref="E5" location="'年齢別・性別人口(0103船峅)'!A1" display="船峅" xr:uid="{060EA6D4-8AEC-446C-8918-4C821361AD27}"/>
    <hyperlink ref="E6" location="'年齢別・性別人口(0104大沢野)'!A1" display="大沢野" xr:uid="{66C7E820-0FDF-436A-8F34-A69ADAF61F4F}"/>
    <hyperlink ref="E7" location="'年齢別・性別人口(0105大久保)'!A1" display="大久保" xr:uid="{8EA56D9A-0899-4C4E-A53D-11767252ABE5}"/>
    <hyperlink ref="E8" location="'年齢別・性別人口(0199大沢野地域)'!A1" display="大沢野地域（合計）" xr:uid="{5342314B-D8CB-44E8-A408-7A26F6349E9D}"/>
    <hyperlink ref="E11" location="'年齢別・性別人口(0201上滝)'!A1" display="上滝" xr:uid="{21D1F5AF-994B-49C7-94BD-FF2F38F67DDF}"/>
    <hyperlink ref="E12" location="'年齢別・性別人口(0202大山)'!A1" display="大山" xr:uid="{911D2A97-7AC4-4C75-9BF4-5B1DEEA65843}"/>
    <hyperlink ref="E13" location="'年齢別・性別人口(0203大庄)'!A1" display="大庄" xr:uid="{CE141E85-610F-4C4C-82F5-46AFB401F23D}"/>
    <hyperlink ref="E14" location="'年齢別・性別人口(0204福沢)'!A1" display="福沢" xr:uid="{8B4158F1-D447-409A-82B9-D97219B75239}"/>
    <hyperlink ref="E15" location="'年齢別・性別人口(0299大山地域)'!A1" display="大山地域（合計）" xr:uid="{A3C757A2-02BA-456E-B857-7A22E5D18E09}"/>
    <hyperlink ref="E18" location="'年齢別・性別人口(0301八尾)'!A1" display="八尾" xr:uid="{77CB08F4-BDDB-4775-909A-7410883A2D43}"/>
    <hyperlink ref="E19" location="'年齢別・性別人口(0302保内)'!A1" display="保内" xr:uid="{D15B89D6-73DF-463C-B518-15AC4C73F30C}"/>
    <hyperlink ref="E20" location="'年齢別・性別人口(0303杉原)'!A1" display="杉原" xr:uid="{75B78CBA-7BCA-41F5-AEB4-2479A122B488}"/>
    <hyperlink ref="E21" location="'年齢別・性別人口(0304卯花)'!A1" display="卯花" xr:uid="{02838214-DB2C-4FCF-A53E-431430209851}"/>
    <hyperlink ref="E22" location="'年齢別・性別人口(0305室牧)'!A1" display="室牧" xr:uid="{C17C24ED-F602-4BD6-AA15-E1126D555B2B}"/>
    <hyperlink ref="E23" location="'年齢別・性別人口(0306黒瀬谷)'!A1" display="黒瀬谷" xr:uid="{86CD7023-22F9-429F-B854-2D83B85FE62E}"/>
    <hyperlink ref="E24" location="'年齢別・性別人口(0307野積)'!A1" display="野積" xr:uid="{2A6C10FF-C113-434E-A9A1-95E6B269154E}"/>
    <hyperlink ref="E25" location="'年齢別・性別人口(0308仁歩)'!A1" display="仁歩" xr:uid="{3D6F6CAF-7786-449E-8311-F16C32C0588C}"/>
    <hyperlink ref="E26" location="'年齢別・性別人口(0309大長谷)'!A1" display="大長谷" xr:uid="{AE734C85-1D3D-4808-8546-5B30CCDBECB1}"/>
    <hyperlink ref="E27" location="'年齢別・性別人口(0399八尾地域)'!A1" display="八尾地域（合計）" xr:uid="{634B699F-3D77-45DE-B11D-78B9702EF658}"/>
    <hyperlink ref="E30" location="'年齢別・性別人口(0401速星)'!A1" display="速星" xr:uid="{EF421EB1-804E-40F1-8676-9A6C88E13645}"/>
    <hyperlink ref="E31" location="'年齢別・性別人口(0402鵜坂)'!A1" display="鵜坂" xr:uid="{EB3779F8-8497-4A0A-9777-3F21A12CCA04}"/>
    <hyperlink ref="E32" location="'年齢別・性別人口(0403朝日)'!A1" display="朝日" xr:uid="{92A5A406-D49A-4DC5-B35A-88A4B41CBEE0}"/>
    <hyperlink ref="E33" location="'年齢別・性別人口(0404宮川)'!A1" display="宮川" xr:uid="{1AE7F526-948B-4493-A752-F46AA42DCA26}"/>
    <hyperlink ref="E34" location="'年齢別・性別人口(0405婦中熊野)'!A1" display="婦中熊野" xr:uid="{3720B93F-6F35-470B-B0C3-BBF05562177C}"/>
    <hyperlink ref="E35" location="'年齢別・性別人口(0406古里)'!A1" display="古里" xr:uid="{FC5D0C4A-F0C0-4731-83F9-CD548F03EDE9}"/>
    <hyperlink ref="E36" location="'年齢別・性別人口(0407音川)'!A1" display="音川" xr:uid="{DF4A5F55-24B9-425C-936D-7D4C892465B2}"/>
    <hyperlink ref="E37" location="'年齢別・性別人口(0408神保)'!A1" display="神保" xr:uid="{84DBCA1E-9A44-414F-B253-9FE0E5AA8664}"/>
    <hyperlink ref="E38" location="'年齢別・性別人口(0499婦中地域)'!A1" display="婦中地域（合計）" xr:uid="{42C21B02-0EEB-4F69-98FC-3C4BF57CFAAC}"/>
    <hyperlink ref="E41" location="'年齢別・性別人口(0501山田南部)'!A1" display="山田南部" xr:uid="{5595C623-054D-4578-A3FB-28D2B60A7090}"/>
    <hyperlink ref="E42" location="'年齢別・性別人口(0502山田中部)'!A1" display="山田中部" xr:uid="{767D30D9-0EA3-46EE-9391-5283CB3C6177}"/>
    <hyperlink ref="E43" location="'年齢別・性別人口(0503山田西部)'!A1" display="山田西部" xr:uid="{7FF3A360-7147-4E48-ACA2-FEF9D818A22A}"/>
    <hyperlink ref="E44" location="'年齢別・性別人口(0504山田東部)'!A1" display="山田東部" xr:uid="{B57948C8-7330-47EE-80D8-E9AA7A3C3833}"/>
    <hyperlink ref="E45" location="'年齢別・性別人口(0599山田地域)'!A1" display="山田地域（合計）" xr:uid="{C1AF041A-B904-4463-A5FF-10828BACE227}"/>
    <hyperlink ref="E48" location="'年齢別・性別人口(0601細入北部)'!A1" display="細入北部" xr:uid="{57B9DA9D-9256-491D-9973-856955939508}"/>
    <hyperlink ref="E49" location="'年齢別・性別人口(0602細入南部)'!A1" display="細入南部" xr:uid="{ED68E29C-E3A6-489C-AB00-3785F381C9AC}"/>
    <hyperlink ref="E50" location="'年齢別・性別人口(0699細入地域)'!A1" display="細入地域（合計）" xr:uid="{7B75C3E7-ACCD-4088-999D-0310C9B2083F}"/>
    <hyperlink ref="B17" location="'年齢別・性別人口(15桜谷)'!A1" display="桜谷" xr:uid="{C7D09F81-8DFA-481B-A102-F3F1CE1A10FB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0</v>
      </c>
      <c r="C5" s="12">
        <v>18</v>
      </c>
      <c r="D5" s="13">
        <v>48</v>
      </c>
    </row>
    <row r="6" spans="1:4" ht="18" customHeight="1" x14ac:dyDescent="0.2">
      <c r="A6" s="14">
        <v>1</v>
      </c>
      <c r="B6" s="15">
        <v>28</v>
      </c>
      <c r="C6" s="16">
        <v>25</v>
      </c>
      <c r="D6" s="17">
        <v>53</v>
      </c>
    </row>
    <row r="7" spans="1:4" ht="18" customHeight="1" x14ac:dyDescent="0.2">
      <c r="A7" s="14">
        <v>2</v>
      </c>
      <c r="B7" s="15">
        <v>26</v>
      </c>
      <c r="C7" s="16">
        <v>23</v>
      </c>
      <c r="D7" s="17">
        <v>49</v>
      </c>
    </row>
    <row r="8" spans="1:4" ht="18" customHeight="1" x14ac:dyDescent="0.2">
      <c r="A8" s="14">
        <v>3</v>
      </c>
      <c r="B8" s="15">
        <v>26</v>
      </c>
      <c r="C8" s="16">
        <v>29</v>
      </c>
      <c r="D8" s="17">
        <v>55</v>
      </c>
    </row>
    <row r="9" spans="1:4" ht="18" customHeight="1" x14ac:dyDescent="0.2">
      <c r="A9" s="14">
        <v>4</v>
      </c>
      <c r="B9" s="15">
        <v>29</v>
      </c>
      <c r="C9" s="16">
        <v>29</v>
      </c>
      <c r="D9" s="17">
        <v>58</v>
      </c>
    </row>
    <row r="10" spans="1:4" ht="18" customHeight="1" x14ac:dyDescent="0.2">
      <c r="A10" s="18" t="s">
        <v>48</v>
      </c>
      <c r="B10" s="15">
        <v>139</v>
      </c>
      <c r="C10" s="16">
        <v>124</v>
      </c>
      <c r="D10" s="17">
        <v>263</v>
      </c>
    </row>
    <row r="11" spans="1:4" ht="18" customHeight="1" x14ac:dyDescent="0.2">
      <c r="A11" s="14">
        <v>5</v>
      </c>
      <c r="B11" s="15">
        <v>29</v>
      </c>
      <c r="C11" s="16">
        <v>24</v>
      </c>
      <c r="D11" s="17">
        <v>53</v>
      </c>
    </row>
    <row r="12" spans="1:4" ht="18" customHeight="1" x14ac:dyDescent="0.2">
      <c r="A12" s="14">
        <v>6</v>
      </c>
      <c r="B12" s="15">
        <v>22</v>
      </c>
      <c r="C12" s="16">
        <v>31</v>
      </c>
      <c r="D12" s="17">
        <v>53</v>
      </c>
    </row>
    <row r="13" spans="1:4" ht="18" customHeight="1" x14ac:dyDescent="0.2">
      <c r="A13" s="14">
        <v>7</v>
      </c>
      <c r="B13" s="15">
        <v>29</v>
      </c>
      <c r="C13" s="16">
        <v>23</v>
      </c>
      <c r="D13" s="17">
        <v>52</v>
      </c>
    </row>
    <row r="14" spans="1:4" ht="18" customHeight="1" x14ac:dyDescent="0.2">
      <c r="A14" s="14">
        <v>8</v>
      </c>
      <c r="B14" s="15">
        <v>28</v>
      </c>
      <c r="C14" s="16">
        <v>38</v>
      </c>
      <c r="D14" s="17">
        <v>66</v>
      </c>
    </row>
    <row r="15" spans="1:4" ht="18" customHeight="1" x14ac:dyDescent="0.2">
      <c r="A15" s="14">
        <v>9</v>
      </c>
      <c r="B15" s="15">
        <v>26</v>
      </c>
      <c r="C15" s="16">
        <v>25</v>
      </c>
      <c r="D15" s="17">
        <v>51</v>
      </c>
    </row>
    <row r="16" spans="1:4" ht="18" customHeight="1" x14ac:dyDescent="0.2">
      <c r="A16" s="18" t="s">
        <v>49</v>
      </c>
      <c r="B16" s="15">
        <v>134</v>
      </c>
      <c r="C16" s="16">
        <v>141</v>
      </c>
      <c r="D16" s="17">
        <v>275</v>
      </c>
    </row>
    <row r="17" spans="1:4" ht="18" customHeight="1" x14ac:dyDescent="0.2">
      <c r="A17" s="14">
        <v>10</v>
      </c>
      <c r="B17" s="15">
        <v>29</v>
      </c>
      <c r="C17" s="16">
        <v>14</v>
      </c>
      <c r="D17" s="17">
        <v>43</v>
      </c>
    </row>
    <row r="18" spans="1:4" ht="18" customHeight="1" x14ac:dyDescent="0.2">
      <c r="A18" s="14">
        <v>11</v>
      </c>
      <c r="B18" s="15">
        <v>33</v>
      </c>
      <c r="C18" s="16">
        <v>28</v>
      </c>
      <c r="D18" s="17">
        <v>61</v>
      </c>
    </row>
    <row r="19" spans="1:4" ht="18" customHeight="1" x14ac:dyDescent="0.2">
      <c r="A19" s="14">
        <v>12</v>
      </c>
      <c r="B19" s="15">
        <v>26</v>
      </c>
      <c r="C19" s="16">
        <v>39</v>
      </c>
      <c r="D19" s="17">
        <v>65</v>
      </c>
    </row>
    <row r="20" spans="1:4" ht="18" customHeight="1" x14ac:dyDescent="0.2">
      <c r="A20" s="14">
        <v>13</v>
      </c>
      <c r="B20" s="15">
        <v>29</v>
      </c>
      <c r="C20" s="16">
        <v>29</v>
      </c>
      <c r="D20" s="17">
        <v>58</v>
      </c>
    </row>
    <row r="21" spans="1:4" ht="18" customHeight="1" x14ac:dyDescent="0.2">
      <c r="A21" s="14">
        <v>14</v>
      </c>
      <c r="B21" s="15">
        <v>23</v>
      </c>
      <c r="C21" s="16">
        <v>26</v>
      </c>
      <c r="D21" s="17">
        <v>49</v>
      </c>
    </row>
    <row r="22" spans="1:4" ht="18" customHeight="1" x14ac:dyDescent="0.2">
      <c r="A22" s="18" t="s">
        <v>50</v>
      </c>
      <c r="B22" s="15">
        <v>140</v>
      </c>
      <c r="C22" s="16">
        <v>136</v>
      </c>
      <c r="D22" s="17">
        <v>276</v>
      </c>
    </row>
    <row r="23" spans="1:4" ht="18" customHeight="1" x14ac:dyDescent="0.2">
      <c r="A23" s="18" t="s">
        <v>51</v>
      </c>
      <c r="B23" s="15">
        <v>413</v>
      </c>
      <c r="C23" s="16">
        <v>401</v>
      </c>
      <c r="D23" s="17">
        <v>814</v>
      </c>
    </row>
    <row r="24" spans="1:4" ht="18" customHeight="1" x14ac:dyDescent="0.2">
      <c r="A24" s="14">
        <v>15</v>
      </c>
      <c r="B24" s="15">
        <v>18</v>
      </c>
      <c r="C24" s="16">
        <v>29</v>
      </c>
      <c r="D24" s="17">
        <v>47</v>
      </c>
    </row>
    <row r="25" spans="1:4" ht="18" customHeight="1" x14ac:dyDescent="0.2">
      <c r="A25" s="14">
        <v>16</v>
      </c>
      <c r="B25" s="15">
        <v>28</v>
      </c>
      <c r="C25" s="16">
        <v>26</v>
      </c>
      <c r="D25" s="17">
        <v>54</v>
      </c>
    </row>
    <row r="26" spans="1:4" ht="18" customHeight="1" x14ac:dyDescent="0.2">
      <c r="A26" s="14">
        <v>17</v>
      </c>
      <c r="B26" s="15">
        <v>30</v>
      </c>
      <c r="C26" s="16">
        <v>28</v>
      </c>
      <c r="D26" s="17">
        <v>58</v>
      </c>
    </row>
    <row r="27" spans="1:4" ht="18" customHeight="1" x14ac:dyDescent="0.2">
      <c r="A27" s="14">
        <v>18</v>
      </c>
      <c r="B27" s="15">
        <v>24</v>
      </c>
      <c r="C27" s="16">
        <v>22</v>
      </c>
      <c r="D27" s="17">
        <v>46</v>
      </c>
    </row>
    <row r="28" spans="1:4" ht="18" customHeight="1" x14ac:dyDescent="0.2">
      <c r="A28" s="14">
        <v>19</v>
      </c>
      <c r="B28" s="15">
        <v>20</v>
      </c>
      <c r="C28" s="16">
        <v>20</v>
      </c>
      <c r="D28" s="17">
        <v>40</v>
      </c>
    </row>
    <row r="29" spans="1:4" ht="18" customHeight="1" x14ac:dyDescent="0.2">
      <c r="A29" s="18" t="s">
        <v>52</v>
      </c>
      <c r="B29" s="15">
        <v>120</v>
      </c>
      <c r="C29" s="16">
        <v>125</v>
      </c>
      <c r="D29" s="17">
        <v>245</v>
      </c>
    </row>
    <row r="30" spans="1:4" ht="18" customHeight="1" x14ac:dyDescent="0.2">
      <c r="A30" s="14">
        <v>20</v>
      </c>
      <c r="B30" s="15">
        <v>26</v>
      </c>
      <c r="C30" s="16">
        <v>23</v>
      </c>
      <c r="D30" s="17">
        <v>49</v>
      </c>
    </row>
    <row r="31" spans="1:4" ht="18" customHeight="1" x14ac:dyDescent="0.2">
      <c r="A31" s="14">
        <v>21</v>
      </c>
      <c r="B31" s="15">
        <v>24</v>
      </c>
      <c r="C31" s="16">
        <v>17</v>
      </c>
      <c r="D31" s="17">
        <v>41</v>
      </c>
    </row>
    <row r="32" spans="1:4" ht="18" customHeight="1" x14ac:dyDescent="0.2">
      <c r="A32" s="14">
        <v>22</v>
      </c>
      <c r="B32" s="15">
        <v>29</v>
      </c>
      <c r="C32" s="16">
        <v>15</v>
      </c>
      <c r="D32" s="17">
        <v>44</v>
      </c>
    </row>
    <row r="33" spans="1:4" ht="18" customHeight="1" x14ac:dyDescent="0.2">
      <c r="A33" s="14">
        <v>23</v>
      </c>
      <c r="B33" s="15">
        <v>32</v>
      </c>
      <c r="C33" s="16">
        <v>32</v>
      </c>
      <c r="D33" s="17">
        <v>64</v>
      </c>
    </row>
    <row r="34" spans="1:4" ht="18" customHeight="1" x14ac:dyDescent="0.2">
      <c r="A34" s="14">
        <v>24</v>
      </c>
      <c r="B34" s="15">
        <v>33</v>
      </c>
      <c r="C34" s="16">
        <v>17</v>
      </c>
      <c r="D34" s="17">
        <v>50</v>
      </c>
    </row>
    <row r="35" spans="1:4" ht="18" customHeight="1" x14ac:dyDescent="0.2">
      <c r="A35" s="18" t="s">
        <v>53</v>
      </c>
      <c r="B35" s="15">
        <v>144</v>
      </c>
      <c r="C35" s="16">
        <v>104</v>
      </c>
      <c r="D35" s="17">
        <v>248</v>
      </c>
    </row>
    <row r="36" spans="1:4" ht="18" customHeight="1" x14ac:dyDescent="0.2">
      <c r="A36" s="14">
        <v>25</v>
      </c>
      <c r="B36" s="15">
        <v>31</v>
      </c>
      <c r="C36" s="16">
        <v>28</v>
      </c>
      <c r="D36" s="17">
        <v>59</v>
      </c>
    </row>
    <row r="37" spans="1:4" ht="18" customHeight="1" x14ac:dyDescent="0.2">
      <c r="A37" s="14">
        <v>26</v>
      </c>
      <c r="B37" s="15">
        <v>31</v>
      </c>
      <c r="C37" s="16">
        <v>22</v>
      </c>
      <c r="D37" s="17">
        <v>53</v>
      </c>
    </row>
    <row r="38" spans="1:4" ht="18" customHeight="1" x14ac:dyDescent="0.2">
      <c r="A38" s="14">
        <v>27</v>
      </c>
      <c r="B38" s="15">
        <v>22</v>
      </c>
      <c r="C38" s="16">
        <v>30</v>
      </c>
      <c r="D38" s="17">
        <v>52</v>
      </c>
    </row>
    <row r="39" spans="1:4" ht="18" customHeight="1" x14ac:dyDescent="0.2">
      <c r="A39" s="14">
        <v>28</v>
      </c>
      <c r="B39" s="15">
        <v>34</v>
      </c>
      <c r="C39" s="16">
        <v>23</v>
      </c>
      <c r="D39" s="17">
        <v>57</v>
      </c>
    </row>
    <row r="40" spans="1:4" ht="18" customHeight="1" x14ac:dyDescent="0.2">
      <c r="A40" s="14">
        <v>29</v>
      </c>
      <c r="B40" s="15">
        <v>34</v>
      </c>
      <c r="C40" s="16">
        <v>34</v>
      </c>
      <c r="D40" s="17">
        <v>68</v>
      </c>
    </row>
    <row r="41" spans="1:4" ht="18" customHeight="1" x14ac:dyDescent="0.2">
      <c r="A41" s="18" t="s">
        <v>54</v>
      </c>
      <c r="B41" s="15">
        <v>152</v>
      </c>
      <c r="C41" s="16">
        <v>137</v>
      </c>
      <c r="D41" s="17">
        <v>289</v>
      </c>
    </row>
    <row r="42" spans="1:4" ht="18" customHeight="1" x14ac:dyDescent="0.2">
      <c r="A42" s="14">
        <v>30</v>
      </c>
      <c r="B42" s="15">
        <v>24</v>
      </c>
      <c r="C42" s="16">
        <v>28</v>
      </c>
      <c r="D42" s="17">
        <v>52</v>
      </c>
    </row>
    <row r="43" spans="1:4" ht="18" customHeight="1" x14ac:dyDescent="0.2">
      <c r="A43" s="14">
        <v>31</v>
      </c>
      <c r="B43" s="15">
        <v>40</v>
      </c>
      <c r="C43" s="16">
        <v>35</v>
      </c>
      <c r="D43" s="17">
        <v>75</v>
      </c>
    </row>
    <row r="44" spans="1:4" ht="18" customHeight="1" x14ac:dyDescent="0.2">
      <c r="A44" s="14">
        <v>32</v>
      </c>
      <c r="B44" s="15">
        <v>28</v>
      </c>
      <c r="C44" s="16">
        <v>32</v>
      </c>
      <c r="D44" s="17">
        <v>60</v>
      </c>
    </row>
    <row r="45" spans="1:4" ht="18" customHeight="1" x14ac:dyDescent="0.2">
      <c r="A45" s="14">
        <v>33</v>
      </c>
      <c r="B45" s="15">
        <v>38</v>
      </c>
      <c r="C45" s="16">
        <v>38</v>
      </c>
      <c r="D45" s="17">
        <v>76</v>
      </c>
    </row>
    <row r="46" spans="1:4" ht="18" customHeight="1" x14ac:dyDescent="0.2">
      <c r="A46" s="14">
        <v>34</v>
      </c>
      <c r="B46" s="15">
        <v>36</v>
      </c>
      <c r="C46" s="16">
        <v>32</v>
      </c>
      <c r="D46" s="17">
        <v>68</v>
      </c>
    </row>
    <row r="47" spans="1:4" ht="18" customHeight="1" x14ac:dyDescent="0.2">
      <c r="A47" s="18" t="s">
        <v>55</v>
      </c>
      <c r="B47" s="15">
        <v>166</v>
      </c>
      <c r="C47" s="16">
        <v>165</v>
      </c>
      <c r="D47" s="17">
        <v>331</v>
      </c>
    </row>
    <row r="48" spans="1:4" ht="18" customHeight="1" x14ac:dyDescent="0.2">
      <c r="A48" s="14">
        <v>35</v>
      </c>
      <c r="B48" s="15">
        <v>44</v>
      </c>
      <c r="C48" s="16">
        <v>43</v>
      </c>
      <c r="D48" s="17">
        <v>87</v>
      </c>
    </row>
    <row r="49" spans="1:4" ht="18" customHeight="1" x14ac:dyDescent="0.2">
      <c r="A49" s="14">
        <v>36</v>
      </c>
      <c r="B49" s="15">
        <v>51</v>
      </c>
      <c r="C49" s="16">
        <v>35</v>
      </c>
      <c r="D49" s="17">
        <v>86</v>
      </c>
    </row>
    <row r="50" spans="1:4" ht="18" customHeight="1" x14ac:dyDescent="0.2">
      <c r="A50" s="14">
        <v>37</v>
      </c>
      <c r="B50" s="15">
        <v>42</v>
      </c>
      <c r="C50" s="16">
        <v>32</v>
      </c>
      <c r="D50" s="17">
        <v>74</v>
      </c>
    </row>
    <row r="51" spans="1:4" ht="18" customHeight="1" x14ac:dyDescent="0.2">
      <c r="A51" s="14">
        <v>38</v>
      </c>
      <c r="B51" s="15">
        <v>49</v>
      </c>
      <c r="C51" s="16">
        <v>45</v>
      </c>
      <c r="D51" s="17">
        <v>94</v>
      </c>
    </row>
    <row r="52" spans="1:4" ht="18" customHeight="1" x14ac:dyDescent="0.2">
      <c r="A52" s="14">
        <v>39</v>
      </c>
      <c r="B52" s="15">
        <v>39</v>
      </c>
      <c r="C52" s="16">
        <v>30</v>
      </c>
      <c r="D52" s="17">
        <v>69</v>
      </c>
    </row>
    <row r="53" spans="1:4" ht="18" customHeight="1" x14ac:dyDescent="0.2">
      <c r="A53" s="18" t="s">
        <v>56</v>
      </c>
      <c r="B53" s="15">
        <v>225</v>
      </c>
      <c r="C53" s="16">
        <v>185</v>
      </c>
      <c r="D53" s="17">
        <v>410</v>
      </c>
    </row>
    <row r="54" spans="1:4" ht="18" customHeight="1" x14ac:dyDescent="0.2">
      <c r="A54" s="14">
        <v>40</v>
      </c>
      <c r="B54" s="15">
        <v>40</v>
      </c>
      <c r="C54" s="16">
        <v>34</v>
      </c>
      <c r="D54" s="17">
        <v>74</v>
      </c>
    </row>
    <row r="55" spans="1:4" ht="18" customHeight="1" x14ac:dyDescent="0.2">
      <c r="A55" s="14">
        <v>41</v>
      </c>
      <c r="B55" s="15">
        <v>46</v>
      </c>
      <c r="C55" s="16">
        <v>38</v>
      </c>
      <c r="D55" s="17">
        <v>84</v>
      </c>
    </row>
    <row r="56" spans="1:4" ht="18" customHeight="1" x14ac:dyDescent="0.2">
      <c r="A56" s="14">
        <v>42</v>
      </c>
      <c r="B56" s="15">
        <v>40</v>
      </c>
      <c r="C56" s="16">
        <v>53</v>
      </c>
      <c r="D56" s="17">
        <v>93</v>
      </c>
    </row>
    <row r="57" spans="1:4" ht="18" customHeight="1" x14ac:dyDescent="0.2">
      <c r="A57" s="14">
        <v>43</v>
      </c>
      <c r="B57" s="15">
        <v>47</v>
      </c>
      <c r="C57" s="16">
        <v>40</v>
      </c>
      <c r="D57" s="17">
        <v>87</v>
      </c>
    </row>
    <row r="58" spans="1:4" ht="18" customHeight="1" x14ac:dyDescent="0.2">
      <c r="A58" s="14">
        <v>44</v>
      </c>
      <c r="B58" s="15">
        <v>47</v>
      </c>
      <c r="C58" s="16">
        <v>43</v>
      </c>
      <c r="D58" s="17">
        <v>90</v>
      </c>
    </row>
    <row r="59" spans="1:4" ht="18" customHeight="1" x14ac:dyDescent="0.2">
      <c r="A59" s="18" t="s">
        <v>57</v>
      </c>
      <c r="B59" s="15">
        <v>220</v>
      </c>
      <c r="C59" s="16">
        <v>208</v>
      </c>
      <c r="D59" s="17">
        <v>428</v>
      </c>
    </row>
    <row r="60" spans="1:4" ht="18" customHeight="1" x14ac:dyDescent="0.2">
      <c r="A60" s="14">
        <v>45</v>
      </c>
      <c r="B60" s="15">
        <v>45</v>
      </c>
      <c r="C60" s="16">
        <v>59</v>
      </c>
      <c r="D60" s="17">
        <v>104</v>
      </c>
    </row>
    <row r="61" spans="1:4" ht="18" customHeight="1" x14ac:dyDescent="0.2">
      <c r="A61" s="14">
        <v>46</v>
      </c>
      <c r="B61" s="15">
        <v>68</v>
      </c>
      <c r="C61" s="16">
        <v>66</v>
      </c>
      <c r="D61" s="17">
        <v>134</v>
      </c>
    </row>
    <row r="62" spans="1:4" ht="18" customHeight="1" x14ac:dyDescent="0.2">
      <c r="A62" s="14">
        <v>47</v>
      </c>
      <c r="B62" s="15">
        <v>61</v>
      </c>
      <c r="C62" s="16">
        <v>62</v>
      </c>
      <c r="D62" s="17">
        <v>123</v>
      </c>
    </row>
    <row r="63" spans="1:4" ht="18" customHeight="1" x14ac:dyDescent="0.2">
      <c r="A63" s="14">
        <v>48</v>
      </c>
      <c r="B63" s="15">
        <v>60</v>
      </c>
      <c r="C63" s="16">
        <v>58</v>
      </c>
      <c r="D63" s="17">
        <v>118</v>
      </c>
    </row>
    <row r="64" spans="1:4" ht="18" customHeight="1" x14ac:dyDescent="0.2">
      <c r="A64" s="14">
        <v>49</v>
      </c>
      <c r="B64" s="15">
        <v>58</v>
      </c>
      <c r="C64" s="16">
        <v>52</v>
      </c>
      <c r="D64" s="17">
        <v>110</v>
      </c>
    </row>
    <row r="65" spans="1:4" ht="18" customHeight="1" x14ac:dyDescent="0.2">
      <c r="A65" s="18" t="s">
        <v>58</v>
      </c>
      <c r="B65" s="15">
        <v>292</v>
      </c>
      <c r="C65" s="16">
        <v>297</v>
      </c>
      <c r="D65" s="17">
        <v>589</v>
      </c>
    </row>
    <row r="66" spans="1:4" ht="18" customHeight="1" x14ac:dyDescent="0.2">
      <c r="A66" s="14">
        <v>50</v>
      </c>
      <c r="B66" s="15">
        <v>54</v>
      </c>
      <c r="C66" s="16">
        <v>41</v>
      </c>
      <c r="D66" s="17">
        <v>95</v>
      </c>
    </row>
    <row r="67" spans="1:4" ht="18" customHeight="1" x14ac:dyDescent="0.2">
      <c r="A67" s="14">
        <v>51</v>
      </c>
      <c r="B67" s="15">
        <v>60</v>
      </c>
      <c r="C67" s="16">
        <v>41</v>
      </c>
      <c r="D67" s="17">
        <v>101</v>
      </c>
    </row>
    <row r="68" spans="1:4" ht="18" customHeight="1" x14ac:dyDescent="0.2">
      <c r="A68" s="14">
        <v>52</v>
      </c>
      <c r="B68" s="15">
        <v>54</v>
      </c>
      <c r="C68" s="16">
        <v>43</v>
      </c>
      <c r="D68" s="17">
        <v>97</v>
      </c>
    </row>
    <row r="69" spans="1:4" ht="18" customHeight="1" x14ac:dyDescent="0.2">
      <c r="A69" s="14">
        <v>53</v>
      </c>
      <c r="B69" s="15">
        <v>45</v>
      </c>
      <c r="C69" s="16">
        <v>37</v>
      </c>
      <c r="D69" s="17">
        <v>82</v>
      </c>
    </row>
    <row r="70" spans="1:4" ht="18" customHeight="1" x14ac:dyDescent="0.2">
      <c r="A70" s="14">
        <v>54</v>
      </c>
      <c r="B70" s="15">
        <v>23</v>
      </c>
      <c r="C70" s="16">
        <v>47</v>
      </c>
      <c r="D70" s="17">
        <v>70</v>
      </c>
    </row>
    <row r="71" spans="1:4" ht="18" customHeight="1" x14ac:dyDescent="0.2">
      <c r="A71" s="18" t="s">
        <v>59</v>
      </c>
      <c r="B71" s="15">
        <v>236</v>
      </c>
      <c r="C71" s="16">
        <v>209</v>
      </c>
      <c r="D71" s="17">
        <v>445</v>
      </c>
    </row>
    <row r="72" spans="1:4" ht="18" customHeight="1" x14ac:dyDescent="0.2">
      <c r="A72" s="14">
        <v>55</v>
      </c>
      <c r="B72" s="15">
        <v>38</v>
      </c>
      <c r="C72" s="16">
        <v>45</v>
      </c>
      <c r="D72" s="17">
        <v>83</v>
      </c>
    </row>
    <row r="73" spans="1:4" ht="18" customHeight="1" x14ac:dyDescent="0.2">
      <c r="A73" s="14">
        <v>56</v>
      </c>
      <c r="B73" s="15">
        <v>34</v>
      </c>
      <c r="C73" s="16">
        <v>38</v>
      </c>
      <c r="D73" s="17">
        <v>72</v>
      </c>
    </row>
    <row r="74" spans="1:4" ht="18" customHeight="1" x14ac:dyDescent="0.2">
      <c r="A74" s="14">
        <v>57</v>
      </c>
      <c r="B74" s="15">
        <v>44</v>
      </c>
      <c r="C74" s="16">
        <v>47</v>
      </c>
      <c r="D74" s="17">
        <v>91</v>
      </c>
    </row>
    <row r="75" spans="1:4" ht="18" customHeight="1" x14ac:dyDescent="0.2">
      <c r="A75" s="14">
        <v>58</v>
      </c>
      <c r="B75" s="15">
        <v>41</v>
      </c>
      <c r="C75" s="16">
        <v>29</v>
      </c>
      <c r="D75" s="17">
        <v>70</v>
      </c>
    </row>
    <row r="76" spans="1:4" ht="18" customHeight="1" x14ac:dyDescent="0.2">
      <c r="A76" s="14">
        <v>59</v>
      </c>
      <c r="B76" s="15">
        <v>41</v>
      </c>
      <c r="C76" s="16">
        <v>42</v>
      </c>
      <c r="D76" s="17">
        <v>83</v>
      </c>
    </row>
    <row r="77" spans="1:4" ht="18" customHeight="1" x14ac:dyDescent="0.2">
      <c r="A77" s="18" t="s">
        <v>60</v>
      </c>
      <c r="B77" s="15">
        <v>198</v>
      </c>
      <c r="C77" s="16">
        <v>201</v>
      </c>
      <c r="D77" s="17">
        <v>399</v>
      </c>
    </row>
    <row r="78" spans="1:4" ht="18" customHeight="1" x14ac:dyDescent="0.2">
      <c r="A78" s="14">
        <v>60</v>
      </c>
      <c r="B78" s="15">
        <v>34</v>
      </c>
      <c r="C78" s="16">
        <v>42</v>
      </c>
      <c r="D78" s="17">
        <v>76</v>
      </c>
    </row>
    <row r="79" spans="1:4" ht="18" customHeight="1" x14ac:dyDescent="0.2">
      <c r="A79" s="14">
        <v>61</v>
      </c>
      <c r="B79" s="15">
        <v>39</v>
      </c>
      <c r="C79" s="16">
        <v>42</v>
      </c>
      <c r="D79" s="17">
        <v>81</v>
      </c>
    </row>
    <row r="80" spans="1:4" ht="18" customHeight="1" x14ac:dyDescent="0.2">
      <c r="A80" s="14">
        <v>62</v>
      </c>
      <c r="B80" s="15">
        <v>43</v>
      </c>
      <c r="C80" s="16">
        <v>41</v>
      </c>
      <c r="D80" s="17">
        <v>84</v>
      </c>
    </row>
    <row r="81" spans="1:4" ht="18" customHeight="1" x14ac:dyDescent="0.2">
      <c r="A81" s="14">
        <v>63</v>
      </c>
      <c r="B81" s="15">
        <v>41</v>
      </c>
      <c r="C81" s="16">
        <v>37</v>
      </c>
      <c r="D81" s="17">
        <v>78</v>
      </c>
    </row>
    <row r="82" spans="1:4" ht="18" customHeight="1" x14ac:dyDescent="0.2">
      <c r="A82" s="14">
        <v>64</v>
      </c>
      <c r="B82" s="15">
        <v>37</v>
      </c>
      <c r="C82" s="16">
        <v>34</v>
      </c>
      <c r="D82" s="17">
        <v>71</v>
      </c>
    </row>
    <row r="83" spans="1:4" ht="18" customHeight="1" x14ac:dyDescent="0.2">
      <c r="A83" s="18" t="s">
        <v>61</v>
      </c>
      <c r="B83" s="15">
        <v>194</v>
      </c>
      <c r="C83" s="16">
        <v>196</v>
      </c>
      <c r="D83" s="17">
        <v>390</v>
      </c>
    </row>
    <row r="84" spans="1:4" ht="18" customHeight="1" x14ac:dyDescent="0.2">
      <c r="A84" s="18" t="s">
        <v>62</v>
      </c>
      <c r="B84" s="15">
        <v>1947</v>
      </c>
      <c r="C84" s="16">
        <v>1827</v>
      </c>
      <c r="D84" s="17">
        <v>3774</v>
      </c>
    </row>
    <row r="85" spans="1:4" ht="18" customHeight="1" x14ac:dyDescent="0.2">
      <c r="A85" s="14">
        <v>65</v>
      </c>
      <c r="B85" s="15">
        <v>27</v>
      </c>
      <c r="C85" s="16">
        <v>36</v>
      </c>
      <c r="D85" s="17">
        <v>63</v>
      </c>
    </row>
    <row r="86" spans="1:4" ht="18" customHeight="1" x14ac:dyDescent="0.2">
      <c r="A86" s="14">
        <v>66</v>
      </c>
      <c r="B86" s="15">
        <v>50</v>
      </c>
      <c r="C86" s="16">
        <v>40</v>
      </c>
      <c r="D86" s="17">
        <v>90</v>
      </c>
    </row>
    <row r="87" spans="1:4" ht="18" customHeight="1" x14ac:dyDescent="0.2">
      <c r="A87" s="14">
        <v>67</v>
      </c>
      <c r="B87" s="15">
        <v>33</v>
      </c>
      <c r="C87" s="16">
        <v>38</v>
      </c>
      <c r="D87" s="17">
        <v>71</v>
      </c>
    </row>
    <row r="88" spans="1:4" ht="18" customHeight="1" x14ac:dyDescent="0.2">
      <c r="A88" s="14">
        <v>68</v>
      </c>
      <c r="B88" s="15">
        <v>23</v>
      </c>
      <c r="C88" s="16">
        <v>40</v>
      </c>
      <c r="D88" s="17">
        <v>63</v>
      </c>
    </row>
    <row r="89" spans="1:4" ht="18" customHeight="1" x14ac:dyDescent="0.2">
      <c r="A89" s="14">
        <v>69</v>
      </c>
      <c r="B89" s="15">
        <v>47</v>
      </c>
      <c r="C89" s="16">
        <v>43</v>
      </c>
      <c r="D89" s="17">
        <v>90</v>
      </c>
    </row>
    <row r="90" spans="1:4" ht="18" customHeight="1" x14ac:dyDescent="0.2">
      <c r="A90" s="18" t="s">
        <v>63</v>
      </c>
      <c r="B90" s="15">
        <v>180</v>
      </c>
      <c r="C90" s="16">
        <v>197</v>
      </c>
      <c r="D90" s="17">
        <v>377</v>
      </c>
    </row>
    <row r="91" spans="1:4" ht="18" customHeight="1" x14ac:dyDescent="0.2">
      <c r="A91" s="14">
        <v>70</v>
      </c>
      <c r="B91" s="15">
        <v>43</v>
      </c>
      <c r="C91" s="16">
        <v>56</v>
      </c>
      <c r="D91" s="17">
        <v>99</v>
      </c>
    </row>
    <row r="92" spans="1:4" ht="18" customHeight="1" x14ac:dyDescent="0.2">
      <c r="A92" s="14">
        <v>71</v>
      </c>
      <c r="B92" s="15">
        <v>41</v>
      </c>
      <c r="C92" s="16">
        <v>47</v>
      </c>
      <c r="D92" s="17">
        <v>88</v>
      </c>
    </row>
    <row r="93" spans="1:4" ht="18" customHeight="1" x14ac:dyDescent="0.2">
      <c r="A93" s="14">
        <v>72</v>
      </c>
      <c r="B93" s="15">
        <v>40</v>
      </c>
      <c r="C93" s="16">
        <v>66</v>
      </c>
      <c r="D93" s="17">
        <v>106</v>
      </c>
    </row>
    <row r="94" spans="1:4" ht="18" customHeight="1" x14ac:dyDescent="0.2">
      <c r="A94" s="14">
        <v>73</v>
      </c>
      <c r="B94" s="15">
        <v>48</v>
      </c>
      <c r="C94" s="16">
        <v>62</v>
      </c>
      <c r="D94" s="17">
        <v>110</v>
      </c>
    </row>
    <row r="95" spans="1:4" ht="18" customHeight="1" x14ac:dyDescent="0.2">
      <c r="A95" s="14">
        <v>74</v>
      </c>
      <c r="B95" s="15">
        <v>22</v>
      </c>
      <c r="C95" s="16">
        <v>30</v>
      </c>
      <c r="D95" s="17">
        <v>52</v>
      </c>
    </row>
    <row r="96" spans="1:4" ht="18" customHeight="1" x14ac:dyDescent="0.2">
      <c r="A96" s="18" t="s">
        <v>64</v>
      </c>
      <c r="B96" s="15">
        <v>194</v>
      </c>
      <c r="C96" s="16">
        <v>261</v>
      </c>
      <c r="D96" s="17">
        <v>455</v>
      </c>
    </row>
    <row r="97" spans="1:4" ht="18" customHeight="1" x14ac:dyDescent="0.2">
      <c r="A97" s="14">
        <v>75</v>
      </c>
      <c r="B97" s="15">
        <v>33</v>
      </c>
      <c r="C97" s="16">
        <v>36</v>
      </c>
      <c r="D97" s="17">
        <v>69</v>
      </c>
    </row>
    <row r="98" spans="1:4" ht="18" customHeight="1" x14ac:dyDescent="0.2">
      <c r="A98" s="14">
        <v>76</v>
      </c>
      <c r="B98" s="15">
        <v>44</v>
      </c>
      <c r="C98" s="16">
        <v>49</v>
      </c>
      <c r="D98" s="17">
        <v>93</v>
      </c>
    </row>
    <row r="99" spans="1:4" ht="18" customHeight="1" x14ac:dyDescent="0.2">
      <c r="A99" s="14">
        <v>77</v>
      </c>
      <c r="B99" s="15">
        <v>25</v>
      </c>
      <c r="C99" s="16">
        <v>31</v>
      </c>
      <c r="D99" s="17">
        <v>56</v>
      </c>
    </row>
    <row r="100" spans="1:4" ht="18" customHeight="1" x14ac:dyDescent="0.2">
      <c r="A100" s="14">
        <v>78</v>
      </c>
      <c r="B100" s="15">
        <v>34</v>
      </c>
      <c r="C100" s="16">
        <v>62</v>
      </c>
      <c r="D100" s="17">
        <v>96</v>
      </c>
    </row>
    <row r="101" spans="1:4" ht="18" customHeight="1" x14ac:dyDescent="0.2">
      <c r="A101" s="14">
        <v>79</v>
      </c>
      <c r="B101" s="15">
        <v>29</v>
      </c>
      <c r="C101" s="16">
        <v>56</v>
      </c>
      <c r="D101" s="17">
        <v>85</v>
      </c>
    </row>
    <row r="102" spans="1:4" ht="18" customHeight="1" x14ac:dyDescent="0.2">
      <c r="A102" s="18" t="s">
        <v>65</v>
      </c>
      <c r="B102" s="15">
        <v>165</v>
      </c>
      <c r="C102" s="16">
        <v>234</v>
      </c>
      <c r="D102" s="17">
        <v>399</v>
      </c>
    </row>
    <row r="103" spans="1:4" ht="18" customHeight="1" x14ac:dyDescent="0.2">
      <c r="A103" s="14">
        <v>80</v>
      </c>
      <c r="B103" s="15">
        <v>32</v>
      </c>
      <c r="C103" s="16">
        <v>32</v>
      </c>
      <c r="D103" s="17">
        <v>64</v>
      </c>
    </row>
    <row r="104" spans="1:4" ht="18" customHeight="1" x14ac:dyDescent="0.2">
      <c r="A104" s="14">
        <v>81</v>
      </c>
      <c r="B104" s="15">
        <v>23</v>
      </c>
      <c r="C104" s="16">
        <v>33</v>
      </c>
      <c r="D104" s="17">
        <v>56</v>
      </c>
    </row>
    <row r="105" spans="1:4" ht="18" customHeight="1" x14ac:dyDescent="0.2">
      <c r="A105" s="14">
        <v>82</v>
      </c>
      <c r="B105" s="15">
        <v>28</v>
      </c>
      <c r="C105" s="16">
        <v>41</v>
      </c>
      <c r="D105" s="17">
        <v>69</v>
      </c>
    </row>
    <row r="106" spans="1:4" ht="18" customHeight="1" x14ac:dyDescent="0.2">
      <c r="A106" s="14">
        <v>83</v>
      </c>
      <c r="B106" s="15">
        <v>16</v>
      </c>
      <c r="C106" s="16">
        <v>40</v>
      </c>
      <c r="D106" s="17">
        <v>56</v>
      </c>
    </row>
    <row r="107" spans="1:4" ht="18" customHeight="1" x14ac:dyDescent="0.2">
      <c r="A107" s="14">
        <v>84</v>
      </c>
      <c r="B107" s="15">
        <v>16</v>
      </c>
      <c r="C107" s="16">
        <v>45</v>
      </c>
      <c r="D107" s="17">
        <v>61</v>
      </c>
    </row>
    <row r="108" spans="1:4" ht="18" customHeight="1" x14ac:dyDescent="0.2">
      <c r="A108" s="18" t="s">
        <v>66</v>
      </c>
      <c r="B108" s="15">
        <v>115</v>
      </c>
      <c r="C108" s="16">
        <v>191</v>
      </c>
      <c r="D108" s="17">
        <v>306</v>
      </c>
    </row>
    <row r="109" spans="1:4" ht="18" customHeight="1" x14ac:dyDescent="0.2">
      <c r="A109" s="14">
        <v>85</v>
      </c>
      <c r="B109" s="15">
        <v>20</v>
      </c>
      <c r="C109" s="16">
        <v>35</v>
      </c>
      <c r="D109" s="17">
        <v>55</v>
      </c>
    </row>
    <row r="110" spans="1:4" ht="18" customHeight="1" x14ac:dyDescent="0.2">
      <c r="A110" s="14">
        <v>86</v>
      </c>
      <c r="B110" s="15">
        <v>21</v>
      </c>
      <c r="C110" s="16">
        <v>28</v>
      </c>
      <c r="D110" s="17">
        <v>49</v>
      </c>
    </row>
    <row r="111" spans="1:4" ht="18" customHeight="1" x14ac:dyDescent="0.2">
      <c r="A111" s="14">
        <v>87</v>
      </c>
      <c r="B111" s="15">
        <v>12</v>
      </c>
      <c r="C111" s="16">
        <v>46</v>
      </c>
      <c r="D111" s="17">
        <v>58</v>
      </c>
    </row>
    <row r="112" spans="1:4" ht="18" customHeight="1" x14ac:dyDescent="0.2">
      <c r="A112" s="14">
        <v>88</v>
      </c>
      <c r="B112" s="15">
        <v>9</v>
      </c>
      <c r="C112" s="16">
        <v>32</v>
      </c>
      <c r="D112" s="17">
        <v>41</v>
      </c>
    </row>
    <row r="113" spans="1:4" ht="18" customHeight="1" x14ac:dyDescent="0.2">
      <c r="A113" s="14">
        <v>89</v>
      </c>
      <c r="B113" s="15">
        <v>14</v>
      </c>
      <c r="C113" s="16">
        <v>23</v>
      </c>
      <c r="D113" s="17">
        <v>37</v>
      </c>
    </row>
    <row r="114" spans="1:4" ht="18" customHeight="1" x14ac:dyDescent="0.2">
      <c r="A114" s="18" t="s">
        <v>67</v>
      </c>
      <c r="B114" s="15">
        <v>76</v>
      </c>
      <c r="C114" s="16">
        <v>164</v>
      </c>
      <c r="D114" s="17">
        <v>240</v>
      </c>
    </row>
    <row r="115" spans="1:4" ht="18" customHeight="1" x14ac:dyDescent="0.2">
      <c r="A115" s="14">
        <v>90</v>
      </c>
      <c r="B115" s="15">
        <v>11</v>
      </c>
      <c r="C115" s="16">
        <v>23</v>
      </c>
      <c r="D115" s="17">
        <v>34</v>
      </c>
    </row>
    <row r="116" spans="1:4" ht="18" customHeight="1" x14ac:dyDescent="0.2">
      <c r="A116" s="14">
        <v>91</v>
      </c>
      <c r="B116" s="15">
        <v>10</v>
      </c>
      <c r="C116" s="16">
        <v>29</v>
      </c>
      <c r="D116" s="17">
        <v>39</v>
      </c>
    </row>
    <row r="117" spans="1:4" ht="18" customHeight="1" x14ac:dyDescent="0.2">
      <c r="A117" s="14">
        <v>92</v>
      </c>
      <c r="B117" s="15">
        <v>7</v>
      </c>
      <c r="C117" s="16">
        <v>18</v>
      </c>
      <c r="D117" s="17">
        <v>25</v>
      </c>
    </row>
    <row r="118" spans="1:4" ht="18" customHeight="1" x14ac:dyDescent="0.2">
      <c r="A118" s="14">
        <v>93</v>
      </c>
      <c r="B118" s="15">
        <v>7</v>
      </c>
      <c r="C118" s="16">
        <v>20</v>
      </c>
      <c r="D118" s="17">
        <v>27</v>
      </c>
    </row>
    <row r="119" spans="1:4" ht="18" customHeight="1" x14ac:dyDescent="0.2">
      <c r="A119" s="14">
        <v>94</v>
      </c>
      <c r="B119" s="15">
        <v>3</v>
      </c>
      <c r="C119" s="16">
        <v>15</v>
      </c>
      <c r="D119" s="17">
        <v>18</v>
      </c>
    </row>
    <row r="120" spans="1:4" ht="18" customHeight="1" x14ac:dyDescent="0.2">
      <c r="A120" s="18" t="s">
        <v>68</v>
      </c>
      <c r="B120" s="15">
        <v>38</v>
      </c>
      <c r="C120" s="16">
        <v>105</v>
      </c>
      <c r="D120" s="17">
        <v>143</v>
      </c>
    </row>
    <row r="121" spans="1:4" ht="18" customHeight="1" x14ac:dyDescent="0.2">
      <c r="A121" s="14">
        <v>95</v>
      </c>
      <c r="B121" s="15">
        <v>3</v>
      </c>
      <c r="C121" s="16">
        <v>14</v>
      </c>
      <c r="D121" s="17">
        <v>17</v>
      </c>
    </row>
    <row r="122" spans="1:4" ht="18" customHeight="1" x14ac:dyDescent="0.2">
      <c r="A122" s="14">
        <v>96</v>
      </c>
      <c r="B122" s="15">
        <v>4</v>
      </c>
      <c r="C122" s="16">
        <v>9</v>
      </c>
      <c r="D122" s="17">
        <v>13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5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8</v>
      </c>
      <c r="C126" s="16">
        <v>33</v>
      </c>
      <c r="D126" s="17">
        <v>41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8</v>
      </c>
      <c r="D129" s="17">
        <v>8</v>
      </c>
    </row>
    <row r="130" spans="1:4" ht="18" customHeight="1" x14ac:dyDescent="0.2">
      <c r="A130" s="18" t="s">
        <v>72</v>
      </c>
      <c r="B130" s="4">
        <v>776</v>
      </c>
      <c r="C130" s="5">
        <v>1193</v>
      </c>
      <c r="D130" s="6">
        <v>1969</v>
      </c>
    </row>
    <row r="131" spans="1:4" ht="18" customHeight="1" x14ac:dyDescent="0.2">
      <c r="A131" s="20" t="s">
        <v>47</v>
      </c>
      <c r="B131" s="7">
        <v>3136</v>
      </c>
      <c r="C131" s="8">
        <v>3421</v>
      </c>
      <c r="D131" s="9">
        <v>655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6</v>
      </c>
      <c r="C5" s="12">
        <v>27</v>
      </c>
      <c r="D5" s="13">
        <v>73</v>
      </c>
    </row>
    <row r="6" spans="1:4" ht="18" customHeight="1" x14ac:dyDescent="0.2">
      <c r="A6" s="14">
        <v>1</v>
      </c>
      <c r="B6" s="15">
        <v>51</v>
      </c>
      <c r="C6" s="16">
        <v>34</v>
      </c>
      <c r="D6" s="17">
        <v>85</v>
      </c>
    </row>
    <row r="7" spans="1:4" ht="18" customHeight="1" x14ac:dyDescent="0.2">
      <c r="A7" s="14">
        <v>2</v>
      </c>
      <c r="B7" s="15">
        <v>37</v>
      </c>
      <c r="C7" s="16">
        <v>37</v>
      </c>
      <c r="D7" s="17">
        <v>74</v>
      </c>
    </row>
    <row r="8" spans="1:4" ht="18" customHeight="1" x14ac:dyDescent="0.2">
      <c r="A8" s="14">
        <v>3</v>
      </c>
      <c r="B8" s="15">
        <v>48</v>
      </c>
      <c r="C8" s="16">
        <v>41</v>
      </c>
      <c r="D8" s="17">
        <v>89</v>
      </c>
    </row>
    <row r="9" spans="1:4" ht="18" customHeight="1" x14ac:dyDescent="0.2">
      <c r="A9" s="14">
        <v>4</v>
      </c>
      <c r="B9" s="15">
        <v>45</v>
      </c>
      <c r="C9" s="16">
        <v>48</v>
      </c>
      <c r="D9" s="17">
        <v>93</v>
      </c>
    </row>
    <row r="10" spans="1:4" ht="18" customHeight="1" x14ac:dyDescent="0.2">
      <c r="A10" s="18" t="s">
        <v>48</v>
      </c>
      <c r="B10" s="15">
        <v>227</v>
      </c>
      <c r="C10" s="16">
        <v>187</v>
      </c>
      <c r="D10" s="17">
        <v>414</v>
      </c>
    </row>
    <row r="11" spans="1:4" ht="18" customHeight="1" x14ac:dyDescent="0.2">
      <c r="A11" s="14">
        <v>5</v>
      </c>
      <c r="B11" s="15">
        <v>49</v>
      </c>
      <c r="C11" s="16">
        <v>46</v>
      </c>
      <c r="D11" s="17">
        <v>95</v>
      </c>
    </row>
    <row r="12" spans="1:4" ht="18" customHeight="1" x14ac:dyDescent="0.2">
      <c r="A12" s="14">
        <v>6</v>
      </c>
      <c r="B12" s="15">
        <v>55</v>
      </c>
      <c r="C12" s="16">
        <v>54</v>
      </c>
      <c r="D12" s="17">
        <v>109</v>
      </c>
    </row>
    <row r="13" spans="1:4" ht="18" customHeight="1" x14ac:dyDescent="0.2">
      <c r="A13" s="14">
        <v>7</v>
      </c>
      <c r="B13" s="15">
        <v>54</v>
      </c>
      <c r="C13" s="16">
        <v>44</v>
      </c>
      <c r="D13" s="17">
        <v>98</v>
      </c>
    </row>
    <row r="14" spans="1:4" ht="18" customHeight="1" x14ac:dyDescent="0.2">
      <c r="A14" s="14">
        <v>8</v>
      </c>
      <c r="B14" s="15">
        <v>47</v>
      </c>
      <c r="C14" s="16">
        <v>59</v>
      </c>
      <c r="D14" s="17">
        <v>106</v>
      </c>
    </row>
    <row r="15" spans="1:4" ht="18" customHeight="1" x14ac:dyDescent="0.2">
      <c r="A15" s="14">
        <v>9</v>
      </c>
      <c r="B15" s="15">
        <v>62</v>
      </c>
      <c r="C15" s="16">
        <v>46</v>
      </c>
      <c r="D15" s="17">
        <v>108</v>
      </c>
    </row>
    <row r="16" spans="1:4" ht="18" customHeight="1" x14ac:dyDescent="0.2">
      <c r="A16" s="18" t="s">
        <v>49</v>
      </c>
      <c r="B16" s="15">
        <v>267</v>
      </c>
      <c r="C16" s="16">
        <v>249</v>
      </c>
      <c r="D16" s="17">
        <v>516</v>
      </c>
    </row>
    <row r="17" spans="1:4" ht="18" customHeight="1" x14ac:dyDescent="0.2">
      <c r="A17" s="14">
        <v>10</v>
      </c>
      <c r="B17" s="15">
        <v>53</v>
      </c>
      <c r="C17" s="16">
        <v>40</v>
      </c>
      <c r="D17" s="17">
        <v>93</v>
      </c>
    </row>
    <row r="18" spans="1:4" ht="18" customHeight="1" x14ac:dyDescent="0.2">
      <c r="A18" s="14">
        <v>11</v>
      </c>
      <c r="B18" s="15">
        <v>45</v>
      </c>
      <c r="C18" s="16">
        <v>40</v>
      </c>
      <c r="D18" s="17">
        <v>85</v>
      </c>
    </row>
    <row r="19" spans="1:4" ht="18" customHeight="1" x14ac:dyDescent="0.2">
      <c r="A19" s="14">
        <v>12</v>
      </c>
      <c r="B19" s="15">
        <v>41</v>
      </c>
      <c r="C19" s="16">
        <v>61</v>
      </c>
      <c r="D19" s="17">
        <v>102</v>
      </c>
    </row>
    <row r="20" spans="1:4" ht="18" customHeight="1" x14ac:dyDescent="0.2">
      <c r="A20" s="14">
        <v>13</v>
      </c>
      <c r="B20" s="15">
        <v>53</v>
      </c>
      <c r="C20" s="16">
        <v>49</v>
      </c>
      <c r="D20" s="17">
        <v>102</v>
      </c>
    </row>
    <row r="21" spans="1:4" ht="18" customHeight="1" x14ac:dyDescent="0.2">
      <c r="A21" s="14">
        <v>14</v>
      </c>
      <c r="B21" s="15">
        <v>52</v>
      </c>
      <c r="C21" s="16">
        <v>34</v>
      </c>
      <c r="D21" s="17">
        <v>86</v>
      </c>
    </row>
    <row r="22" spans="1:4" ht="18" customHeight="1" x14ac:dyDescent="0.2">
      <c r="A22" s="18" t="s">
        <v>50</v>
      </c>
      <c r="B22" s="15">
        <v>244</v>
      </c>
      <c r="C22" s="16">
        <v>224</v>
      </c>
      <c r="D22" s="17">
        <v>468</v>
      </c>
    </row>
    <row r="23" spans="1:4" ht="18" customHeight="1" x14ac:dyDescent="0.2">
      <c r="A23" s="18" t="s">
        <v>51</v>
      </c>
      <c r="B23" s="15">
        <v>738</v>
      </c>
      <c r="C23" s="16">
        <v>660</v>
      </c>
      <c r="D23" s="17">
        <v>1398</v>
      </c>
    </row>
    <row r="24" spans="1:4" ht="18" customHeight="1" x14ac:dyDescent="0.2">
      <c r="A24" s="14">
        <v>15</v>
      </c>
      <c r="B24" s="15">
        <v>46</v>
      </c>
      <c r="C24" s="16">
        <v>54</v>
      </c>
      <c r="D24" s="17">
        <v>100</v>
      </c>
    </row>
    <row r="25" spans="1:4" ht="18" customHeight="1" x14ac:dyDescent="0.2">
      <c r="A25" s="14">
        <v>16</v>
      </c>
      <c r="B25" s="15">
        <v>51</v>
      </c>
      <c r="C25" s="16">
        <v>48</v>
      </c>
      <c r="D25" s="17">
        <v>99</v>
      </c>
    </row>
    <row r="26" spans="1:4" ht="18" customHeight="1" x14ac:dyDescent="0.2">
      <c r="A26" s="14">
        <v>17</v>
      </c>
      <c r="B26" s="15">
        <v>53</v>
      </c>
      <c r="C26" s="16">
        <v>42</v>
      </c>
      <c r="D26" s="17">
        <v>95</v>
      </c>
    </row>
    <row r="27" spans="1:4" ht="18" customHeight="1" x14ac:dyDescent="0.2">
      <c r="A27" s="14">
        <v>18</v>
      </c>
      <c r="B27" s="15">
        <v>63</v>
      </c>
      <c r="C27" s="16">
        <v>58</v>
      </c>
      <c r="D27" s="17">
        <v>121</v>
      </c>
    </row>
    <row r="28" spans="1:4" ht="18" customHeight="1" x14ac:dyDescent="0.2">
      <c r="A28" s="14">
        <v>19</v>
      </c>
      <c r="B28" s="15">
        <v>56</v>
      </c>
      <c r="C28" s="16">
        <v>46</v>
      </c>
      <c r="D28" s="17">
        <v>102</v>
      </c>
    </row>
    <row r="29" spans="1:4" ht="18" customHeight="1" x14ac:dyDescent="0.2">
      <c r="A29" s="18" t="s">
        <v>52</v>
      </c>
      <c r="B29" s="15">
        <v>269</v>
      </c>
      <c r="C29" s="16">
        <v>248</v>
      </c>
      <c r="D29" s="17">
        <v>517</v>
      </c>
    </row>
    <row r="30" spans="1:4" ht="18" customHeight="1" x14ac:dyDescent="0.2">
      <c r="A30" s="14">
        <v>20</v>
      </c>
      <c r="B30" s="15">
        <v>59</v>
      </c>
      <c r="C30" s="16">
        <v>47</v>
      </c>
      <c r="D30" s="17">
        <v>106</v>
      </c>
    </row>
    <row r="31" spans="1:4" ht="18" customHeight="1" x14ac:dyDescent="0.2">
      <c r="A31" s="14">
        <v>21</v>
      </c>
      <c r="B31" s="15">
        <v>41</v>
      </c>
      <c r="C31" s="16">
        <v>62</v>
      </c>
      <c r="D31" s="17">
        <v>103</v>
      </c>
    </row>
    <row r="32" spans="1:4" ht="18" customHeight="1" x14ac:dyDescent="0.2">
      <c r="A32" s="14">
        <v>22</v>
      </c>
      <c r="B32" s="15">
        <v>57</v>
      </c>
      <c r="C32" s="16">
        <v>58</v>
      </c>
      <c r="D32" s="17">
        <v>115</v>
      </c>
    </row>
    <row r="33" spans="1:4" ht="18" customHeight="1" x14ac:dyDescent="0.2">
      <c r="A33" s="14">
        <v>23</v>
      </c>
      <c r="B33" s="15">
        <v>62</v>
      </c>
      <c r="C33" s="16">
        <v>54</v>
      </c>
      <c r="D33" s="17">
        <v>116</v>
      </c>
    </row>
    <row r="34" spans="1:4" ht="18" customHeight="1" x14ac:dyDescent="0.2">
      <c r="A34" s="14">
        <v>24</v>
      </c>
      <c r="B34" s="15">
        <v>39</v>
      </c>
      <c r="C34" s="16">
        <v>50</v>
      </c>
      <c r="D34" s="17">
        <v>89</v>
      </c>
    </row>
    <row r="35" spans="1:4" ht="18" customHeight="1" x14ac:dyDescent="0.2">
      <c r="A35" s="18" t="s">
        <v>53</v>
      </c>
      <c r="B35" s="15">
        <v>258</v>
      </c>
      <c r="C35" s="16">
        <v>271</v>
      </c>
      <c r="D35" s="17">
        <v>529</v>
      </c>
    </row>
    <row r="36" spans="1:4" ht="18" customHeight="1" x14ac:dyDescent="0.2">
      <c r="A36" s="14">
        <v>25</v>
      </c>
      <c r="B36" s="15">
        <v>51</v>
      </c>
      <c r="C36" s="16">
        <v>50</v>
      </c>
      <c r="D36" s="17">
        <v>101</v>
      </c>
    </row>
    <row r="37" spans="1:4" ht="18" customHeight="1" x14ac:dyDescent="0.2">
      <c r="A37" s="14">
        <v>26</v>
      </c>
      <c r="B37" s="15">
        <v>40</v>
      </c>
      <c r="C37" s="16">
        <v>56</v>
      </c>
      <c r="D37" s="17">
        <v>96</v>
      </c>
    </row>
    <row r="38" spans="1:4" ht="18" customHeight="1" x14ac:dyDescent="0.2">
      <c r="A38" s="14">
        <v>27</v>
      </c>
      <c r="B38" s="15">
        <v>48</v>
      </c>
      <c r="C38" s="16">
        <v>49</v>
      </c>
      <c r="D38" s="17">
        <v>97</v>
      </c>
    </row>
    <row r="39" spans="1:4" ht="18" customHeight="1" x14ac:dyDescent="0.2">
      <c r="A39" s="14">
        <v>28</v>
      </c>
      <c r="B39" s="15">
        <v>45</v>
      </c>
      <c r="C39" s="16">
        <v>52</v>
      </c>
      <c r="D39" s="17">
        <v>97</v>
      </c>
    </row>
    <row r="40" spans="1:4" ht="18" customHeight="1" x14ac:dyDescent="0.2">
      <c r="A40" s="14">
        <v>29</v>
      </c>
      <c r="B40" s="15">
        <v>47</v>
      </c>
      <c r="C40" s="16">
        <v>52</v>
      </c>
      <c r="D40" s="17">
        <v>99</v>
      </c>
    </row>
    <row r="41" spans="1:4" ht="18" customHeight="1" x14ac:dyDescent="0.2">
      <c r="A41" s="18" t="s">
        <v>54</v>
      </c>
      <c r="B41" s="15">
        <v>231</v>
      </c>
      <c r="C41" s="16">
        <v>259</v>
      </c>
      <c r="D41" s="17">
        <v>490</v>
      </c>
    </row>
    <row r="42" spans="1:4" ht="18" customHeight="1" x14ac:dyDescent="0.2">
      <c r="A42" s="14">
        <v>30</v>
      </c>
      <c r="B42" s="15">
        <v>72</v>
      </c>
      <c r="C42" s="16">
        <v>45</v>
      </c>
      <c r="D42" s="17">
        <v>117</v>
      </c>
    </row>
    <row r="43" spans="1:4" ht="18" customHeight="1" x14ac:dyDescent="0.2">
      <c r="A43" s="14">
        <v>31</v>
      </c>
      <c r="B43" s="15">
        <v>62</v>
      </c>
      <c r="C43" s="16">
        <v>58</v>
      </c>
      <c r="D43" s="17">
        <v>120</v>
      </c>
    </row>
    <row r="44" spans="1:4" ht="18" customHeight="1" x14ac:dyDescent="0.2">
      <c r="A44" s="14">
        <v>32</v>
      </c>
      <c r="B44" s="15">
        <v>56</v>
      </c>
      <c r="C44" s="16">
        <v>38</v>
      </c>
      <c r="D44" s="17">
        <v>94</v>
      </c>
    </row>
    <row r="45" spans="1:4" ht="18" customHeight="1" x14ac:dyDescent="0.2">
      <c r="A45" s="14">
        <v>33</v>
      </c>
      <c r="B45" s="15">
        <v>66</v>
      </c>
      <c r="C45" s="16">
        <v>53</v>
      </c>
      <c r="D45" s="17">
        <v>119</v>
      </c>
    </row>
    <row r="46" spans="1:4" ht="18" customHeight="1" x14ac:dyDescent="0.2">
      <c r="A46" s="14">
        <v>34</v>
      </c>
      <c r="B46" s="15">
        <v>52</v>
      </c>
      <c r="C46" s="16">
        <v>60</v>
      </c>
      <c r="D46" s="17">
        <v>112</v>
      </c>
    </row>
    <row r="47" spans="1:4" ht="18" customHeight="1" x14ac:dyDescent="0.2">
      <c r="A47" s="18" t="s">
        <v>55</v>
      </c>
      <c r="B47" s="15">
        <v>308</v>
      </c>
      <c r="C47" s="16">
        <v>254</v>
      </c>
      <c r="D47" s="17">
        <v>562</v>
      </c>
    </row>
    <row r="48" spans="1:4" ht="18" customHeight="1" x14ac:dyDescent="0.2">
      <c r="A48" s="14">
        <v>35</v>
      </c>
      <c r="B48" s="15">
        <v>69</v>
      </c>
      <c r="C48" s="16">
        <v>60</v>
      </c>
      <c r="D48" s="17">
        <v>129</v>
      </c>
    </row>
    <row r="49" spans="1:4" ht="18" customHeight="1" x14ac:dyDescent="0.2">
      <c r="A49" s="14">
        <v>36</v>
      </c>
      <c r="B49" s="15">
        <v>68</v>
      </c>
      <c r="C49" s="16">
        <v>67</v>
      </c>
      <c r="D49" s="17">
        <v>135</v>
      </c>
    </row>
    <row r="50" spans="1:4" ht="18" customHeight="1" x14ac:dyDescent="0.2">
      <c r="A50" s="14">
        <v>37</v>
      </c>
      <c r="B50" s="15">
        <v>74</v>
      </c>
      <c r="C50" s="16">
        <v>70</v>
      </c>
      <c r="D50" s="17">
        <v>144</v>
      </c>
    </row>
    <row r="51" spans="1:4" ht="18" customHeight="1" x14ac:dyDescent="0.2">
      <c r="A51" s="14">
        <v>38</v>
      </c>
      <c r="B51" s="15">
        <v>57</v>
      </c>
      <c r="C51" s="16">
        <v>77</v>
      </c>
      <c r="D51" s="17">
        <v>134</v>
      </c>
    </row>
    <row r="52" spans="1:4" ht="18" customHeight="1" x14ac:dyDescent="0.2">
      <c r="A52" s="14">
        <v>39</v>
      </c>
      <c r="B52" s="15">
        <v>59</v>
      </c>
      <c r="C52" s="16">
        <v>63</v>
      </c>
      <c r="D52" s="17">
        <v>122</v>
      </c>
    </row>
    <row r="53" spans="1:4" ht="18" customHeight="1" x14ac:dyDescent="0.2">
      <c r="A53" s="18" t="s">
        <v>56</v>
      </c>
      <c r="B53" s="15">
        <v>327</v>
      </c>
      <c r="C53" s="16">
        <v>337</v>
      </c>
      <c r="D53" s="17">
        <v>664</v>
      </c>
    </row>
    <row r="54" spans="1:4" ht="18" customHeight="1" x14ac:dyDescent="0.2">
      <c r="A54" s="14">
        <v>40</v>
      </c>
      <c r="B54" s="15">
        <v>78</v>
      </c>
      <c r="C54" s="16">
        <v>65</v>
      </c>
      <c r="D54" s="17">
        <v>143</v>
      </c>
    </row>
    <row r="55" spans="1:4" ht="18" customHeight="1" x14ac:dyDescent="0.2">
      <c r="A55" s="14">
        <v>41</v>
      </c>
      <c r="B55" s="15">
        <v>64</v>
      </c>
      <c r="C55" s="16">
        <v>78</v>
      </c>
      <c r="D55" s="17">
        <v>142</v>
      </c>
    </row>
    <row r="56" spans="1:4" ht="18" customHeight="1" x14ac:dyDescent="0.2">
      <c r="A56" s="14">
        <v>42</v>
      </c>
      <c r="B56" s="15">
        <v>78</v>
      </c>
      <c r="C56" s="16">
        <v>78</v>
      </c>
      <c r="D56" s="17">
        <v>156</v>
      </c>
    </row>
    <row r="57" spans="1:4" ht="18" customHeight="1" x14ac:dyDescent="0.2">
      <c r="A57" s="14">
        <v>43</v>
      </c>
      <c r="B57" s="15">
        <v>94</v>
      </c>
      <c r="C57" s="16">
        <v>82</v>
      </c>
      <c r="D57" s="17">
        <v>176</v>
      </c>
    </row>
    <row r="58" spans="1:4" ht="18" customHeight="1" x14ac:dyDescent="0.2">
      <c r="A58" s="14">
        <v>44</v>
      </c>
      <c r="B58" s="15">
        <v>87</v>
      </c>
      <c r="C58" s="16">
        <v>91</v>
      </c>
      <c r="D58" s="17">
        <v>178</v>
      </c>
    </row>
    <row r="59" spans="1:4" ht="18" customHeight="1" x14ac:dyDescent="0.2">
      <c r="A59" s="18" t="s">
        <v>57</v>
      </c>
      <c r="B59" s="15">
        <v>401</v>
      </c>
      <c r="C59" s="16">
        <v>394</v>
      </c>
      <c r="D59" s="17">
        <v>795</v>
      </c>
    </row>
    <row r="60" spans="1:4" ht="18" customHeight="1" x14ac:dyDescent="0.2">
      <c r="A60" s="14">
        <v>45</v>
      </c>
      <c r="B60" s="15">
        <v>90</v>
      </c>
      <c r="C60" s="16">
        <v>111</v>
      </c>
      <c r="D60" s="17">
        <v>201</v>
      </c>
    </row>
    <row r="61" spans="1:4" ht="18" customHeight="1" x14ac:dyDescent="0.2">
      <c r="A61" s="14">
        <v>46</v>
      </c>
      <c r="B61" s="15">
        <v>97</v>
      </c>
      <c r="C61" s="16">
        <v>100</v>
      </c>
      <c r="D61" s="17">
        <v>197</v>
      </c>
    </row>
    <row r="62" spans="1:4" ht="18" customHeight="1" x14ac:dyDescent="0.2">
      <c r="A62" s="14">
        <v>47</v>
      </c>
      <c r="B62" s="15">
        <v>111</v>
      </c>
      <c r="C62" s="16">
        <v>97</v>
      </c>
      <c r="D62" s="17">
        <v>208</v>
      </c>
    </row>
    <row r="63" spans="1:4" ht="18" customHeight="1" x14ac:dyDescent="0.2">
      <c r="A63" s="14">
        <v>48</v>
      </c>
      <c r="B63" s="15">
        <v>118</v>
      </c>
      <c r="C63" s="16">
        <v>120</v>
      </c>
      <c r="D63" s="17">
        <v>238</v>
      </c>
    </row>
    <row r="64" spans="1:4" ht="18" customHeight="1" x14ac:dyDescent="0.2">
      <c r="A64" s="14">
        <v>49</v>
      </c>
      <c r="B64" s="15">
        <v>103</v>
      </c>
      <c r="C64" s="16">
        <v>110</v>
      </c>
      <c r="D64" s="17">
        <v>213</v>
      </c>
    </row>
    <row r="65" spans="1:4" ht="18" customHeight="1" x14ac:dyDescent="0.2">
      <c r="A65" s="18" t="s">
        <v>58</v>
      </c>
      <c r="B65" s="15">
        <v>519</v>
      </c>
      <c r="C65" s="16">
        <v>538</v>
      </c>
      <c r="D65" s="17">
        <v>1057</v>
      </c>
    </row>
    <row r="66" spans="1:4" ht="18" customHeight="1" x14ac:dyDescent="0.2">
      <c r="A66" s="14">
        <v>50</v>
      </c>
      <c r="B66" s="15">
        <v>92</v>
      </c>
      <c r="C66" s="16">
        <v>107</v>
      </c>
      <c r="D66" s="17">
        <v>199</v>
      </c>
    </row>
    <row r="67" spans="1:4" ht="18" customHeight="1" x14ac:dyDescent="0.2">
      <c r="A67" s="14">
        <v>51</v>
      </c>
      <c r="B67" s="15">
        <v>91</v>
      </c>
      <c r="C67" s="16">
        <v>97</v>
      </c>
      <c r="D67" s="17">
        <v>188</v>
      </c>
    </row>
    <row r="68" spans="1:4" ht="18" customHeight="1" x14ac:dyDescent="0.2">
      <c r="A68" s="14">
        <v>52</v>
      </c>
      <c r="B68" s="15">
        <v>93</v>
      </c>
      <c r="C68" s="16">
        <v>94</v>
      </c>
      <c r="D68" s="17">
        <v>187</v>
      </c>
    </row>
    <row r="69" spans="1:4" ht="18" customHeight="1" x14ac:dyDescent="0.2">
      <c r="A69" s="14">
        <v>53</v>
      </c>
      <c r="B69" s="15">
        <v>86</v>
      </c>
      <c r="C69" s="16">
        <v>84</v>
      </c>
      <c r="D69" s="17">
        <v>170</v>
      </c>
    </row>
    <row r="70" spans="1:4" ht="18" customHeight="1" x14ac:dyDescent="0.2">
      <c r="A70" s="14">
        <v>54</v>
      </c>
      <c r="B70" s="15">
        <v>70</v>
      </c>
      <c r="C70" s="16">
        <v>81</v>
      </c>
      <c r="D70" s="17">
        <v>151</v>
      </c>
    </row>
    <row r="71" spans="1:4" ht="18" customHeight="1" x14ac:dyDescent="0.2">
      <c r="A71" s="18" t="s">
        <v>59</v>
      </c>
      <c r="B71" s="15">
        <v>432</v>
      </c>
      <c r="C71" s="16">
        <v>463</v>
      </c>
      <c r="D71" s="17">
        <v>895</v>
      </c>
    </row>
    <row r="72" spans="1:4" ht="18" customHeight="1" x14ac:dyDescent="0.2">
      <c r="A72" s="14">
        <v>55</v>
      </c>
      <c r="B72" s="15">
        <v>83</v>
      </c>
      <c r="C72" s="16">
        <v>85</v>
      </c>
      <c r="D72" s="17">
        <v>168</v>
      </c>
    </row>
    <row r="73" spans="1:4" ht="18" customHeight="1" x14ac:dyDescent="0.2">
      <c r="A73" s="14">
        <v>56</v>
      </c>
      <c r="B73" s="15">
        <v>92</v>
      </c>
      <c r="C73" s="16">
        <v>89</v>
      </c>
      <c r="D73" s="17">
        <v>181</v>
      </c>
    </row>
    <row r="74" spans="1:4" ht="18" customHeight="1" x14ac:dyDescent="0.2">
      <c r="A74" s="14">
        <v>57</v>
      </c>
      <c r="B74" s="15">
        <v>81</v>
      </c>
      <c r="C74" s="16">
        <v>78</v>
      </c>
      <c r="D74" s="17">
        <v>159</v>
      </c>
    </row>
    <row r="75" spans="1:4" ht="18" customHeight="1" x14ac:dyDescent="0.2">
      <c r="A75" s="14">
        <v>58</v>
      </c>
      <c r="B75" s="15">
        <v>86</v>
      </c>
      <c r="C75" s="16">
        <v>73</v>
      </c>
      <c r="D75" s="17">
        <v>159</v>
      </c>
    </row>
    <row r="76" spans="1:4" ht="18" customHeight="1" x14ac:dyDescent="0.2">
      <c r="A76" s="14">
        <v>59</v>
      </c>
      <c r="B76" s="15">
        <v>71</v>
      </c>
      <c r="C76" s="16">
        <v>75</v>
      </c>
      <c r="D76" s="17">
        <v>146</v>
      </c>
    </row>
    <row r="77" spans="1:4" ht="18" customHeight="1" x14ac:dyDescent="0.2">
      <c r="A77" s="18" t="s">
        <v>60</v>
      </c>
      <c r="B77" s="15">
        <v>413</v>
      </c>
      <c r="C77" s="16">
        <v>400</v>
      </c>
      <c r="D77" s="17">
        <v>813</v>
      </c>
    </row>
    <row r="78" spans="1:4" ht="18" customHeight="1" x14ac:dyDescent="0.2">
      <c r="A78" s="14">
        <v>60</v>
      </c>
      <c r="B78" s="15">
        <v>88</v>
      </c>
      <c r="C78" s="16">
        <v>73</v>
      </c>
      <c r="D78" s="17">
        <v>161</v>
      </c>
    </row>
    <row r="79" spans="1:4" ht="18" customHeight="1" x14ac:dyDescent="0.2">
      <c r="A79" s="14">
        <v>61</v>
      </c>
      <c r="B79" s="15">
        <v>72</v>
      </c>
      <c r="C79" s="16">
        <v>84</v>
      </c>
      <c r="D79" s="17">
        <v>156</v>
      </c>
    </row>
    <row r="80" spans="1:4" ht="18" customHeight="1" x14ac:dyDescent="0.2">
      <c r="A80" s="14">
        <v>62</v>
      </c>
      <c r="B80" s="15">
        <v>64</v>
      </c>
      <c r="C80" s="16">
        <v>65</v>
      </c>
      <c r="D80" s="17">
        <v>129</v>
      </c>
    </row>
    <row r="81" spans="1:4" ht="18" customHeight="1" x14ac:dyDescent="0.2">
      <c r="A81" s="14">
        <v>63</v>
      </c>
      <c r="B81" s="15">
        <v>63</v>
      </c>
      <c r="C81" s="16">
        <v>65</v>
      </c>
      <c r="D81" s="17">
        <v>128</v>
      </c>
    </row>
    <row r="82" spans="1:4" ht="18" customHeight="1" x14ac:dyDescent="0.2">
      <c r="A82" s="14">
        <v>64</v>
      </c>
      <c r="B82" s="15">
        <v>65</v>
      </c>
      <c r="C82" s="16">
        <v>70</v>
      </c>
      <c r="D82" s="17">
        <v>135</v>
      </c>
    </row>
    <row r="83" spans="1:4" ht="18" customHeight="1" x14ac:dyDescent="0.2">
      <c r="A83" s="18" t="s">
        <v>61</v>
      </c>
      <c r="B83" s="15">
        <v>352</v>
      </c>
      <c r="C83" s="16">
        <v>357</v>
      </c>
      <c r="D83" s="17">
        <v>709</v>
      </c>
    </row>
    <row r="84" spans="1:4" ht="18" customHeight="1" x14ac:dyDescent="0.2">
      <c r="A84" s="18" t="s">
        <v>62</v>
      </c>
      <c r="B84" s="15">
        <v>3510</v>
      </c>
      <c r="C84" s="16">
        <v>3521</v>
      </c>
      <c r="D84" s="17">
        <v>7031</v>
      </c>
    </row>
    <row r="85" spans="1:4" ht="18" customHeight="1" x14ac:dyDescent="0.2">
      <c r="A85" s="14">
        <v>65</v>
      </c>
      <c r="B85" s="15">
        <v>72</v>
      </c>
      <c r="C85" s="16">
        <v>72</v>
      </c>
      <c r="D85" s="17">
        <v>144</v>
      </c>
    </row>
    <row r="86" spans="1:4" ht="18" customHeight="1" x14ac:dyDescent="0.2">
      <c r="A86" s="14">
        <v>66</v>
      </c>
      <c r="B86" s="15">
        <v>58</v>
      </c>
      <c r="C86" s="16">
        <v>64</v>
      </c>
      <c r="D86" s="17">
        <v>122</v>
      </c>
    </row>
    <row r="87" spans="1:4" ht="18" customHeight="1" x14ac:dyDescent="0.2">
      <c r="A87" s="14">
        <v>67</v>
      </c>
      <c r="B87" s="15">
        <v>68</v>
      </c>
      <c r="C87" s="16">
        <v>72</v>
      </c>
      <c r="D87" s="17">
        <v>140</v>
      </c>
    </row>
    <row r="88" spans="1:4" ht="18" customHeight="1" x14ac:dyDescent="0.2">
      <c r="A88" s="14">
        <v>68</v>
      </c>
      <c r="B88" s="15">
        <v>59</v>
      </c>
      <c r="C88" s="16">
        <v>65</v>
      </c>
      <c r="D88" s="17">
        <v>124</v>
      </c>
    </row>
    <row r="89" spans="1:4" ht="18" customHeight="1" x14ac:dyDescent="0.2">
      <c r="A89" s="14">
        <v>69</v>
      </c>
      <c r="B89" s="15">
        <v>66</v>
      </c>
      <c r="C89" s="16">
        <v>81</v>
      </c>
      <c r="D89" s="17">
        <v>147</v>
      </c>
    </row>
    <row r="90" spans="1:4" ht="18" customHeight="1" x14ac:dyDescent="0.2">
      <c r="A90" s="18" t="s">
        <v>63</v>
      </c>
      <c r="B90" s="15">
        <v>323</v>
      </c>
      <c r="C90" s="16">
        <v>354</v>
      </c>
      <c r="D90" s="17">
        <v>677</v>
      </c>
    </row>
    <row r="91" spans="1:4" ht="18" customHeight="1" x14ac:dyDescent="0.2">
      <c r="A91" s="14">
        <v>70</v>
      </c>
      <c r="B91" s="15">
        <v>84</v>
      </c>
      <c r="C91" s="16">
        <v>79</v>
      </c>
      <c r="D91" s="17">
        <v>163</v>
      </c>
    </row>
    <row r="92" spans="1:4" ht="18" customHeight="1" x14ac:dyDescent="0.2">
      <c r="A92" s="14">
        <v>71</v>
      </c>
      <c r="B92" s="15">
        <v>91</v>
      </c>
      <c r="C92" s="16">
        <v>104</v>
      </c>
      <c r="D92" s="17">
        <v>195</v>
      </c>
    </row>
    <row r="93" spans="1:4" ht="18" customHeight="1" x14ac:dyDescent="0.2">
      <c r="A93" s="14">
        <v>72</v>
      </c>
      <c r="B93" s="15">
        <v>92</v>
      </c>
      <c r="C93" s="16">
        <v>81</v>
      </c>
      <c r="D93" s="17">
        <v>173</v>
      </c>
    </row>
    <row r="94" spans="1:4" ht="18" customHeight="1" x14ac:dyDescent="0.2">
      <c r="A94" s="14">
        <v>73</v>
      </c>
      <c r="B94" s="15">
        <v>62</v>
      </c>
      <c r="C94" s="16">
        <v>98</v>
      </c>
      <c r="D94" s="17">
        <v>160</v>
      </c>
    </row>
    <row r="95" spans="1:4" ht="18" customHeight="1" x14ac:dyDescent="0.2">
      <c r="A95" s="14">
        <v>74</v>
      </c>
      <c r="B95" s="15">
        <v>48</v>
      </c>
      <c r="C95" s="16">
        <v>46</v>
      </c>
      <c r="D95" s="17">
        <v>94</v>
      </c>
    </row>
    <row r="96" spans="1:4" ht="18" customHeight="1" x14ac:dyDescent="0.2">
      <c r="A96" s="18" t="s">
        <v>64</v>
      </c>
      <c r="B96" s="15">
        <v>377</v>
      </c>
      <c r="C96" s="16">
        <v>408</v>
      </c>
      <c r="D96" s="17">
        <v>785</v>
      </c>
    </row>
    <row r="97" spans="1:4" ht="18" customHeight="1" x14ac:dyDescent="0.2">
      <c r="A97" s="14">
        <v>75</v>
      </c>
      <c r="B97" s="15">
        <v>44</v>
      </c>
      <c r="C97" s="16">
        <v>64</v>
      </c>
      <c r="D97" s="17">
        <v>108</v>
      </c>
    </row>
    <row r="98" spans="1:4" ht="18" customHeight="1" x14ac:dyDescent="0.2">
      <c r="A98" s="14">
        <v>76</v>
      </c>
      <c r="B98" s="15">
        <v>65</v>
      </c>
      <c r="C98" s="16">
        <v>98</v>
      </c>
      <c r="D98" s="17">
        <v>163</v>
      </c>
    </row>
    <row r="99" spans="1:4" ht="18" customHeight="1" x14ac:dyDescent="0.2">
      <c r="A99" s="14">
        <v>77</v>
      </c>
      <c r="B99" s="15">
        <v>70</v>
      </c>
      <c r="C99" s="16">
        <v>66</v>
      </c>
      <c r="D99" s="17">
        <v>136</v>
      </c>
    </row>
    <row r="100" spans="1:4" ht="18" customHeight="1" x14ac:dyDescent="0.2">
      <c r="A100" s="14">
        <v>78</v>
      </c>
      <c r="B100" s="15">
        <v>56</v>
      </c>
      <c r="C100" s="16">
        <v>111</v>
      </c>
      <c r="D100" s="17">
        <v>167</v>
      </c>
    </row>
    <row r="101" spans="1:4" ht="18" customHeight="1" x14ac:dyDescent="0.2">
      <c r="A101" s="14">
        <v>79</v>
      </c>
      <c r="B101" s="15">
        <v>39</v>
      </c>
      <c r="C101" s="16">
        <v>69</v>
      </c>
      <c r="D101" s="17">
        <v>108</v>
      </c>
    </row>
    <row r="102" spans="1:4" ht="18" customHeight="1" x14ac:dyDescent="0.2">
      <c r="A102" s="18" t="s">
        <v>65</v>
      </c>
      <c r="B102" s="15">
        <v>274</v>
      </c>
      <c r="C102" s="16">
        <v>408</v>
      </c>
      <c r="D102" s="17">
        <v>682</v>
      </c>
    </row>
    <row r="103" spans="1:4" ht="18" customHeight="1" x14ac:dyDescent="0.2">
      <c r="A103" s="14">
        <v>80</v>
      </c>
      <c r="B103" s="15">
        <v>38</v>
      </c>
      <c r="C103" s="16">
        <v>67</v>
      </c>
      <c r="D103" s="17">
        <v>105</v>
      </c>
    </row>
    <row r="104" spans="1:4" ht="18" customHeight="1" x14ac:dyDescent="0.2">
      <c r="A104" s="14">
        <v>81</v>
      </c>
      <c r="B104" s="15">
        <v>44</v>
      </c>
      <c r="C104" s="16">
        <v>58</v>
      </c>
      <c r="D104" s="17">
        <v>102</v>
      </c>
    </row>
    <row r="105" spans="1:4" ht="18" customHeight="1" x14ac:dyDescent="0.2">
      <c r="A105" s="14">
        <v>82</v>
      </c>
      <c r="B105" s="15">
        <v>34</v>
      </c>
      <c r="C105" s="16">
        <v>51</v>
      </c>
      <c r="D105" s="17">
        <v>85</v>
      </c>
    </row>
    <row r="106" spans="1:4" ht="18" customHeight="1" x14ac:dyDescent="0.2">
      <c r="A106" s="14">
        <v>83</v>
      </c>
      <c r="B106" s="15">
        <v>44</v>
      </c>
      <c r="C106" s="16">
        <v>74</v>
      </c>
      <c r="D106" s="17">
        <v>118</v>
      </c>
    </row>
    <row r="107" spans="1:4" ht="18" customHeight="1" x14ac:dyDescent="0.2">
      <c r="A107" s="14">
        <v>84</v>
      </c>
      <c r="B107" s="15">
        <v>38</v>
      </c>
      <c r="C107" s="16">
        <v>91</v>
      </c>
      <c r="D107" s="17">
        <v>129</v>
      </c>
    </row>
    <row r="108" spans="1:4" ht="18" customHeight="1" x14ac:dyDescent="0.2">
      <c r="A108" s="18" t="s">
        <v>66</v>
      </c>
      <c r="B108" s="15">
        <v>198</v>
      </c>
      <c r="C108" s="16">
        <v>341</v>
      </c>
      <c r="D108" s="17">
        <v>539</v>
      </c>
    </row>
    <row r="109" spans="1:4" ht="18" customHeight="1" x14ac:dyDescent="0.2">
      <c r="A109" s="14">
        <v>85</v>
      </c>
      <c r="B109" s="15">
        <v>40</v>
      </c>
      <c r="C109" s="16">
        <v>53</v>
      </c>
      <c r="D109" s="17">
        <v>93</v>
      </c>
    </row>
    <row r="110" spans="1:4" ht="18" customHeight="1" x14ac:dyDescent="0.2">
      <c r="A110" s="14">
        <v>86</v>
      </c>
      <c r="B110" s="15">
        <v>35</v>
      </c>
      <c r="C110" s="16">
        <v>70</v>
      </c>
      <c r="D110" s="17">
        <v>105</v>
      </c>
    </row>
    <row r="111" spans="1:4" ht="18" customHeight="1" x14ac:dyDescent="0.2">
      <c r="A111" s="14">
        <v>87</v>
      </c>
      <c r="B111" s="15">
        <v>29</v>
      </c>
      <c r="C111" s="16">
        <v>70</v>
      </c>
      <c r="D111" s="17">
        <v>99</v>
      </c>
    </row>
    <row r="112" spans="1:4" ht="18" customHeight="1" x14ac:dyDescent="0.2">
      <c r="A112" s="14">
        <v>88</v>
      </c>
      <c r="B112" s="15">
        <v>21</v>
      </c>
      <c r="C112" s="16">
        <v>66</v>
      </c>
      <c r="D112" s="17">
        <v>87</v>
      </c>
    </row>
    <row r="113" spans="1:4" ht="18" customHeight="1" x14ac:dyDescent="0.2">
      <c r="A113" s="14">
        <v>89</v>
      </c>
      <c r="B113" s="15">
        <v>24</v>
      </c>
      <c r="C113" s="16">
        <v>51</v>
      </c>
      <c r="D113" s="17">
        <v>75</v>
      </c>
    </row>
    <row r="114" spans="1:4" ht="18" customHeight="1" x14ac:dyDescent="0.2">
      <c r="A114" s="18" t="s">
        <v>67</v>
      </c>
      <c r="B114" s="15">
        <v>149</v>
      </c>
      <c r="C114" s="16">
        <v>310</v>
      </c>
      <c r="D114" s="17">
        <v>459</v>
      </c>
    </row>
    <row r="115" spans="1:4" ht="18" customHeight="1" x14ac:dyDescent="0.2">
      <c r="A115" s="14">
        <v>90</v>
      </c>
      <c r="B115" s="15">
        <v>25</v>
      </c>
      <c r="C115" s="16">
        <v>48</v>
      </c>
      <c r="D115" s="17">
        <v>73</v>
      </c>
    </row>
    <row r="116" spans="1:4" ht="18" customHeight="1" x14ac:dyDescent="0.2">
      <c r="A116" s="14">
        <v>91</v>
      </c>
      <c r="B116" s="15">
        <v>8</v>
      </c>
      <c r="C116" s="16">
        <v>45</v>
      </c>
      <c r="D116" s="17">
        <v>53</v>
      </c>
    </row>
    <row r="117" spans="1:4" ht="18" customHeight="1" x14ac:dyDescent="0.2">
      <c r="A117" s="14">
        <v>92</v>
      </c>
      <c r="B117" s="15">
        <v>14</v>
      </c>
      <c r="C117" s="16">
        <v>27</v>
      </c>
      <c r="D117" s="17">
        <v>41</v>
      </c>
    </row>
    <row r="118" spans="1:4" ht="18" customHeight="1" x14ac:dyDescent="0.2">
      <c r="A118" s="14">
        <v>93</v>
      </c>
      <c r="B118" s="15">
        <v>13</v>
      </c>
      <c r="C118" s="16">
        <v>30</v>
      </c>
      <c r="D118" s="17">
        <v>43</v>
      </c>
    </row>
    <row r="119" spans="1:4" ht="18" customHeight="1" x14ac:dyDescent="0.2">
      <c r="A119" s="14">
        <v>94</v>
      </c>
      <c r="B119" s="15">
        <v>9</v>
      </c>
      <c r="C119" s="16">
        <v>30</v>
      </c>
      <c r="D119" s="17">
        <v>39</v>
      </c>
    </row>
    <row r="120" spans="1:4" ht="18" customHeight="1" x14ac:dyDescent="0.2">
      <c r="A120" s="18" t="s">
        <v>68</v>
      </c>
      <c r="B120" s="15">
        <v>69</v>
      </c>
      <c r="C120" s="16">
        <v>180</v>
      </c>
      <c r="D120" s="17">
        <v>249</v>
      </c>
    </row>
    <row r="121" spans="1:4" ht="18" customHeight="1" x14ac:dyDescent="0.2">
      <c r="A121" s="14">
        <v>95</v>
      </c>
      <c r="B121" s="15">
        <v>8</v>
      </c>
      <c r="C121" s="16">
        <v>17</v>
      </c>
      <c r="D121" s="17">
        <v>25</v>
      </c>
    </row>
    <row r="122" spans="1:4" ht="18" customHeight="1" x14ac:dyDescent="0.2">
      <c r="A122" s="14">
        <v>96</v>
      </c>
      <c r="B122" s="15">
        <v>3</v>
      </c>
      <c r="C122" s="16">
        <v>13</v>
      </c>
      <c r="D122" s="17">
        <v>16</v>
      </c>
    </row>
    <row r="123" spans="1:4" ht="18" customHeight="1" x14ac:dyDescent="0.2">
      <c r="A123" s="14">
        <v>97</v>
      </c>
      <c r="B123" s="15">
        <v>5</v>
      </c>
      <c r="C123" s="16">
        <v>9</v>
      </c>
      <c r="D123" s="17">
        <v>14</v>
      </c>
    </row>
    <row r="124" spans="1:4" ht="18" customHeight="1" x14ac:dyDescent="0.2">
      <c r="A124" s="14">
        <v>98</v>
      </c>
      <c r="B124" s="15">
        <v>1</v>
      </c>
      <c r="C124" s="16">
        <v>8</v>
      </c>
      <c r="D124" s="17">
        <v>9</v>
      </c>
    </row>
    <row r="125" spans="1:4" ht="18" customHeight="1" x14ac:dyDescent="0.2">
      <c r="A125" s="14">
        <v>99</v>
      </c>
      <c r="B125" s="15">
        <v>3</v>
      </c>
      <c r="C125" s="16">
        <v>6</v>
      </c>
      <c r="D125" s="17">
        <v>9</v>
      </c>
    </row>
    <row r="126" spans="1:4" ht="18" customHeight="1" x14ac:dyDescent="0.2">
      <c r="A126" s="18" t="s">
        <v>69</v>
      </c>
      <c r="B126" s="15">
        <v>20</v>
      </c>
      <c r="C126" s="16">
        <v>53</v>
      </c>
      <c r="D126" s="17">
        <v>73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7</v>
      </c>
      <c r="D128" s="17">
        <v>8</v>
      </c>
    </row>
    <row r="129" spans="1:4" ht="18" customHeight="1" x14ac:dyDescent="0.2">
      <c r="A129" s="18" t="s">
        <v>71</v>
      </c>
      <c r="B129" s="15">
        <v>1</v>
      </c>
      <c r="C129" s="16">
        <v>9</v>
      </c>
      <c r="D129" s="17">
        <v>10</v>
      </c>
    </row>
    <row r="130" spans="1:4" ht="18" customHeight="1" x14ac:dyDescent="0.2">
      <c r="A130" s="18" t="s">
        <v>72</v>
      </c>
      <c r="B130" s="4">
        <v>1411</v>
      </c>
      <c r="C130" s="5">
        <v>2063</v>
      </c>
      <c r="D130" s="6">
        <v>3474</v>
      </c>
    </row>
    <row r="131" spans="1:4" ht="18" customHeight="1" x14ac:dyDescent="0.2">
      <c r="A131" s="20" t="s">
        <v>47</v>
      </c>
      <c r="B131" s="7">
        <v>5659</v>
      </c>
      <c r="C131" s="8">
        <v>6244</v>
      </c>
      <c r="D131" s="9">
        <v>1190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0</v>
      </c>
      <c r="C5" s="12">
        <v>62</v>
      </c>
      <c r="D5" s="13">
        <v>122</v>
      </c>
    </row>
    <row r="6" spans="1:4" ht="18" customHeight="1" x14ac:dyDescent="0.2">
      <c r="A6" s="14">
        <v>1</v>
      </c>
      <c r="B6" s="15">
        <v>63</v>
      </c>
      <c r="C6" s="16">
        <v>78</v>
      </c>
      <c r="D6" s="17">
        <v>141</v>
      </c>
    </row>
    <row r="7" spans="1:4" ht="18" customHeight="1" x14ac:dyDescent="0.2">
      <c r="A7" s="14">
        <v>2</v>
      </c>
      <c r="B7" s="15">
        <v>73</v>
      </c>
      <c r="C7" s="16">
        <v>72</v>
      </c>
      <c r="D7" s="17">
        <v>145</v>
      </c>
    </row>
    <row r="8" spans="1:4" ht="18" customHeight="1" x14ac:dyDescent="0.2">
      <c r="A8" s="14">
        <v>3</v>
      </c>
      <c r="B8" s="15">
        <v>84</v>
      </c>
      <c r="C8" s="16">
        <v>67</v>
      </c>
      <c r="D8" s="17">
        <v>151</v>
      </c>
    </row>
    <row r="9" spans="1:4" ht="18" customHeight="1" x14ac:dyDescent="0.2">
      <c r="A9" s="14">
        <v>4</v>
      </c>
      <c r="B9" s="15">
        <v>78</v>
      </c>
      <c r="C9" s="16">
        <v>71</v>
      </c>
      <c r="D9" s="17">
        <v>149</v>
      </c>
    </row>
    <row r="10" spans="1:4" ht="18" customHeight="1" x14ac:dyDescent="0.2">
      <c r="A10" s="18" t="s">
        <v>48</v>
      </c>
      <c r="B10" s="15">
        <v>358</v>
      </c>
      <c r="C10" s="16">
        <v>350</v>
      </c>
      <c r="D10" s="17">
        <v>708</v>
      </c>
    </row>
    <row r="11" spans="1:4" ht="18" customHeight="1" x14ac:dyDescent="0.2">
      <c r="A11" s="14">
        <v>5</v>
      </c>
      <c r="B11" s="15">
        <v>70</v>
      </c>
      <c r="C11" s="16">
        <v>74</v>
      </c>
      <c r="D11" s="17">
        <v>144</v>
      </c>
    </row>
    <row r="12" spans="1:4" ht="18" customHeight="1" x14ac:dyDescent="0.2">
      <c r="A12" s="14">
        <v>6</v>
      </c>
      <c r="B12" s="15">
        <v>85</v>
      </c>
      <c r="C12" s="16">
        <v>70</v>
      </c>
      <c r="D12" s="17">
        <v>155</v>
      </c>
    </row>
    <row r="13" spans="1:4" ht="18" customHeight="1" x14ac:dyDescent="0.2">
      <c r="A13" s="14">
        <v>7</v>
      </c>
      <c r="B13" s="15">
        <v>77</v>
      </c>
      <c r="C13" s="16">
        <v>57</v>
      </c>
      <c r="D13" s="17">
        <v>134</v>
      </c>
    </row>
    <row r="14" spans="1:4" ht="18" customHeight="1" x14ac:dyDescent="0.2">
      <c r="A14" s="14">
        <v>8</v>
      </c>
      <c r="B14" s="15">
        <v>65</v>
      </c>
      <c r="C14" s="16">
        <v>77</v>
      </c>
      <c r="D14" s="17">
        <v>142</v>
      </c>
    </row>
    <row r="15" spans="1:4" ht="18" customHeight="1" x14ac:dyDescent="0.2">
      <c r="A15" s="14">
        <v>9</v>
      </c>
      <c r="B15" s="15">
        <v>73</v>
      </c>
      <c r="C15" s="16">
        <v>78</v>
      </c>
      <c r="D15" s="17">
        <v>151</v>
      </c>
    </row>
    <row r="16" spans="1:4" ht="18" customHeight="1" x14ac:dyDescent="0.2">
      <c r="A16" s="18" t="s">
        <v>49</v>
      </c>
      <c r="B16" s="15">
        <v>370</v>
      </c>
      <c r="C16" s="16">
        <v>356</v>
      </c>
      <c r="D16" s="17">
        <v>726</v>
      </c>
    </row>
    <row r="17" spans="1:4" ht="18" customHeight="1" x14ac:dyDescent="0.2">
      <c r="A17" s="14">
        <v>10</v>
      </c>
      <c r="B17" s="15">
        <v>74</v>
      </c>
      <c r="C17" s="16">
        <v>71</v>
      </c>
      <c r="D17" s="17">
        <v>145</v>
      </c>
    </row>
    <row r="18" spans="1:4" ht="18" customHeight="1" x14ac:dyDescent="0.2">
      <c r="A18" s="14">
        <v>11</v>
      </c>
      <c r="B18" s="15">
        <v>68</v>
      </c>
      <c r="C18" s="16">
        <v>59</v>
      </c>
      <c r="D18" s="17">
        <v>127</v>
      </c>
    </row>
    <row r="19" spans="1:4" ht="18" customHeight="1" x14ac:dyDescent="0.2">
      <c r="A19" s="14">
        <v>12</v>
      </c>
      <c r="B19" s="15">
        <v>62</v>
      </c>
      <c r="C19" s="16">
        <v>77</v>
      </c>
      <c r="D19" s="17">
        <v>139</v>
      </c>
    </row>
    <row r="20" spans="1:4" ht="18" customHeight="1" x14ac:dyDescent="0.2">
      <c r="A20" s="14">
        <v>13</v>
      </c>
      <c r="B20" s="15">
        <v>82</v>
      </c>
      <c r="C20" s="16">
        <v>72</v>
      </c>
      <c r="D20" s="17">
        <v>154</v>
      </c>
    </row>
    <row r="21" spans="1:4" ht="18" customHeight="1" x14ac:dyDescent="0.2">
      <c r="A21" s="14">
        <v>14</v>
      </c>
      <c r="B21" s="15">
        <v>79</v>
      </c>
      <c r="C21" s="16">
        <v>57</v>
      </c>
      <c r="D21" s="17">
        <v>136</v>
      </c>
    </row>
    <row r="22" spans="1:4" ht="18" customHeight="1" x14ac:dyDescent="0.2">
      <c r="A22" s="18" t="s">
        <v>50</v>
      </c>
      <c r="B22" s="15">
        <v>365</v>
      </c>
      <c r="C22" s="16">
        <v>336</v>
      </c>
      <c r="D22" s="17">
        <v>701</v>
      </c>
    </row>
    <row r="23" spans="1:4" ht="18" customHeight="1" x14ac:dyDescent="0.2">
      <c r="A23" s="18" t="s">
        <v>51</v>
      </c>
      <c r="B23" s="15">
        <v>1093</v>
      </c>
      <c r="C23" s="16">
        <v>1042</v>
      </c>
      <c r="D23" s="17">
        <v>2135</v>
      </c>
    </row>
    <row r="24" spans="1:4" ht="18" customHeight="1" x14ac:dyDescent="0.2">
      <c r="A24" s="14">
        <v>15</v>
      </c>
      <c r="B24" s="15">
        <v>71</v>
      </c>
      <c r="C24" s="16">
        <v>66</v>
      </c>
      <c r="D24" s="17">
        <v>137</v>
      </c>
    </row>
    <row r="25" spans="1:4" ht="18" customHeight="1" x14ac:dyDescent="0.2">
      <c r="A25" s="14">
        <v>16</v>
      </c>
      <c r="B25" s="15">
        <v>70</v>
      </c>
      <c r="C25" s="16">
        <v>73</v>
      </c>
      <c r="D25" s="17">
        <v>143</v>
      </c>
    </row>
    <row r="26" spans="1:4" ht="18" customHeight="1" x14ac:dyDescent="0.2">
      <c r="A26" s="14">
        <v>17</v>
      </c>
      <c r="B26" s="15">
        <v>62</v>
      </c>
      <c r="C26" s="16">
        <v>75</v>
      </c>
      <c r="D26" s="17">
        <v>137</v>
      </c>
    </row>
    <row r="27" spans="1:4" ht="18" customHeight="1" x14ac:dyDescent="0.2">
      <c r="A27" s="14">
        <v>18</v>
      </c>
      <c r="B27" s="15">
        <v>72</v>
      </c>
      <c r="C27" s="16">
        <v>72</v>
      </c>
      <c r="D27" s="17">
        <v>144</v>
      </c>
    </row>
    <row r="28" spans="1:4" ht="18" customHeight="1" x14ac:dyDescent="0.2">
      <c r="A28" s="14">
        <v>19</v>
      </c>
      <c r="B28" s="15">
        <v>51</v>
      </c>
      <c r="C28" s="16">
        <v>60</v>
      </c>
      <c r="D28" s="17">
        <v>111</v>
      </c>
    </row>
    <row r="29" spans="1:4" ht="18" customHeight="1" x14ac:dyDescent="0.2">
      <c r="A29" s="18" t="s">
        <v>52</v>
      </c>
      <c r="B29" s="15">
        <v>326</v>
      </c>
      <c r="C29" s="16">
        <v>346</v>
      </c>
      <c r="D29" s="17">
        <v>672</v>
      </c>
    </row>
    <row r="30" spans="1:4" ht="18" customHeight="1" x14ac:dyDescent="0.2">
      <c r="A30" s="14">
        <v>20</v>
      </c>
      <c r="B30" s="15">
        <v>61</v>
      </c>
      <c r="C30" s="16">
        <v>59</v>
      </c>
      <c r="D30" s="17">
        <v>120</v>
      </c>
    </row>
    <row r="31" spans="1:4" ht="18" customHeight="1" x14ac:dyDescent="0.2">
      <c r="A31" s="14">
        <v>21</v>
      </c>
      <c r="B31" s="15">
        <v>57</v>
      </c>
      <c r="C31" s="16">
        <v>64</v>
      </c>
      <c r="D31" s="17">
        <v>121</v>
      </c>
    </row>
    <row r="32" spans="1:4" ht="18" customHeight="1" x14ac:dyDescent="0.2">
      <c r="A32" s="14">
        <v>22</v>
      </c>
      <c r="B32" s="15">
        <v>64</v>
      </c>
      <c r="C32" s="16">
        <v>67</v>
      </c>
      <c r="D32" s="17">
        <v>131</v>
      </c>
    </row>
    <row r="33" spans="1:4" ht="18" customHeight="1" x14ac:dyDescent="0.2">
      <c r="A33" s="14">
        <v>23</v>
      </c>
      <c r="B33" s="15">
        <v>50</v>
      </c>
      <c r="C33" s="16">
        <v>70</v>
      </c>
      <c r="D33" s="17">
        <v>120</v>
      </c>
    </row>
    <row r="34" spans="1:4" ht="18" customHeight="1" x14ac:dyDescent="0.2">
      <c r="A34" s="14">
        <v>24</v>
      </c>
      <c r="B34" s="15">
        <v>77</v>
      </c>
      <c r="C34" s="16">
        <v>72</v>
      </c>
      <c r="D34" s="17">
        <v>149</v>
      </c>
    </row>
    <row r="35" spans="1:4" ht="18" customHeight="1" x14ac:dyDescent="0.2">
      <c r="A35" s="18" t="s">
        <v>53</v>
      </c>
      <c r="B35" s="15">
        <v>309</v>
      </c>
      <c r="C35" s="16">
        <v>332</v>
      </c>
      <c r="D35" s="17">
        <v>641</v>
      </c>
    </row>
    <row r="36" spans="1:4" ht="18" customHeight="1" x14ac:dyDescent="0.2">
      <c r="A36" s="14">
        <v>25</v>
      </c>
      <c r="B36" s="15">
        <v>70</v>
      </c>
      <c r="C36" s="16">
        <v>68</v>
      </c>
      <c r="D36" s="17">
        <v>138</v>
      </c>
    </row>
    <row r="37" spans="1:4" ht="18" customHeight="1" x14ac:dyDescent="0.2">
      <c r="A37" s="14">
        <v>26</v>
      </c>
      <c r="B37" s="15">
        <v>83</v>
      </c>
      <c r="C37" s="16">
        <v>65</v>
      </c>
      <c r="D37" s="17">
        <v>148</v>
      </c>
    </row>
    <row r="38" spans="1:4" ht="18" customHeight="1" x14ac:dyDescent="0.2">
      <c r="A38" s="14">
        <v>27</v>
      </c>
      <c r="B38" s="15">
        <v>68</v>
      </c>
      <c r="C38" s="16">
        <v>91</v>
      </c>
      <c r="D38" s="17">
        <v>159</v>
      </c>
    </row>
    <row r="39" spans="1:4" ht="18" customHeight="1" x14ac:dyDescent="0.2">
      <c r="A39" s="14">
        <v>28</v>
      </c>
      <c r="B39" s="15">
        <v>77</v>
      </c>
      <c r="C39" s="16">
        <v>75</v>
      </c>
      <c r="D39" s="17">
        <v>152</v>
      </c>
    </row>
    <row r="40" spans="1:4" ht="18" customHeight="1" x14ac:dyDescent="0.2">
      <c r="A40" s="14">
        <v>29</v>
      </c>
      <c r="B40" s="15">
        <v>83</v>
      </c>
      <c r="C40" s="16">
        <v>86</v>
      </c>
      <c r="D40" s="17">
        <v>169</v>
      </c>
    </row>
    <row r="41" spans="1:4" ht="18" customHeight="1" x14ac:dyDescent="0.2">
      <c r="A41" s="18" t="s">
        <v>54</v>
      </c>
      <c r="B41" s="15">
        <v>381</v>
      </c>
      <c r="C41" s="16">
        <v>385</v>
      </c>
      <c r="D41" s="17">
        <v>766</v>
      </c>
    </row>
    <row r="42" spans="1:4" ht="18" customHeight="1" x14ac:dyDescent="0.2">
      <c r="A42" s="14">
        <v>30</v>
      </c>
      <c r="B42" s="15">
        <v>84</v>
      </c>
      <c r="C42" s="16">
        <v>92</v>
      </c>
      <c r="D42" s="17">
        <v>176</v>
      </c>
    </row>
    <row r="43" spans="1:4" ht="18" customHeight="1" x14ac:dyDescent="0.2">
      <c r="A43" s="14">
        <v>31</v>
      </c>
      <c r="B43" s="15">
        <v>81</v>
      </c>
      <c r="C43" s="16">
        <v>84</v>
      </c>
      <c r="D43" s="17">
        <v>165</v>
      </c>
    </row>
    <row r="44" spans="1:4" ht="18" customHeight="1" x14ac:dyDescent="0.2">
      <c r="A44" s="14">
        <v>32</v>
      </c>
      <c r="B44" s="15">
        <v>83</v>
      </c>
      <c r="C44" s="16">
        <v>76</v>
      </c>
      <c r="D44" s="17">
        <v>159</v>
      </c>
    </row>
    <row r="45" spans="1:4" ht="18" customHeight="1" x14ac:dyDescent="0.2">
      <c r="A45" s="14">
        <v>33</v>
      </c>
      <c r="B45" s="15">
        <v>82</v>
      </c>
      <c r="C45" s="16">
        <v>93</v>
      </c>
      <c r="D45" s="17">
        <v>175</v>
      </c>
    </row>
    <row r="46" spans="1:4" ht="18" customHeight="1" x14ac:dyDescent="0.2">
      <c r="A46" s="14">
        <v>34</v>
      </c>
      <c r="B46" s="15">
        <v>89</v>
      </c>
      <c r="C46" s="16">
        <v>92</v>
      </c>
      <c r="D46" s="17">
        <v>181</v>
      </c>
    </row>
    <row r="47" spans="1:4" ht="18" customHeight="1" x14ac:dyDescent="0.2">
      <c r="A47" s="18" t="s">
        <v>55</v>
      </c>
      <c r="B47" s="15">
        <v>419</v>
      </c>
      <c r="C47" s="16">
        <v>437</v>
      </c>
      <c r="D47" s="17">
        <v>856</v>
      </c>
    </row>
    <row r="48" spans="1:4" ht="18" customHeight="1" x14ac:dyDescent="0.2">
      <c r="A48" s="14">
        <v>35</v>
      </c>
      <c r="B48" s="15">
        <v>100</v>
      </c>
      <c r="C48" s="16">
        <v>98</v>
      </c>
      <c r="D48" s="17">
        <v>198</v>
      </c>
    </row>
    <row r="49" spans="1:4" ht="18" customHeight="1" x14ac:dyDescent="0.2">
      <c r="A49" s="14">
        <v>36</v>
      </c>
      <c r="B49" s="15">
        <v>91</v>
      </c>
      <c r="C49" s="16">
        <v>89</v>
      </c>
      <c r="D49" s="17">
        <v>180</v>
      </c>
    </row>
    <row r="50" spans="1:4" ht="18" customHeight="1" x14ac:dyDescent="0.2">
      <c r="A50" s="14">
        <v>37</v>
      </c>
      <c r="B50" s="15">
        <v>102</v>
      </c>
      <c r="C50" s="16">
        <v>95</v>
      </c>
      <c r="D50" s="17">
        <v>197</v>
      </c>
    </row>
    <row r="51" spans="1:4" ht="18" customHeight="1" x14ac:dyDescent="0.2">
      <c r="A51" s="14">
        <v>38</v>
      </c>
      <c r="B51" s="15">
        <v>106</v>
      </c>
      <c r="C51" s="16">
        <v>113</v>
      </c>
      <c r="D51" s="17">
        <v>219</v>
      </c>
    </row>
    <row r="52" spans="1:4" ht="18" customHeight="1" x14ac:dyDescent="0.2">
      <c r="A52" s="14">
        <v>39</v>
      </c>
      <c r="B52" s="15">
        <v>108</v>
      </c>
      <c r="C52" s="16">
        <v>102</v>
      </c>
      <c r="D52" s="17">
        <v>210</v>
      </c>
    </row>
    <row r="53" spans="1:4" ht="18" customHeight="1" x14ac:dyDescent="0.2">
      <c r="A53" s="18" t="s">
        <v>56</v>
      </c>
      <c r="B53" s="15">
        <v>507</v>
      </c>
      <c r="C53" s="16">
        <v>497</v>
      </c>
      <c r="D53" s="17">
        <v>1004</v>
      </c>
    </row>
    <row r="54" spans="1:4" ht="18" customHeight="1" x14ac:dyDescent="0.2">
      <c r="A54" s="14">
        <v>40</v>
      </c>
      <c r="B54" s="15">
        <v>100</v>
      </c>
      <c r="C54" s="16">
        <v>115</v>
      </c>
      <c r="D54" s="17">
        <v>215</v>
      </c>
    </row>
    <row r="55" spans="1:4" ht="18" customHeight="1" x14ac:dyDescent="0.2">
      <c r="A55" s="14">
        <v>41</v>
      </c>
      <c r="B55" s="15">
        <v>110</v>
      </c>
      <c r="C55" s="16">
        <v>113</v>
      </c>
      <c r="D55" s="17">
        <v>223</v>
      </c>
    </row>
    <row r="56" spans="1:4" ht="18" customHeight="1" x14ac:dyDescent="0.2">
      <c r="A56" s="14">
        <v>42</v>
      </c>
      <c r="B56" s="15">
        <v>143</v>
      </c>
      <c r="C56" s="16">
        <v>117</v>
      </c>
      <c r="D56" s="17">
        <v>260</v>
      </c>
    </row>
    <row r="57" spans="1:4" ht="18" customHeight="1" x14ac:dyDescent="0.2">
      <c r="A57" s="14">
        <v>43</v>
      </c>
      <c r="B57" s="15">
        <v>118</v>
      </c>
      <c r="C57" s="16">
        <v>122</v>
      </c>
      <c r="D57" s="17">
        <v>240</v>
      </c>
    </row>
    <row r="58" spans="1:4" ht="18" customHeight="1" x14ac:dyDescent="0.2">
      <c r="A58" s="14">
        <v>44</v>
      </c>
      <c r="B58" s="15">
        <v>146</v>
      </c>
      <c r="C58" s="16">
        <v>119</v>
      </c>
      <c r="D58" s="17">
        <v>265</v>
      </c>
    </row>
    <row r="59" spans="1:4" ht="18" customHeight="1" x14ac:dyDescent="0.2">
      <c r="A59" s="18" t="s">
        <v>57</v>
      </c>
      <c r="B59" s="15">
        <v>617</v>
      </c>
      <c r="C59" s="16">
        <v>586</v>
      </c>
      <c r="D59" s="17">
        <v>1203</v>
      </c>
    </row>
    <row r="60" spans="1:4" ht="18" customHeight="1" x14ac:dyDescent="0.2">
      <c r="A60" s="14">
        <v>45</v>
      </c>
      <c r="B60" s="15">
        <v>158</v>
      </c>
      <c r="C60" s="16">
        <v>142</v>
      </c>
      <c r="D60" s="17">
        <v>300</v>
      </c>
    </row>
    <row r="61" spans="1:4" ht="18" customHeight="1" x14ac:dyDescent="0.2">
      <c r="A61" s="14">
        <v>46</v>
      </c>
      <c r="B61" s="15">
        <v>125</v>
      </c>
      <c r="C61" s="16">
        <v>135</v>
      </c>
      <c r="D61" s="17">
        <v>260</v>
      </c>
    </row>
    <row r="62" spans="1:4" ht="18" customHeight="1" x14ac:dyDescent="0.2">
      <c r="A62" s="14">
        <v>47</v>
      </c>
      <c r="B62" s="15">
        <v>137</v>
      </c>
      <c r="C62" s="16">
        <v>104</v>
      </c>
      <c r="D62" s="17">
        <v>241</v>
      </c>
    </row>
    <row r="63" spans="1:4" ht="18" customHeight="1" x14ac:dyDescent="0.2">
      <c r="A63" s="14">
        <v>48</v>
      </c>
      <c r="B63" s="15">
        <v>121</v>
      </c>
      <c r="C63" s="16">
        <v>138</v>
      </c>
      <c r="D63" s="17">
        <v>259</v>
      </c>
    </row>
    <row r="64" spans="1:4" ht="18" customHeight="1" x14ac:dyDescent="0.2">
      <c r="A64" s="14">
        <v>49</v>
      </c>
      <c r="B64" s="15">
        <v>125</v>
      </c>
      <c r="C64" s="16">
        <v>126</v>
      </c>
      <c r="D64" s="17">
        <v>251</v>
      </c>
    </row>
    <row r="65" spans="1:4" ht="18" customHeight="1" x14ac:dyDescent="0.2">
      <c r="A65" s="18" t="s">
        <v>58</v>
      </c>
      <c r="B65" s="15">
        <v>666</v>
      </c>
      <c r="C65" s="16">
        <v>645</v>
      </c>
      <c r="D65" s="17">
        <v>1311</v>
      </c>
    </row>
    <row r="66" spans="1:4" ht="18" customHeight="1" x14ac:dyDescent="0.2">
      <c r="A66" s="14">
        <v>50</v>
      </c>
      <c r="B66" s="15">
        <v>95</v>
      </c>
      <c r="C66" s="16">
        <v>104</v>
      </c>
      <c r="D66" s="17">
        <v>199</v>
      </c>
    </row>
    <row r="67" spans="1:4" ht="18" customHeight="1" x14ac:dyDescent="0.2">
      <c r="A67" s="14">
        <v>51</v>
      </c>
      <c r="B67" s="15">
        <v>101</v>
      </c>
      <c r="C67" s="16">
        <v>87</v>
      </c>
      <c r="D67" s="17">
        <v>188</v>
      </c>
    </row>
    <row r="68" spans="1:4" ht="18" customHeight="1" x14ac:dyDescent="0.2">
      <c r="A68" s="14">
        <v>52</v>
      </c>
      <c r="B68" s="15">
        <v>104</v>
      </c>
      <c r="C68" s="16">
        <v>114</v>
      </c>
      <c r="D68" s="17">
        <v>218</v>
      </c>
    </row>
    <row r="69" spans="1:4" ht="18" customHeight="1" x14ac:dyDescent="0.2">
      <c r="A69" s="14">
        <v>53</v>
      </c>
      <c r="B69" s="15">
        <v>112</v>
      </c>
      <c r="C69" s="16">
        <v>100</v>
      </c>
      <c r="D69" s="17">
        <v>212</v>
      </c>
    </row>
    <row r="70" spans="1:4" ht="18" customHeight="1" x14ac:dyDescent="0.2">
      <c r="A70" s="14">
        <v>54</v>
      </c>
      <c r="B70" s="15">
        <v>84</v>
      </c>
      <c r="C70" s="16">
        <v>93</v>
      </c>
      <c r="D70" s="17">
        <v>177</v>
      </c>
    </row>
    <row r="71" spans="1:4" ht="18" customHeight="1" x14ac:dyDescent="0.2">
      <c r="A71" s="18" t="s">
        <v>59</v>
      </c>
      <c r="B71" s="15">
        <v>496</v>
      </c>
      <c r="C71" s="16">
        <v>498</v>
      </c>
      <c r="D71" s="17">
        <v>994</v>
      </c>
    </row>
    <row r="72" spans="1:4" ht="18" customHeight="1" x14ac:dyDescent="0.2">
      <c r="A72" s="14">
        <v>55</v>
      </c>
      <c r="B72" s="15">
        <v>97</v>
      </c>
      <c r="C72" s="16">
        <v>96</v>
      </c>
      <c r="D72" s="17">
        <v>193</v>
      </c>
    </row>
    <row r="73" spans="1:4" ht="18" customHeight="1" x14ac:dyDescent="0.2">
      <c r="A73" s="14">
        <v>56</v>
      </c>
      <c r="B73" s="15">
        <v>83</v>
      </c>
      <c r="C73" s="16">
        <v>95</v>
      </c>
      <c r="D73" s="17">
        <v>178</v>
      </c>
    </row>
    <row r="74" spans="1:4" ht="18" customHeight="1" x14ac:dyDescent="0.2">
      <c r="A74" s="14">
        <v>57</v>
      </c>
      <c r="B74" s="15">
        <v>87</v>
      </c>
      <c r="C74" s="16">
        <v>81</v>
      </c>
      <c r="D74" s="17">
        <v>168</v>
      </c>
    </row>
    <row r="75" spans="1:4" ht="18" customHeight="1" x14ac:dyDescent="0.2">
      <c r="A75" s="14">
        <v>58</v>
      </c>
      <c r="B75" s="15">
        <v>68</v>
      </c>
      <c r="C75" s="16">
        <v>76</v>
      </c>
      <c r="D75" s="17">
        <v>144</v>
      </c>
    </row>
    <row r="76" spans="1:4" ht="18" customHeight="1" x14ac:dyDescent="0.2">
      <c r="A76" s="14">
        <v>59</v>
      </c>
      <c r="B76" s="15">
        <v>85</v>
      </c>
      <c r="C76" s="16">
        <v>98</v>
      </c>
      <c r="D76" s="17">
        <v>183</v>
      </c>
    </row>
    <row r="77" spans="1:4" ht="18" customHeight="1" x14ac:dyDescent="0.2">
      <c r="A77" s="18" t="s">
        <v>60</v>
      </c>
      <c r="B77" s="15">
        <v>420</v>
      </c>
      <c r="C77" s="16">
        <v>446</v>
      </c>
      <c r="D77" s="17">
        <v>866</v>
      </c>
    </row>
    <row r="78" spans="1:4" ht="18" customHeight="1" x14ac:dyDescent="0.2">
      <c r="A78" s="14">
        <v>60</v>
      </c>
      <c r="B78" s="15">
        <v>66</v>
      </c>
      <c r="C78" s="16">
        <v>87</v>
      </c>
      <c r="D78" s="17">
        <v>153</v>
      </c>
    </row>
    <row r="79" spans="1:4" ht="18" customHeight="1" x14ac:dyDescent="0.2">
      <c r="A79" s="14">
        <v>61</v>
      </c>
      <c r="B79" s="15">
        <v>87</v>
      </c>
      <c r="C79" s="16">
        <v>84</v>
      </c>
      <c r="D79" s="17">
        <v>171</v>
      </c>
    </row>
    <row r="80" spans="1:4" ht="18" customHeight="1" x14ac:dyDescent="0.2">
      <c r="A80" s="14">
        <v>62</v>
      </c>
      <c r="B80" s="15">
        <v>68</v>
      </c>
      <c r="C80" s="16">
        <v>74</v>
      </c>
      <c r="D80" s="17">
        <v>142</v>
      </c>
    </row>
    <row r="81" spans="1:4" ht="18" customHeight="1" x14ac:dyDescent="0.2">
      <c r="A81" s="14">
        <v>63</v>
      </c>
      <c r="B81" s="15">
        <v>71</v>
      </c>
      <c r="C81" s="16">
        <v>74</v>
      </c>
      <c r="D81" s="17">
        <v>145</v>
      </c>
    </row>
    <row r="82" spans="1:4" ht="18" customHeight="1" x14ac:dyDescent="0.2">
      <c r="A82" s="14">
        <v>64</v>
      </c>
      <c r="B82" s="15">
        <v>83</v>
      </c>
      <c r="C82" s="16">
        <v>74</v>
      </c>
      <c r="D82" s="17">
        <v>157</v>
      </c>
    </row>
    <row r="83" spans="1:4" ht="18" customHeight="1" x14ac:dyDescent="0.2">
      <c r="A83" s="18" t="s">
        <v>61</v>
      </c>
      <c r="B83" s="15">
        <v>375</v>
      </c>
      <c r="C83" s="16">
        <v>393</v>
      </c>
      <c r="D83" s="17">
        <v>768</v>
      </c>
    </row>
    <row r="84" spans="1:4" ht="18" customHeight="1" x14ac:dyDescent="0.2">
      <c r="A84" s="18" t="s">
        <v>62</v>
      </c>
      <c r="B84" s="15">
        <v>4516</v>
      </c>
      <c r="C84" s="16">
        <v>4565</v>
      </c>
      <c r="D84" s="17">
        <v>9081</v>
      </c>
    </row>
    <row r="85" spans="1:4" ht="18" customHeight="1" x14ac:dyDescent="0.2">
      <c r="A85" s="14">
        <v>65</v>
      </c>
      <c r="B85" s="15">
        <v>74</v>
      </c>
      <c r="C85" s="16">
        <v>89</v>
      </c>
      <c r="D85" s="17">
        <v>163</v>
      </c>
    </row>
    <row r="86" spans="1:4" ht="18" customHeight="1" x14ac:dyDescent="0.2">
      <c r="A86" s="14">
        <v>66</v>
      </c>
      <c r="B86" s="15">
        <v>86</v>
      </c>
      <c r="C86" s="16">
        <v>81</v>
      </c>
      <c r="D86" s="17">
        <v>167</v>
      </c>
    </row>
    <row r="87" spans="1:4" ht="18" customHeight="1" x14ac:dyDescent="0.2">
      <c r="A87" s="14">
        <v>67</v>
      </c>
      <c r="B87" s="15">
        <v>85</v>
      </c>
      <c r="C87" s="16">
        <v>92</v>
      </c>
      <c r="D87" s="17">
        <v>177</v>
      </c>
    </row>
    <row r="88" spans="1:4" ht="18" customHeight="1" x14ac:dyDescent="0.2">
      <c r="A88" s="14">
        <v>68</v>
      </c>
      <c r="B88" s="15">
        <v>90</v>
      </c>
      <c r="C88" s="16">
        <v>91</v>
      </c>
      <c r="D88" s="17">
        <v>181</v>
      </c>
    </row>
    <row r="89" spans="1:4" ht="18" customHeight="1" x14ac:dyDescent="0.2">
      <c r="A89" s="14">
        <v>69</v>
      </c>
      <c r="B89" s="15">
        <v>74</v>
      </c>
      <c r="C89" s="16">
        <v>102</v>
      </c>
      <c r="D89" s="17">
        <v>176</v>
      </c>
    </row>
    <row r="90" spans="1:4" ht="18" customHeight="1" x14ac:dyDescent="0.2">
      <c r="A90" s="18" t="s">
        <v>63</v>
      </c>
      <c r="B90" s="15">
        <v>409</v>
      </c>
      <c r="C90" s="16">
        <v>455</v>
      </c>
      <c r="D90" s="17">
        <v>864</v>
      </c>
    </row>
    <row r="91" spans="1:4" ht="18" customHeight="1" x14ac:dyDescent="0.2">
      <c r="A91" s="14">
        <v>70</v>
      </c>
      <c r="B91" s="15">
        <v>94</v>
      </c>
      <c r="C91" s="16">
        <v>107</v>
      </c>
      <c r="D91" s="17">
        <v>201</v>
      </c>
    </row>
    <row r="92" spans="1:4" ht="18" customHeight="1" x14ac:dyDescent="0.2">
      <c r="A92" s="14">
        <v>71</v>
      </c>
      <c r="B92" s="15">
        <v>105</v>
      </c>
      <c r="C92" s="16">
        <v>131</v>
      </c>
      <c r="D92" s="17">
        <v>236</v>
      </c>
    </row>
    <row r="93" spans="1:4" ht="18" customHeight="1" x14ac:dyDescent="0.2">
      <c r="A93" s="14">
        <v>72</v>
      </c>
      <c r="B93" s="15">
        <v>98</v>
      </c>
      <c r="C93" s="16">
        <v>110</v>
      </c>
      <c r="D93" s="17">
        <v>208</v>
      </c>
    </row>
    <row r="94" spans="1:4" ht="18" customHeight="1" x14ac:dyDescent="0.2">
      <c r="A94" s="14">
        <v>73</v>
      </c>
      <c r="B94" s="15">
        <v>101</v>
      </c>
      <c r="C94" s="16">
        <v>113</v>
      </c>
      <c r="D94" s="17">
        <v>214</v>
      </c>
    </row>
    <row r="95" spans="1:4" ht="18" customHeight="1" x14ac:dyDescent="0.2">
      <c r="A95" s="14">
        <v>74</v>
      </c>
      <c r="B95" s="15">
        <v>59</v>
      </c>
      <c r="C95" s="16">
        <v>61</v>
      </c>
      <c r="D95" s="17">
        <v>120</v>
      </c>
    </row>
    <row r="96" spans="1:4" ht="18" customHeight="1" x14ac:dyDescent="0.2">
      <c r="A96" s="18" t="s">
        <v>64</v>
      </c>
      <c r="B96" s="15">
        <v>457</v>
      </c>
      <c r="C96" s="16">
        <v>522</v>
      </c>
      <c r="D96" s="17">
        <v>979</v>
      </c>
    </row>
    <row r="97" spans="1:4" ht="18" customHeight="1" x14ac:dyDescent="0.2">
      <c r="A97" s="14">
        <v>75</v>
      </c>
      <c r="B97" s="15">
        <v>63</v>
      </c>
      <c r="C97" s="16">
        <v>87</v>
      </c>
      <c r="D97" s="17">
        <v>150</v>
      </c>
    </row>
    <row r="98" spans="1:4" ht="18" customHeight="1" x14ac:dyDescent="0.2">
      <c r="A98" s="14">
        <v>76</v>
      </c>
      <c r="B98" s="15">
        <v>78</v>
      </c>
      <c r="C98" s="16">
        <v>105</v>
      </c>
      <c r="D98" s="17">
        <v>183</v>
      </c>
    </row>
    <row r="99" spans="1:4" ht="18" customHeight="1" x14ac:dyDescent="0.2">
      <c r="A99" s="14">
        <v>77</v>
      </c>
      <c r="B99" s="15">
        <v>66</v>
      </c>
      <c r="C99" s="16">
        <v>93</v>
      </c>
      <c r="D99" s="17">
        <v>159</v>
      </c>
    </row>
    <row r="100" spans="1:4" ht="18" customHeight="1" x14ac:dyDescent="0.2">
      <c r="A100" s="14">
        <v>78</v>
      </c>
      <c r="B100" s="15">
        <v>80</v>
      </c>
      <c r="C100" s="16">
        <v>98</v>
      </c>
      <c r="D100" s="17">
        <v>178</v>
      </c>
    </row>
    <row r="101" spans="1:4" ht="18" customHeight="1" x14ac:dyDescent="0.2">
      <c r="A101" s="14">
        <v>79</v>
      </c>
      <c r="B101" s="15">
        <v>64</v>
      </c>
      <c r="C101" s="16">
        <v>89</v>
      </c>
      <c r="D101" s="17">
        <v>153</v>
      </c>
    </row>
    <row r="102" spans="1:4" ht="18" customHeight="1" x14ac:dyDescent="0.2">
      <c r="A102" s="18" t="s">
        <v>65</v>
      </c>
      <c r="B102" s="15">
        <v>351</v>
      </c>
      <c r="C102" s="16">
        <v>472</v>
      </c>
      <c r="D102" s="17">
        <v>823</v>
      </c>
    </row>
    <row r="103" spans="1:4" ht="18" customHeight="1" x14ac:dyDescent="0.2">
      <c r="A103" s="14">
        <v>80</v>
      </c>
      <c r="B103" s="15">
        <v>59</v>
      </c>
      <c r="C103" s="16">
        <v>51</v>
      </c>
      <c r="D103" s="17">
        <v>110</v>
      </c>
    </row>
    <row r="104" spans="1:4" ht="18" customHeight="1" x14ac:dyDescent="0.2">
      <c r="A104" s="14">
        <v>81</v>
      </c>
      <c r="B104" s="15">
        <v>46</v>
      </c>
      <c r="C104" s="16">
        <v>57</v>
      </c>
      <c r="D104" s="17">
        <v>103</v>
      </c>
    </row>
    <row r="105" spans="1:4" ht="18" customHeight="1" x14ac:dyDescent="0.2">
      <c r="A105" s="14">
        <v>82</v>
      </c>
      <c r="B105" s="15">
        <v>49</v>
      </c>
      <c r="C105" s="16">
        <v>64</v>
      </c>
      <c r="D105" s="17">
        <v>113</v>
      </c>
    </row>
    <row r="106" spans="1:4" ht="18" customHeight="1" x14ac:dyDescent="0.2">
      <c r="A106" s="14">
        <v>83</v>
      </c>
      <c r="B106" s="15">
        <v>42</v>
      </c>
      <c r="C106" s="16">
        <v>68</v>
      </c>
      <c r="D106" s="17">
        <v>110</v>
      </c>
    </row>
    <row r="107" spans="1:4" ht="18" customHeight="1" x14ac:dyDescent="0.2">
      <c r="A107" s="14">
        <v>84</v>
      </c>
      <c r="B107" s="15">
        <v>45</v>
      </c>
      <c r="C107" s="16">
        <v>71</v>
      </c>
      <c r="D107" s="17">
        <v>116</v>
      </c>
    </row>
    <row r="108" spans="1:4" ht="18" customHeight="1" x14ac:dyDescent="0.2">
      <c r="A108" s="18" t="s">
        <v>66</v>
      </c>
      <c r="B108" s="15">
        <v>241</v>
      </c>
      <c r="C108" s="16">
        <v>311</v>
      </c>
      <c r="D108" s="17">
        <v>552</v>
      </c>
    </row>
    <row r="109" spans="1:4" ht="18" customHeight="1" x14ac:dyDescent="0.2">
      <c r="A109" s="14">
        <v>85</v>
      </c>
      <c r="B109" s="15">
        <v>42</v>
      </c>
      <c r="C109" s="16">
        <v>56</v>
      </c>
      <c r="D109" s="17">
        <v>98</v>
      </c>
    </row>
    <row r="110" spans="1:4" ht="18" customHeight="1" x14ac:dyDescent="0.2">
      <c r="A110" s="14">
        <v>86</v>
      </c>
      <c r="B110" s="15">
        <v>24</v>
      </c>
      <c r="C110" s="16">
        <v>47</v>
      </c>
      <c r="D110" s="17">
        <v>71</v>
      </c>
    </row>
    <row r="111" spans="1:4" ht="18" customHeight="1" x14ac:dyDescent="0.2">
      <c r="A111" s="14">
        <v>87</v>
      </c>
      <c r="B111" s="15">
        <v>37</v>
      </c>
      <c r="C111" s="16">
        <v>59</v>
      </c>
      <c r="D111" s="17">
        <v>96</v>
      </c>
    </row>
    <row r="112" spans="1:4" ht="18" customHeight="1" x14ac:dyDescent="0.2">
      <c r="A112" s="14">
        <v>88</v>
      </c>
      <c r="B112" s="15">
        <v>18</v>
      </c>
      <c r="C112" s="16">
        <v>45</v>
      </c>
      <c r="D112" s="17">
        <v>63</v>
      </c>
    </row>
    <row r="113" spans="1:4" ht="18" customHeight="1" x14ac:dyDescent="0.2">
      <c r="A113" s="14">
        <v>89</v>
      </c>
      <c r="B113" s="15">
        <v>21</v>
      </c>
      <c r="C113" s="16">
        <v>54</v>
      </c>
      <c r="D113" s="17">
        <v>75</v>
      </c>
    </row>
    <row r="114" spans="1:4" ht="18" customHeight="1" x14ac:dyDescent="0.2">
      <c r="A114" s="18" t="s">
        <v>67</v>
      </c>
      <c r="B114" s="15">
        <v>142</v>
      </c>
      <c r="C114" s="16">
        <v>261</v>
      </c>
      <c r="D114" s="17">
        <v>403</v>
      </c>
    </row>
    <row r="115" spans="1:4" ht="18" customHeight="1" x14ac:dyDescent="0.2">
      <c r="A115" s="14">
        <v>90</v>
      </c>
      <c r="B115" s="15">
        <v>18</v>
      </c>
      <c r="C115" s="16">
        <v>31</v>
      </c>
      <c r="D115" s="17">
        <v>49</v>
      </c>
    </row>
    <row r="116" spans="1:4" ht="18" customHeight="1" x14ac:dyDescent="0.2">
      <c r="A116" s="14">
        <v>91</v>
      </c>
      <c r="B116" s="15">
        <v>8</v>
      </c>
      <c r="C116" s="16">
        <v>18</v>
      </c>
      <c r="D116" s="17">
        <v>26</v>
      </c>
    </row>
    <row r="117" spans="1:4" ht="18" customHeight="1" x14ac:dyDescent="0.2">
      <c r="A117" s="14">
        <v>92</v>
      </c>
      <c r="B117" s="15">
        <v>10</v>
      </c>
      <c r="C117" s="16">
        <v>27</v>
      </c>
      <c r="D117" s="17">
        <v>37</v>
      </c>
    </row>
    <row r="118" spans="1:4" ht="18" customHeight="1" x14ac:dyDescent="0.2">
      <c r="A118" s="14">
        <v>93</v>
      </c>
      <c r="B118" s="15">
        <v>5</v>
      </c>
      <c r="C118" s="16">
        <v>16</v>
      </c>
      <c r="D118" s="17">
        <v>21</v>
      </c>
    </row>
    <row r="119" spans="1:4" ht="18" customHeight="1" x14ac:dyDescent="0.2">
      <c r="A119" s="14">
        <v>94</v>
      </c>
      <c r="B119" s="15">
        <v>3</v>
      </c>
      <c r="C119" s="16">
        <v>19</v>
      </c>
      <c r="D119" s="17">
        <v>22</v>
      </c>
    </row>
    <row r="120" spans="1:4" ht="18" customHeight="1" x14ac:dyDescent="0.2">
      <c r="A120" s="18" t="s">
        <v>68</v>
      </c>
      <c r="B120" s="15">
        <v>44</v>
      </c>
      <c r="C120" s="16">
        <v>111</v>
      </c>
      <c r="D120" s="17">
        <v>155</v>
      </c>
    </row>
    <row r="121" spans="1:4" ht="18" customHeight="1" x14ac:dyDescent="0.2">
      <c r="A121" s="14">
        <v>95</v>
      </c>
      <c r="B121" s="15">
        <v>5</v>
      </c>
      <c r="C121" s="16">
        <v>10</v>
      </c>
      <c r="D121" s="17">
        <v>15</v>
      </c>
    </row>
    <row r="122" spans="1:4" ht="18" customHeight="1" x14ac:dyDescent="0.2">
      <c r="A122" s="14">
        <v>96</v>
      </c>
      <c r="B122" s="15">
        <v>2</v>
      </c>
      <c r="C122" s="16">
        <v>9</v>
      </c>
      <c r="D122" s="17">
        <v>11</v>
      </c>
    </row>
    <row r="123" spans="1:4" ht="18" customHeight="1" x14ac:dyDescent="0.2">
      <c r="A123" s="14">
        <v>97</v>
      </c>
      <c r="B123" s="15">
        <v>2</v>
      </c>
      <c r="C123" s="16">
        <v>5</v>
      </c>
      <c r="D123" s="17">
        <v>7</v>
      </c>
    </row>
    <row r="124" spans="1:4" ht="18" customHeight="1" x14ac:dyDescent="0.2">
      <c r="A124" s="14">
        <v>98</v>
      </c>
      <c r="B124" s="15">
        <v>3</v>
      </c>
      <c r="C124" s="16">
        <v>9</v>
      </c>
      <c r="D124" s="17">
        <v>12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12</v>
      </c>
      <c r="C126" s="16">
        <v>37</v>
      </c>
      <c r="D126" s="17">
        <v>4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1657</v>
      </c>
      <c r="C130" s="5">
        <v>2172</v>
      </c>
      <c r="D130" s="6">
        <v>3829</v>
      </c>
    </row>
    <row r="131" spans="1:4" ht="18" customHeight="1" x14ac:dyDescent="0.2">
      <c r="A131" s="20" t="s">
        <v>47</v>
      </c>
      <c r="B131" s="7">
        <v>7266</v>
      </c>
      <c r="C131" s="8">
        <v>7779</v>
      </c>
      <c r="D131" s="9">
        <v>1504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2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5</v>
      </c>
      <c r="C5" s="12">
        <v>18</v>
      </c>
      <c r="D5" s="13">
        <v>43</v>
      </c>
    </row>
    <row r="6" spans="1:4" ht="18" customHeight="1" x14ac:dyDescent="0.2">
      <c r="A6" s="14">
        <v>1</v>
      </c>
      <c r="B6" s="15">
        <v>23</v>
      </c>
      <c r="C6" s="16">
        <v>15</v>
      </c>
      <c r="D6" s="17">
        <v>38</v>
      </c>
    </row>
    <row r="7" spans="1:4" ht="18" customHeight="1" x14ac:dyDescent="0.2">
      <c r="A7" s="14">
        <v>2</v>
      </c>
      <c r="B7" s="15">
        <v>23</v>
      </c>
      <c r="C7" s="16">
        <v>26</v>
      </c>
      <c r="D7" s="17">
        <v>49</v>
      </c>
    </row>
    <row r="8" spans="1:4" ht="18" customHeight="1" x14ac:dyDescent="0.2">
      <c r="A8" s="14">
        <v>3</v>
      </c>
      <c r="B8" s="15">
        <v>26</v>
      </c>
      <c r="C8" s="16">
        <v>28</v>
      </c>
      <c r="D8" s="17">
        <v>54</v>
      </c>
    </row>
    <row r="9" spans="1:4" ht="18" customHeight="1" x14ac:dyDescent="0.2">
      <c r="A9" s="14">
        <v>4</v>
      </c>
      <c r="B9" s="15">
        <v>27</v>
      </c>
      <c r="C9" s="16">
        <v>29</v>
      </c>
      <c r="D9" s="17">
        <v>56</v>
      </c>
    </row>
    <row r="10" spans="1:4" ht="18" customHeight="1" x14ac:dyDescent="0.2">
      <c r="A10" s="18" t="s">
        <v>48</v>
      </c>
      <c r="B10" s="15">
        <v>124</v>
      </c>
      <c r="C10" s="16">
        <v>116</v>
      </c>
      <c r="D10" s="17">
        <v>240</v>
      </c>
    </row>
    <row r="11" spans="1:4" ht="18" customHeight="1" x14ac:dyDescent="0.2">
      <c r="A11" s="14">
        <v>5</v>
      </c>
      <c r="B11" s="15">
        <v>28</v>
      </c>
      <c r="C11" s="16">
        <v>34</v>
      </c>
      <c r="D11" s="17">
        <v>62</v>
      </c>
    </row>
    <row r="12" spans="1:4" ht="18" customHeight="1" x14ac:dyDescent="0.2">
      <c r="A12" s="14">
        <v>6</v>
      </c>
      <c r="B12" s="15">
        <v>25</v>
      </c>
      <c r="C12" s="16">
        <v>34</v>
      </c>
      <c r="D12" s="17">
        <v>59</v>
      </c>
    </row>
    <row r="13" spans="1:4" ht="18" customHeight="1" x14ac:dyDescent="0.2">
      <c r="A13" s="14">
        <v>7</v>
      </c>
      <c r="B13" s="15">
        <v>26</v>
      </c>
      <c r="C13" s="16">
        <v>29</v>
      </c>
      <c r="D13" s="17">
        <v>55</v>
      </c>
    </row>
    <row r="14" spans="1:4" ht="18" customHeight="1" x14ac:dyDescent="0.2">
      <c r="A14" s="14">
        <v>8</v>
      </c>
      <c r="B14" s="15">
        <v>25</v>
      </c>
      <c r="C14" s="16">
        <v>35</v>
      </c>
      <c r="D14" s="17">
        <v>60</v>
      </c>
    </row>
    <row r="15" spans="1:4" ht="18" customHeight="1" x14ac:dyDescent="0.2">
      <c r="A15" s="14">
        <v>9</v>
      </c>
      <c r="B15" s="15">
        <v>29</v>
      </c>
      <c r="C15" s="16">
        <v>35</v>
      </c>
      <c r="D15" s="17">
        <v>64</v>
      </c>
    </row>
    <row r="16" spans="1:4" ht="18" customHeight="1" x14ac:dyDescent="0.2">
      <c r="A16" s="18" t="s">
        <v>49</v>
      </c>
      <c r="B16" s="15">
        <v>133</v>
      </c>
      <c r="C16" s="16">
        <v>167</v>
      </c>
      <c r="D16" s="17">
        <v>300</v>
      </c>
    </row>
    <row r="17" spans="1:4" ht="18" customHeight="1" x14ac:dyDescent="0.2">
      <c r="A17" s="14">
        <v>10</v>
      </c>
      <c r="B17" s="15">
        <v>35</v>
      </c>
      <c r="C17" s="16">
        <v>28</v>
      </c>
      <c r="D17" s="17">
        <v>63</v>
      </c>
    </row>
    <row r="18" spans="1:4" ht="18" customHeight="1" x14ac:dyDescent="0.2">
      <c r="A18" s="14">
        <v>11</v>
      </c>
      <c r="B18" s="15">
        <v>26</v>
      </c>
      <c r="C18" s="16">
        <v>26</v>
      </c>
      <c r="D18" s="17">
        <v>52</v>
      </c>
    </row>
    <row r="19" spans="1:4" ht="18" customHeight="1" x14ac:dyDescent="0.2">
      <c r="A19" s="14">
        <v>12</v>
      </c>
      <c r="B19" s="15">
        <v>28</v>
      </c>
      <c r="C19" s="16">
        <v>23</v>
      </c>
      <c r="D19" s="17">
        <v>51</v>
      </c>
    </row>
    <row r="20" spans="1:4" ht="18" customHeight="1" x14ac:dyDescent="0.2">
      <c r="A20" s="14">
        <v>13</v>
      </c>
      <c r="B20" s="15">
        <v>31</v>
      </c>
      <c r="C20" s="16">
        <v>31</v>
      </c>
      <c r="D20" s="17">
        <v>62</v>
      </c>
    </row>
    <row r="21" spans="1:4" ht="18" customHeight="1" x14ac:dyDescent="0.2">
      <c r="A21" s="14">
        <v>14</v>
      </c>
      <c r="B21" s="15">
        <v>44</v>
      </c>
      <c r="C21" s="16">
        <v>28</v>
      </c>
      <c r="D21" s="17">
        <v>72</v>
      </c>
    </row>
    <row r="22" spans="1:4" ht="18" customHeight="1" x14ac:dyDescent="0.2">
      <c r="A22" s="18" t="s">
        <v>50</v>
      </c>
      <c r="B22" s="15">
        <v>164</v>
      </c>
      <c r="C22" s="16">
        <v>136</v>
      </c>
      <c r="D22" s="17">
        <v>300</v>
      </c>
    </row>
    <row r="23" spans="1:4" ht="18" customHeight="1" x14ac:dyDescent="0.2">
      <c r="A23" s="18" t="s">
        <v>51</v>
      </c>
      <c r="B23" s="15">
        <v>421</v>
      </c>
      <c r="C23" s="16">
        <v>419</v>
      </c>
      <c r="D23" s="17">
        <v>840</v>
      </c>
    </row>
    <row r="24" spans="1:4" ht="18" customHeight="1" x14ac:dyDescent="0.2">
      <c r="A24" s="14">
        <v>15</v>
      </c>
      <c r="B24" s="15">
        <v>23</v>
      </c>
      <c r="C24" s="16">
        <v>31</v>
      </c>
      <c r="D24" s="17">
        <v>54</v>
      </c>
    </row>
    <row r="25" spans="1:4" ht="18" customHeight="1" x14ac:dyDescent="0.2">
      <c r="A25" s="14">
        <v>16</v>
      </c>
      <c r="B25" s="15">
        <v>33</v>
      </c>
      <c r="C25" s="16">
        <v>37</v>
      </c>
      <c r="D25" s="17">
        <v>70</v>
      </c>
    </row>
    <row r="26" spans="1:4" ht="18" customHeight="1" x14ac:dyDescent="0.2">
      <c r="A26" s="14">
        <v>17</v>
      </c>
      <c r="B26" s="15">
        <v>32</v>
      </c>
      <c r="C26" s="16">
        <v>35</v>
      </c>
      <c r="D26" s="17">
        <v>67</v>
      </c>
    </row>
    <row r="27" spans="1:4" ht="18" customHeight="1" x14ac:dyDescent="0.2">
      <c r="A27" s="14">
        <v>18</v>
      </c>
      <c r="B27" s="15">
        <v>25</v>
      </c>
      <c r="C27" s="16">
        <v>34</v>
      </c>
      <c r="D27" s="17">
        <v>59</v>
      </c>
    </row>
    <row r="28" spans="1:4" ht="18" customHeight="1" x14ac:dyDescent="0.2">
      <c r="A28" s="14">
        <v>19</v>
      </c>
      <c r="B28" s="15">
        <v>32</v>
      </c>
      <c r="C28" s="16">
        <v>41</v>
      </c>
      <c r="D28" s="17">
        <v>73</v>
      </c>
    </row>
    <row r="29" spans="1:4" ht="18" customHeight="1" x14ac:dyDescent="0.2">
      <c r="A29" s="18" t="s">
        <v>52</v>
      </c>
      <c r="B29" s="15">
        <v>145</v>
      </c>
      <c r="C29" s="16">
        <v>178</v>
      </c>
      <c r="D29" s="17">
        <v>323</v>
      </c>
    </row>
    <row r="30" spans="1:4" ht="18" customHeight="1" x14ac:dyDescent="0.2">
      <c r="A30" s="14">
        <v>20</v>
      </c>
      <c r="B30" s="15">
        <v>41</v>
      </c>
      <c r="C30" s="16">
        <v>40</v>
      </c>
      <c r="D30" s="17">
        <v>81</v>
      </c>
    </row>
    <row r="31" spans="1:4" ht="18" customHeight="1" x14ac:dyDescent="0.2">
      <c r="A31" s="14">
        <v>21</v>
      </c>
      <c r="B31" s="15">
        <v>33</v>
      </c>
      <c r="C31" s="16">
        <v>31</v>
      </c>
      <c r="D31" s="17">
        <v>64</v>
      </c>
    </row>
    <row r="32" spans="1:4" ht="18" customHeight="1" x14ac:dyDescent="0.2">
      <c r="A32" s="14">
        <v>22</v>
      </c>
      <c r="B32" s="15">
        <v>54</v>
      </c>
      <c r="C32" s="16">
        <v>37</v>
      </c>
      <c r="D32" s="17">
        <v>91</v>
      </c>
    </row>
    <row r="33" spans="1:4" ht="18" customHeight="1" x14ac:dyDescent="0.2">
      <c r="A33" s="14">
        <v>23</v>
      </c>
      <c r="B33" s="15">
        <v>74</v>
      </c>
      <c r="C33" s="16">
        <v>35</v>
      </c>
      <c r="D33" s="17">
        <v>109</v>
      </c>
    </row>
    <row r="34" spans="1:4" ht="18" customHeight="1" x14ac:dyDescent="0.2">
      <c r="A34" s="14">
        <v>24</v>
      </c>
      <c r="B34" s="15">
        <v>71</v>
      </c>
      <c r="C34" s="16">
        <v>38</v>
      </c>
      <c r="D34" s="17">
        <v>109</v>
      </c>
    </row>
    <row r="35" spans="1:4" ht="18" customHeight="1" x14ac:dyDescent="0.2">
      <c r="A35" s="18" t="s">
        <v>53</v>
      </c>
      <c r="B35" s="15">
        <v>273</v>
      </c>
      <c r="C35" s="16">
        <v>181</v>
      </c>
      <c r="D35" s="17">
        <v>454</v>
      </c>
    </row>
    <row r="36" spans="1:4" ht="18" customHeight="1" x14ac:dyDescent="0.2">
      <c r="A36" s="14">
        <v>25</v>
      </c>
      <c r="B36" s="15">
        <v>80</v>
      </c>
      <c r="C36" s="16">
        <v>41</v>
      </c>
      <c r="D36" s="17">
        <v>121</v>
      </c>
    </row>
    <row r="37" spans="1:4" ht="18" customHeight="1" x14ac:dyDescent="0.2">
      <c r="A37" s="14">
        <v>26</v>
      </c>
      <c r="B37" s="15">
        <v>80</v>
      </c>
      <c r="C37" s="16">
        <v>40</v>
      </c>
      <c r="D37" s="17">
        <v>120</v>
      </c>
    </row>
    <row r="38" spans="1:4" ht="18" customHeight="1" x14ac:dyDescent="0.2">
      <c r="A38" s="14">
        <v>27</v>
      </c>
      <c r="B38" s="15">
        <v>68</v>
      </c>
      <c r="C38" s="16">
        <v>35</v>
      </c>
      <c r="D38" s="17">
        <v>103</v>
      </c>
    </row>
    <row r="39" spans="1:4" ht="18" customHeight="1" x14ac:dyDescent="0.2">
      <c r="A39" s="14">
        <v>28</v>
      </c>
      <c r="B39" s="15">
        <v>55</v>
      </c>
      <c r="C39" s="16">
        <v>31</v>
      </c>
      <c r="D39" s="17">
        <v>86</v>
      </c>
    </row>
    <row r="40" spans="1:4" ht="18" customHeight="1" x14ac:dyDescent="0.2">
      <c r="A40" s="14">
        <v>29</v>
      </c>
      <c r="B40" s="15">
        <v>42</v>
      </c>
      <c r="C40" s="16">
        <v>27</v>
      </c>
      <c r="D40" s="17">
        <v>69</v>
      </c>
    </row>
    <row r="41" spans="1:4" ht="18" customHeight="1" x14ac:dyDescent="0.2">
      <c r="A41" s="18" t="s">
        <v>54</v>
      </c>
      <c r="B41" s="15">
        <v>325</v>
      </c>
      <c r="C41" s="16">
        <v>174</v>
      </c>
      <c r="D41" s="17">
        <v>499</v>
      </c>
    </row>
    <row r="42" spans="1:4" ht="18" customHeight="1" x14ac:dyDescent="0.2">
      <c r="A42" s="14">
        <v>30</v>
      </c>
      <c r="B42" s="15">
        <v>38</v>
      </c>
      <c r="C42" s="16">
        <v>28</v>
      </c>
      <c r="D42" s="17">
        <v>66</v>
      </c>
    </row>
    <row r="43" spans="1:4" ht="18" customHeight="1" x14ac:dyDescent="0.2">
      <c r="A43" s="14">
        <v>31</v>
      </c>
      <c r="B43" s="15">
        <v>53</v>
      </c>
      <c r="C43" s="16">
        <v>47</v>
      </c>
      <c r="D43" s="17">
        <v>100</v>
      </c>
    </row>
    <row r="44" spans="1:4" ht="18" customHeight="1" x14ac:dyDescent="0.2">
      <c r="A44" s="14">
        <v>32</v>
      </c>
      <c r="B44" s="15">
        <v>42</v>
      </c>
      <c r="C44" s="16">
        <v>29</v>
      </c>
      <c r="D44" s="17">
        <v>71</v>
      </c>
    </row>
    <row r="45" spans="1:4" ht="18" customHeight="1" x14ac:dyDescent="0.2">
      <c r="A45" s="14">
        <v>33</v>
      </c>
      <c r="B45" s="15">
        <v>43</v>
      </c>
      <c r="C45" s="16">
        <v>42</v>
      </c>
      <c r="D45" s="17">
        <v>85</v>
      </c>
    </row>
    <row r="46" spans="1:4" ht="18" customHeight="1" x14ac:dyDescent="0.2">
      <c r="A46" s="14">
        <v>34</v>
      </c>
      <c r="B46" s="15">
        <v>37</v>
      </c>
      <c r="C46" s="16">
        <v>43</v>
      </c>
      <c r="D46" s="17">
        <v>80</v>
      </c>
    </row>
    <row r="47" spans="1:4" ht="18" customHeight="1" x14ac:dyDescent="0.2">
      <c r="A47" s="18" t="s">
        <v>55</v>
      </c>
      <c r="B47" s="15">
        <v>213</v>
      </c>
      <c r="C47" s="16">
        <v>189</v>
      </c>
      <c r="D47" s="17">
        <v>402</v>
      </c>
    </row>
    <row r="48" spans="1:4" ht="18" customHeight="1" x14ac:dyDescent="0.2">
      <c r="A48" s="14">
        <v>35</v>
      </c>
      <c r="B48" s="15">
        <v>49</v>
      </c>
      <c r="C48" s="16">
        <v>42</v>
      </c>
      <c r="D48" s="17">
        <v>91</v>
      </c>
    </row>
    <row r="49" spans="1:4" ht="18" customHeight="1" x14ac:dyDescent="0.2">
      <c r="A49" s="14">
        <v>36</v>
      </c>
      <c r="B49" s="15">
        <v>58</v>
      </c>
      <c r="C49" s="16">
        <v>49</v>
      </c>
      <c r="D49" s="17">
        <v>107</v>
      </c>
    </row>
    <row r="50" spans="1:4" ht="18" customHeight="1" x14ac:dyDescent="0.2">
      <c r="A50" s="14">
        <v>37</v>
      </c>
      <c r="B50" s="15">
        <v>58</v>
      </c>
      <c r="C50" s="16">
        <v>34</v>
      </c>
      <c r="D50" s="17">
        <v>92</v>
      </c>
    </row>
    <row r="51" spans="1:4" ht="18" customHeight="1" x14ac:dyDescent="0.2">
      <c r="A51" s="14">
        <v>38</v>
      </c>
      <c r="B51" s="15">
        <v>39</v>
      </c>
      <c r="C51" s="16">
        <v>50</v>
      </c>
      <c r="D51" s="17">
        <v>89</v>
      </c>
    </row>
    <row r="52" spans="1:4" ht="18" customHeight="1" x14ac:dyDescent="0.2">
      <c r="A52" s="14">
        <v>39</v>
      </c>
      <c r="B52" s="15">
        <v>27</v>
      </c>
      <c r="C52" s="16">
        <v>46</v>
      </c>
      <c r="D52" s="17">
        <v>73</v>
      </c>
    </row>
    <row r="53" spans="1:4" ht="18" customHeight="1" x14ac:dyDescent="0.2">
      <c r="A53" s="18" t="s">
        <v>56</v>
      </c>
      <c r="B53" s="15">
        <v>231</v>
      </c>
      <c r="C53" s="16">
        <v>221</v>
      </c>
      <c r="D53" s="17">
        <v>452</v>
      </c>
    </row>
    <row r="54" spans="1:4" ht="18" customHeight="1" x14ac:dyDescent="0.2">
      <c r="A54" s="14">
        <v>40</v>
      </c>
      <c r="B54" s="15">
        <v>46</v>
      </c>
      <c r="C54" s="16">
        <v>56</v>
      </c>
      <c r="D54" s="17">
        <v>102</v>
      </c>
    </row>
    <row r="55" spans="1:4" ht="18" customHeight="1" x14ac:dyDescent="0.2">
      <c r="A55" s="14">
        <v>41</v>
      </c>
      <c r="B55" s="15">
        <v>44</v>
      </c>
      <c r="C55" s="16">
        <v>58</v>
      </c>
      <c r="D55" s="17">
        <v>102</v>
      </c>
    </row>
    <row r="56" spans="1:4" ht="18" customHeight="1" x14ac:dyDescent="0.2">
      <c r="A56" s="14">
        <v>42</v>
      </c>
      <c r="B56" s="15">
        <v>57</v>
      </c>
      <c r="C56" s="16">
        <v>41</v>
      </c>
      <c r="D56" s="17">
        <v>98</v>
      </c>
    </row>
    <row r="57" spans="1:4" ht="18" customHeight="1" x14ac:dyDescent="0.2">
      <c r="A57" s="14">
        <v>43</v>
      </c>
      <c r="B57" s="15">
        <v>57</v>
      </c>
      <c r="C57" s="16">
        <v>43</v>
      </c>
      <c r="D57" s="17">
        <v>100</v>
      </c>
    </row>
    <row r="58" spans="1:4" ht="18" customHeight="1" x14ac:dyDescent="0.2">
      <c r="A58" s="14">
        <v>44</v>
      </c>
      <c r="B58" s="15">
        <v>48</v>
      </c>
      <c r="C58" s="16">
        <v>52</v>
      </c>
      <c r="D58" s="17">
        <v>100</v>
      </c>
    </row>
    <row r="59" spans="1:4" ht="18" customHeight="1" x14ac:dyDescent="0.2">
      <c r="A59" s="18" t="s">
        <v>57</v>
      </c>
      <c r="B59" s="15">
        <v>252</v>
      </c>
      <c r="C59" s="16">
        <v>250</v>
      </c>
      <c r="D59" s="17">
        <v>502</v>
      </c>
    </row>
    <row r="60" spans="1:4" ht="18" customHeight="1" x14ac:dyDescent="0.2">
      <c r="A60" s="14">
        <v>45</v>
      </c>
      <c r="B60" s="15">
        <v>59</v>
      </c>
      <c r="C60" s="16">
        <v>64</v>
      </c>
      <c r="D60" s="17">
        <v>123</v>
      </c>
    </row>
    <row r="61" spans="1:4" ht="18" customHeight="1" x14ac:dyDescent="0.2">
      <c r="A61" s="14">
        <v>46</v>
      </c>
      <c r="B61" s="15">
        <v>69</v>
      </c>
      <c r="C61" s="16">
        <v>76</v>
      </c>
      <c r="D61" s="17">
        <v>145</v>
      </c>
    </row>
    <row r="62" spans="1:4" ht="18" customHeight="1" x14ac:dyDescent="0.2">
      <c r="A62" s="14">
        <v>47</v>
      </c>
      <c r="B62" s="15">
        <v>69</v>
      </c>
      <c r="C62" s="16">
        <v>68</v>
      </c>
      <c r="D62" s="17">
        <v>137</v>
      </c>
    </row>
    <row r="63" spans="1:4" ht="18" customHeight="1" x14ac:dyDescent="0.2">
      <c r="A63" s="14">
        <v>48</v>
      </c>
      <c r="B63" s="15">
        <v>60</v>
      </c>
      <c r="C63" s="16">
        <v>56</v>
      </c>
      <c r="D63" s="17">
        <v>116</v>
      </c>
    </row>
    <row r="64" spans="1:4" ht="18" customHeight="1" x14ac:dyDescent="0.2">
      <c r="A64" s="14">
        <v>49</v>
      </c>
      <c r="B64" s="15">
        <v>80</v>
      </c>
      <c r="C64" s="16">
        <v>68</v>
      </c>
      <c r="D64" s="17">
        <v>148</v>
      </c>
    </row>
    <row r="65" spans="1:4" ht="18" customHeight="1" x14ac:dyDescent="0.2">
      <c r="A65" s="18" t="s">
        <v>58</v>
      </c>
      <c r="B65" s="15">
        <v>337</v>
      </c>
      <c r="C65" s="16">
        <v>332</v>
      </c>
      <c r="D65" s="17">
        <v>669</v>
      </c>
    </row>
    <row r="66" spans="1:4" ht="18" customHeight="1" x14ac:dyDescent="0.2">
      <c r="A66" s="14">
        <v>50</v>
      </c>
      <c r="B66" s="15">
        <v>58</v>
      </c>
      <c r="C66" s="16">
        <v>53</v>
      </c>
      <c r="D66" s="17">
        <v>111</v>
      </c>
    </row>
    <row r="67" spans="1:4" ht="18" customHeight="1" x14ac:dyDescent="0.2">
      <c r="A67" s="14">
        <v>51</v>
      </c>
      <c r="B67" s="15">
        <v>86</v>
      </c>
      <c r="C67" s="16">
        <v>48</v>
      </c>
      <c r="D67" s="17">
        <v>134</v>
      </c>
    </row>
    <row r="68" spans="1:4" ht="18" customHeight="1" x14ac:dyDescent="0.2">
      <c r="A68" s="14">
        <v>52</v>
      </c>
      <c r="B68" s="15">
        <v>58</v>
      </c>
      <c r="C68" s="16">
        <v>48</v>
      </c>
      <c r="D68" s="17">
        <v>106</v>
      </c>
    </row>
    <row r="69" spans="1:4" ht="18" customHeight="1" x14ac:dyDescent="0.2">
      <c r="A69" s="14">
        <v>53</v>
      </c>
      <c r="B69" s="15">
        <v>57</v>
      </c>
      <c r="C69" s="16">
        <v>50</v>
      </c>
      <c r="D69" s="17">
        <v>107</v>
      </c>
    </row>
    <row r="70" spans="1:4" ht="18" customHeight="1" x14ac:dyDescent="0.2">
      <c r="A70" s="14">
        <v>54</v>
      </c>
      <c r="B70" s="15">
        <v>49</v>
      </c>
      <c r="C70" s="16">
        <v>55</v>
      </c>
      <c r="D70" s="17">
        <v>104</v>
      </c>
    </row>
    <row r="71" spans="1:4" ht="18" customHeight="1" x14ac:dyDescent="0.2">
      <c r="A71" s="18" t="s">
        <v>59</v>
      </c>
      <c r="B71" s="15">
        <v>308</v>
      </c>
      <c r="C71" s="16">
        <v>254</v>
      </c>
      <c r="D71" s="17">
        <v>562</v>
      </c>
    </row>
    <row r="72" spans="1:4" ht="18" customHeight="1" x14ac:dyDescent="0.2">
      <c r="A72" s="14">
        <v>55</v>
      </c>
      <c r="B72" s="15">
        <v>50</v>
      </c>
      <c r="C72" s="16">
        <v>54</v>
      </c>
      <c r="D72" s="17">
        <v>104</v>
      </c>
    </row>
    <row r="73" spans="1:4" ht="18" customHeight="1" x14ac:dyDescent="0.2">
      <c r="A73" s="14">
        <v>56</v>
      </c>
      <c r="B73" s="15">
        <v>50</v>
      </c>
      <c r="C73" s="16">
        <v>49</v>
      </c>
      <c r="D73" s="17">
        <v>99</v>
      </c>
    </row>
    <row r="74" spans="1:4" ht="18" customHeight="1" x14ac:dyDescent="0.2">
      <c r="A74" s="14">
        <v>57</v>
      </c>
      <c r="B74" s="15">
        <v>50</v>
      </c>
      <c r="C74" s="16">
        <v>61</v>
      </c>
      <c r="D74" s="17">
        <v>111</v>
      </c>
    </row>
    <row r="75" spans="1:4" ht="18" customHeight="1" x14ac:dyDescent="0.2">
      <c r="A75" s="14">
        <v>58</v>
      </c>
      <c r="B75" s="15">
        <v>43</v>
      </c>
      <c r="C75" s="16">
        <v>41</v>
      </c>
      <c r="D75" s="17">
        <v>84</v>
      </c>
    </row>
    <row r="76" spans="1:4" ht="18" customHeight="1" x14ac:dyDescent="0.2">
      <c r="A76" s="14">
        <v>59</v>
      </c>
      <c r="B76" s="15">
        <v>51</v>
      </c>
      <c r="C76" s="16">
        <v>50</v>
      </c>
      <c r="D76" s="17">
        <v>101</v>
      </c>
    </row>
    <row r="77" spans="1:4" ht="18" customHeight="1" x14ac:dyDescent="0.2">
      <c r="A77" s="18" t="s">
        <v>60</v>
      </c>
      <c r="B77" s="15">
        <v>244</v>
      </c>
      <c r="C77" s="16">
        <v>255</v>
      </c>
      <c r="D77" s="17">
        <v>499</v>
      </c>
    </row>
    <row r="78" spans="1:4" ht="18" customHeight="1" x14ac:dyDescent="0.2">
      <c r="A78" s="14">
        <v>60</v>
      </c>
      <c r="B78" s="15">
        <v>47</v>
      </c>
      <c r="C78" s="16">
        <v>53</v>
      </c>
      <c r="D78" s="17">
        <v>100</v>
      </c>
    </row>
    <row r="79" spans="1:4" ht="18" customHeight="1" x14ac:dyDescent="0.2">
      <c r="A79" s="14">
        <v>61</v>
      </c>
      <c r="B79" s="15">
        <v>57</v>
      </c>
      <c r="C79" s="16">
        <v>47</v>
      </c>
      <c r="D79" s="17">
        <v>104</v>
      </c>
    </row>
    <row r="80" spans="1:4" ht="18" customHeight="1" x14ac:dyDescent="0.2">
      <c r="A80" s="14">
        <v>62</v>
      </c>
      <c r="B80" s="15">
        <v>50</v>
      </c>
      <c r="C80" s="16">
        <v>42</v>
      </c>
      <c r="D80" s="17">
        <v>92</v>
      </c>
    </row>
    <row r="81" spans="1:4" ht="18" customHeight="1" x14ac:dyDescent="0.2">
      <c r="A81" s="14">
        <v>63</v>
      </c>
      <c r="B81" s="15">
        <v>47</v>
      </c>
      <c r="C81" s="16">
        <v>39</v>
      </c>
      <c r="D81" s="17">
        <v>86</v>
      </c>
    </row>
    <row r="82" spans="1:4" ht="18" customHeight="1" x14ac:dyDescent="0.2">
      <c r="A82" s="14">
        <v>64</v>
      </c>
      <c r="B82" s="15">
        <v>49</v>
      </c>
      <c r="C82" s="16">
        <v>48</v>
      </c>
      <c r="D82" s="17">
        <v>97</v>
      </c>
    </row>
    <row r="83" spans="1:4" ht="18" customHeight="1" x14ac:dyDescent="0.2">
      <c r="A83" s="18" t="s">
        <v>61</v>
      </c>
      <c r="B83" s="15">
        <v>250</v>
      </c>
      <c r="C83" s="16">
        <v>229</v>
      </c>
      <c r="D83" s="17">
        <v>479</v>
      </c>
    </row>
    <row r="84" spans="1:4" ht="18" customHeight="1" x14ac:dyDescent="0.2">
      <c r="A84" s="18" t="s">
        <v>62</v>
      </c>
      <c r="B84" s="15">
        <v>2578</v>
      </c>
      <c r="C84" s="16">
        <v>2263</v>
      </c>
      <c r="D84" s="17">
        <v>4841</v>
      </c>
    </row>
    <row r="85" spans="1:4" ht="18" customHeight="1" x14ac:dyDescent="0.2">
      <c r="A85" s="14">
        <v>65</v>
      </c>
      <c r="B85" s="15">
        <v>51</v>
      </c>
      <c r="C85" s="16">
        <v>56</v>
      </c>
      <c r="D85" s="17">
        <v>107</v>
      </c>
    </row>
    <row r="86" spans="1:4" ht="18" customHeight="1" x14ac:dyDescent="0.2">
      <c r="A86" s="14">
        <v>66</v>
      </c>
      <c r="B86" s="15">
        <v>45</v>
      </c>
      <c r="C86" s="16">
        <v>45</v>
      </c>
      <c r="D86" s="17">
        <v>90</v>
      </c>
    </row>
    <row r="87" spans="1:4" ht="18" customHeight="1" x14ac:dyDescent="0.2">
      <c r="A87" s="14">
        <v>67</v>
      </c>
      <c r="B87" s="15">
        <v>45</v>
      </c>
      <c r="C87" s="16">
        <v>57</v>
      </c>
      <c r="D87" s="17">
        <v>102</v>
      </c>
    </row>
    <row r="88" spans="1:4" ht="18" customHeight="1" x14ac:dyDescent="0.2">
      <c r="A88" s="14">
        <v>68</v>
      </c>
      <c r="B88" s="15">
        <v>46</v>
      </c>
      <c r="C88" s="16">
        <v>54</v>
      </c>
      <c r="D88" s="17">
        <v>100</v>
      </c>
    </row>
    <row r="89" spans="1:4" ht="18" customHeight="1" x14ac:dyDescent="0.2">
      <c r="A89" s="14">
        <v>69</v>
      </c>
      <c r="B89" s="15">
        <v>58</v>
      </c>
      <c r="C89" s="16">
        <v>58</v>
      </c>
      <c r="D89" s="17">
        <v>116</v>
      </c>
    </row>
    <row r="90" spans="1:4" ht="18" customHeight="1" x14ac:dyDescent="0.2">
      <c r="A90" s="18" t="s">
        <v>63</v>
      </c>
      <c r="B90" s="15">
        <v>245</v>
      </c>
      <c r="C90" s="16">
        <v>270</v>
      </c>
      <c r="D90" s="17">
        <v>515</v>
      </c>
    </row>
    <row r="91" spans="1:4" ht="18" customHeight="1" x14ac:dyDescent="0.2">
      <c r="A91" s="14">
        <v>70</v>
      </c>
      <c r="B91" s="15">
        <v>61</v>
      </c>
      <c r="C91" s="16">
        <v>84</v>
      </c>
      <c r="D91" s="17">
        <v>145</v>
      </c>
    </row>
    <row r="92" spans="1:4" ht="18" customHeight="1" x14ac:dyDescent="0.2">
      <c r="A92" s="14">
        <v>71</v>
      </c>
      <c r="B92" s="15">
        <v>48</v>
      </c>
      <c r="C92" s="16">
        <v>86</v>
      </c>
      <c r="D92" s="17">
        <v>134</v>
      </c>
    </row>
    <row r="93" spans="1:4" ht="18" customHeight="1" x14ac:dyDescent="0.2">
      <c r="A93" s="14">
        <v>72</v>
      </c>
      <c r="B93" s="15">
        <v>81</v>
      </c>
      <c r="C93" s="16">
        <v>78</v>
      </c>
      <c r="D93" s="17">
        <v>159</v>
      </c>
    </row>
    <row r="94" spans="1:4" ht="18" customHeight="1" x14ac:dyDescent="0.2">
      <c r="A94" s="14">
        <v>73</v>
      </c>
      <c r="B94" s="15">
        <v>75</v>
      </c>
      <c r="C94" s="16">
        <v>93</v>
      </c>
      <c r="D94" s="17">
        <v>168</v>
      </c>
    </row>
    <row r="95" spans="1:4" ht="18" customHeight="1" x14ac:dyDescent="0.2">
      <c r="A95" s="14">
        <v>74</v>
      </c>
      <c r="B95" s="15">
        <v>41</v>
      </c>
      <c r="C95" s="16">
        <v>44</v>
      </c>
      <c r="D95" s="17">
        <v>85</v>
      </c>
    </row>
    <row r="96" spans="1:4" ht="18" customHeight="1" x14ac:dyDescent="0.2">
      <c r="A96" s="18" t="s">
        <v>64</v>
      </c>
      <c r="B96" s="15">
        <v>306</v>
      </c>
      <c r="C96" s="16">
        <v>385</v>
      </c>
      <c r="D96" s="17">
        <v>691</v>
      </c>
    </row>
    <row r="97" spans="1:4" ht="18" customHeight="1" x14ac:dyDescent="0.2">
      <c r="A97" s="14">
        <v>75</v>
      </c>
      <c r="B97" s="15">
        <v>57</v>
      </c>
      <c r="C97" s="16">
        <v>39</v>
      </c>
      <c r="D97" s="17">
        <v>96</v>
      </c>
    </row>
    <row r="98" spans="1:4" ht="18" customHeight="1" x14ac:dyDescent="0.2">
      <c r="A98" s="14">
        <v>76</v>
      </c>
      <c r="B98" s="15">
        <v>47</v>
      </c>
      <c r="C98" s="16">
        <v>71</v>
      </c>
      <c r="D98" s="17">
        <v>118</v>
      </c>
    </row>
    <row r="99" spans="1:4" ht="18" customHeight="1" x14ac:dyDescent="0.2">
      <c r="A99" s="14">
        <v>77</v>
      </c>
      <c r="B99" s="15">
        <v>49</v>
      </c>
      <c r="C99" s="16">
        <v>65</v>
      </c>
      <c r="D99" s="17">
        <v>114</v>
      </c>
    </row>
    <row r="100" spans="1:4" ht="18" customHeight="1" x14ac:dyDescent="0.2">
      <c r="A100" s="14">
        <v>78</v>
      </c>
      <c r="B100" s="15">
        <v>61</v>
      </c>
      <c r="C100" s="16">
        <v>63</v>
      </c>
      <c r="D100" s="17">
        <v>124</v>
      </c>
    </row>
    <row r="101" spans="1:4" ht="18" customHeight="1" x14ac:dyDescent="0.2">
      <c r="A101" s="14">
        <v>79</v>
      </c>
      <c r="B101" s="15">
        <v>41</v>
      </c>
      <c r="C101" s="16">
        <v>65</v>
      </c>
      <c r="D101" s="17">
        <v>106</v>
      </c>
    </row>
    <row r="102" spans="1:4" ht="18" customHeight="1" x14ac:dyDescent="0.2">
      <c r="A102" s="18" t="s">
        <v>65</v>
      </c>
      <c r="B102" s="15">
        <v>255</v>
      </c>
      <c r="C102" s="16">
        <v>303</v>
      </c>
      <c r="D102" s="17">
        <v>558</v>
      </c>
    </row>
    <row r="103" spans="1:4" ht="18" customHeight="1" x14ac:dyDescent="0.2">
      <c r="A103" s="14">
        <v>80</v>
      </c>
      <c r="B103" s="15">
        <v>44</v>
      </c>
      <c r="C103" s="16">
        <v>52</v>
      </c>
      <c r="D103" s="17">
        <v>96</v>
      </c>
    </row>
    <row r="104" spans="1:4" ht="18" customHeight="1" x14ac:dyDescent="0.2">
      <c r="A104" s="14">
        <v>81</v>
      </c>
      <c r="B104" s="15">
        <v>28</v>
      </c>
      <c r="C104" s="16">
        <v>41</v>
      </c>
      <c r="D104" s="17">
        <v>69</v>
      </c>
    </row>
    <row r="105" spans="1:4" ht="18" customHeight="1" x14ac:dyDescent="0.2">
      <c r="A105" s="14">
        <v>82</v>
      </c>
      <c r="B105" s="15">
        <v>35</v>
      </c>
      <c r="C105" s="16">
        <v>51</v>
      </c>
      <c r="D105" s="17">
        <v>86</v>
      </c>
    </row>
    <row r="106" spans="1:4" ht="18" customHeight="1" x14ac:dyDescent="0.2">
      <c r="A106" s="14">
        <v>83</v>
      </c>
      <c r="B106" s="15">
        <v>30</v>
      </c>
      <c r="C106" s="16">
        <v>42</v>
      </c>
      <c r="D106" s="17">
        <v>72</v>
      </c>
    </row>
    <row r="107" spans="1:4" ht="18" customHeight="1" x14ac:dyDescent="0.2">
      <c r="A107" s="14">
        <v>84</v>
      </c>
      <c r="B107" s="15">
        <v>34</v>
      </c>
      <c r="C107" s="16">
        <v>55</v>
      </c>
      <c r="D107" s="17">
        <v>89</v>
      </c>
    </row>
    <row r="108" spans="1:4" ht="18" customHeight="1" x14ac:dyDescent="0.2">
      <c r="A108" s="18" t="s">
        <v>66</v>
      </c>
      <c r="B108" s="15">
        <v>171</v>
      </c>
      <c r="C108" s="16">
        <v>241</v>
      </c>
      <c r="D108" s="17">
        <v>412</v>
      </c>
    </row>
    <row r="109" spans="1:4" ht="18" customHeight="1" x14ac:dyDescent="0.2">
      <c r="A109" s="14">
        <v>85</v>
      </c>
      <c r="B109" s="15">
        <v>25</v>
      </c>
      <c r="C109" s="16">
        <v>32</v>
      </c>
      <c r="D109" s="17">
        <v>57</v>
      </c>
    </row>
    <row r="110" spans="1:4" ht="18" customHeight="1" x14ac:dyDescent="0.2">
      <c r="A110" s="14">
        <v>86</v>
      </c>
      <c r="B110" s="15">
        <v>24</v>
      </c>
      <c r="C110" s="16">
        <v>48</v>
      </c>
      <c r="D110" s="17">
        <v>72</v>
      </c>
    </row>
    <row r="111" spans="1:4" ht="18" customHeight="1" x14ac:dyDescent="0.2">
      <c r="A111" s="14">
        <v>87</v>
      </c>
      <c r="B111" s="15">
        <v>26</v>
      </c>
      <c r="C111" s="16">
        <v>40</v>
      </c>
      <c r="D111" s="17">
        <v>66</v>
      </c>
    </row>
    <row r="112" spans="1:4" ht="18" customHeight="1" x14ac:dyDescent="0.2">
      <c r="A112" s="14">
        <v>88</v>
      </c>
      <c r="B112" s="15">
        <v>17</v>
      </c>
      <c r="C112" s="16">
        <v>41</v>
      </c>
      <c r="D112" s="17">
        <v>58</v>
      </c>
    </row>
    <row r="113" spans="1:4" ht="18" customHeight="1" x14ac:dyDescent="0.2">
      <c r="A113" s="14">
        <v>89</v>
      </c>
      <c r="B113" s="15">
        <v>12</v>
      </c>
      <c r="C113" s="16">
        <v>28</v>
      </c>
      <c r="D113" s="17">
        <v>40</v>
      </c>
    </row>
    <row r="114" spans="1:4" ht="18" customHeight="1" x14ac:dyDescent="0.2">
      <c r="A114" s="18" t="s">
        <v>67</v>
      </c>
      <c r="B114" s="15">
        <v>104</v>
      </c>
      <c r="C114" s="16">
        <v>189</v>
      </c>
      <c r="D114" s="17">
        <v>293</v>
      </c>
    </row>
    <row r="115" spans="1:4" ht="18" customHeight="1" x14ac:dyDescent="0.2">
      <c r="A115" s="14">
        <v>90</v>
      </c>
      <c r="B115" s="15">
        <v>10</v>
      </c>
      <c r="C115" s="16">
        <v>33</v>
      </c>
      <c r="D115" s="17">
        <v>43</v>
      </c>
    </row>
    <row r="116" spans="1:4" ht="18" customHeight="1" x14ac:dyDescent="0.2">
      <c r="A116" s="14">
        <v>91</v>
      </c>
      <c r="B116" s="15">
        <v>13</v>
      </c>
      <c r="C116" s="16">
        <v>31</v>
      </c>
      <c r="D116" s="17">
        <v>44</v>
      </c>
    </row>
    <row r="117" spans="1:4" ht="18" customHeight="1" x14ac:dyDescent="0.2">
      <c r="A117" s="14">
        <v>92</v>
      </c>
      <c r="B117" s="15">
        <v>5</v>
      </c>
      <c r="C117" s="16">
        <v>17</v>
      </c>
      <c r="D117" s="17">
        <v>22</v>
      </c>
    </row>
    <row r="118" spans="1:4" ht="18" customHeight="1" x14ac:dyDescent="0.2">
      <c r="A118" s="14">
        <v>93</v>
      </c>
      <c r="B118" s="15">
        <v>4</v>
      </c>
      <c r="C118" s="16">
        <v>14</v>
      </c>
      <c r="D118" s="17">
        <v>18</v>
      </c>
    </row>
    <row r="119" spans="1:4" ht="18" customHeight="1" x14ac:dyDescent="0.2">
      <c r="A119" s="14">
        <v>94</v>
      </c>
      <c r="B119" s="15">
        <v>4</v>
      </c>
      <c r="C119" s="16">
        <v>15</v>
      </c>
      <c r="D119" s="17">
        <v>19</v>
      </c>
    </row>
    <row r="120" spans="1:4" ht="18" customHeight="1" x14ac:dyDescent="0.2">
      <c r="A120" s="18" t="s">
        <v>68</v>
      </c>
      <c r="B120" s="15">
        <v>36</v>
      </c>
      <c r="C120" s="16">
        <v>110</v>
      </c>
      <c r="D120" s="17">
        <v>146</v>
      </c>
    </row>
    <row r="121" spans="1:4" ht="18" customHeight="1" x14ac:dyDescent="0.2">
      <c r="A121" s="14">
        <v>95</v>
      </c>
      <c r="B121" s="15">
        <v>3</v>
      </c>
      <c r="C121" s="16">
        <v>15</v>
      </c>
      <c r="D121" s="17">
        <v>18</v>
      </c>
    </row>
    <row r="122" spans="1:4" ht="18" customHeight="1" x14ac:dyDescent="0.2">
      <c r="A122" s="14">
        <v>96</v>
      </c>
      <c r="B122" s="15">
        <v>3</v>
      </c>
      <c r="C122" s="16">
        <v>6</v>
      </c>
      <c r="D122" s="17">
        <v>9</v>
      </c>
    </row>
    <row r="123" spans="1:4" ht="18" customHeight="1" x14ac:dyDescent="0.2">
      <c r="A123" s="14">
        <v>97</v>
      </c>
      <c r="B123" s="15">
        <v>0</v>
      </c>
      <c r="C123" s="16">
        <v>13</v>
      </c>
      <c r="D123" s="17">
        <v>13</v>
      </c>
    </row>
    <row r="124" spans="1:4" ht="18" customHeight="1" x14ac:dyDescent="0.2">
      <c r="A124" s="14">
        <v>98</v>
      </c>
      <c r="B124" s="15">
        <v>4</v>
      </c>
      <c r="C124" s="16">
        <v>8</v>
      </c>
      <c r="D124" s="17">
        <v>12</v>
      </c>
    </row>
    <row r="125" spans="1:4" ht="18" customHeight="1" x14ac:dyDescent="0.2">
      <c r="A125" s="14">
        <v>99</v>
      </c>
      <c r="B125" s="15">
        <v>1</v>
      </c>
      <c r="C125" s="16">
        <v>10</v>
      </c>
      <c r="D125" s="17">
        <v>11</v>
      </c>
    </row>
    <row r="126" spans="1:4" ht="18" customHeight="1" x14ac:dyDescent="0.2">
      <c r="A126" s="18" t="s">
        <v>69</v>
      </c>
      <c r="B126" s="15">
        <v>11</v>
      </c>
      <c r="C126" s="16">
        <v>52</v>
      </c>
      <c r="D126" s="17">
        <v>63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6</v>
      </c>
      <c r="D129" s="17">
        <v>7</v>
      </c>
    </row>
    <row r="130" spans="1:4" ht="18" customHeight="1" x14ac:dyDescent="0.2">
      <c r="A130" s="18" t="s">
        <v>72</v>
      </c>
      <c r="B130" s="4">
        <v>1129</v>
      </c>
      <c r="C130" s="5">
        <v>1556</v>
      </c>
      <c r="D130" s="6">
        <v>2685</v>
      </c>
    </row>
    <row r="131" spans="1:4" ht="18" customHeight="1" x14ac:dyDescent="0.2">
      <c r="A131" s="20" t="s">
        <v>47</v>
      </c>
      <c r="B131" s="7">
        <v>4128</v>
      </c>
      <c r="C131" s="8">
        <v>4238</v>
      </c>
      <c r="D131" s="9">
        <v>836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2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8</v>
      </c>
      <c r="C5" s="12">
        <v>37</v>
      </c>
      <c r="D5" s="13">
        <v>75</v>
      </c>
    </row>
    <row r="6" spans="1:4" ht="18" customHeight="1" x14ac:dyDescent="0.2">
      <c r="A6" s="14">
        <v>1</v>
      </c>
      <c r="B6" s="15">
        <v>48</v>
      </c>
      <c r="C6" s="16">
        <v>38</v>
      </c>
      <c r="D6" s="17">
        <v>86</v>
      </c>
    </row>
    <row r="7" spans="1:4" ht="18" customHeight="1" x14ac:dyDescent="0.2">
      <c r="A7" s="14">
        <v>2</v>
      </c>
      <c r="B7" s="15">
        <v>42</v>
      </c>
      <c r="C7" s="16">
        <v>32</v>
      </c>
      <c r="D7" s="17">
        <v>74</v>
      </c>
    </row>
    <row r="8" spans="1:4" ht="18" customHeight="1" x14ac:dyDescent="0.2">
      <c r="A8" s="14">
        <v>3</v>
      </c>
      <c r="B8" s="15">
        <v>33</v>
      </c>
      <c r="C8" s="16">
        <v>36</v>
      </c>
      <c r="D8" s="17">
        <v>69</v>
      </c>
    </row>
    <row r="9" spans="1:4" ht="18" customHeight="1" x14ac:dyDescent="0.2">
      <c r="A9" s="14">
        <v>4</v>
      </c>
      <c r="B9" s="15">
        <v>41</v>
      </c>
      <c r="C9" s="16">
        <v>43</v>
      </c>
      <c r="D9" s="17">
        <v>84</v>
      </c>
    </row>
    <row r="10" spans="1:4" ht="18" customHeight="1" x14ac:dyDescent="0.2">
      <c r="A10" s="18" t="s">
        <v>48</v>
      </c>
      <c r="B10" s="15">
        <v>202</v>
      </c>
      <c r="C10" s="16">
        <v>186</v>
      </c>
      <c r="D10" s="17">
        <v>388</v>
      </c>
    </row>
    <row r="11" spans="1:4" ht="18" customHeight="1" x14ac:dyDescent="0.2">
      <c r="A11" s="14">
        <v>5</v>
      </c>
      <c r="B11" s="15">
        <v>35</v>
      </c>
      <c r="C11" s="16">
        <v>40</v>
      </c>
      <c r="D11" s="17">
        <v>75</v>
      </c>
    </row>
    <row r="12" spans="1:4" ht="18" customHeight="1" x14ac:dyDescent="0.2">
      <c r="A12" s="14">
        <v>6</v>
      </c>
      <c r="B12" s="15">
        <v>48</v>
      </c>
      <c r="C12" s="16">
        <v>33</v>
      </c>
      <c r="D12" s="17">
        <v>81</v>
      </c>
    </row>
    <row r="13" spans="1:4" ht="18" customHeight="1" x14ac:dyDescent="0.2">
      <c r="A13" s="14">
        <v>7</v>
      </c>
      <c r="B13" s="15">
        <v>34</v>
      </c>
      <c r="C13" s="16">
        <v>36</v>
      </c>
      <c r="D13" s="17">
        <v>70</v>
      </c>
    </row>
    <row r="14" spans="1:4" ht="18" customHeight="1" x14ac:dyDescent="0.2">
      <c r="A14" s="14">
        <v>8</v>
      </c>
      <c r="B14" s="15">
        <v>44</v>
      </c>
      <c r="C14" s="16">
        <v>42</v>
      </c>
      <c r="D14" s="17">
        <v>86</v>
      </c>
    </row>
    <row r="15" spans="1:4" ht="18" customHeight="1" x14ac:dyDescent="0.2">
      <c r="A15" s="14">
        <v>9</v>
      </c>
      <c r="B15" s="15">
        <v>44</v>
      </c>
      <c r="C15" s="16">
        <v>29</v>
      </c>
      <c r="D15" s="17">
        <v>73</v>
      </c>
    </row>
    <row r="16" spans="1:4" ht="18" customHeight="1" x14ac:dyDescent="0.2">
      <c r="A16" s="18" t="s">
        <v>49</v>
      </c>
      <c r="B16" s="15">
        <v>205</v>
      </c>
      <c r="C16" s="16">
        <v>180</v>
      </c>
      <c r="D16" s="17">
        <v>385</v>
      </c>
    </row>
    <row r="17" spans="1:4" ht="18" customHeight="1" x14ac:dyDescent="0.2">
      <c r="A17" s="14">
        <v>10</v>
      </c>
      <c r="B17" s="15">
        <v>45</v>
      </c>
      <c r="C17" s="16">
        <v>40</v>
      </c>
      <c r="D17" s="17">
        <v>85</v>
      </c>
    </row>
    <row r="18" spans="1:4" ht="18" customHeight="1" x14ac:dyDescent="0.2">
      <c r="A18" s="14">
        <v>11</v>
      </c>
      <c r="B18" s="15">
        <v>45</v>
      </c>
      <c r="C18" s="16">
        <v>48</v>
      </c>
      <c r="D18" s="17">
        <v>93</v>
      </c>
    </row>
    <row r="19" spans="1:4" ht="18" customHeight="1" x14ac:dyDescent="0.2">
      <c r="A19" s="14">
        <v>12</v>
      </c>
      <c r="B19" s="15">
        <v>57</v>
      </c>
      <c r="C19" s="16">
        <v>35</v>
      </c>
      <c r="D19" s="17">
        <v>92</v>
      </c>
    </row>
    <row r="20" spans="1:4" ht="18" customHeight="1" x14ac:dyDescent="0.2">
      <c r="A20" s="14">
        <v>13</v>
      </c>
      <c r="B20" s="15">
        <v>37</v>
      </c>
      <c r="C20" s="16">
        <v>45</v>
      </c>
      <c r="D20" s="17">
        <v>82</v>
      </c>
    </row>
    <row r="21" spans="1:4" ht="18" customHeight="1" x14ac:dyDescent="0.2">
      <c r="A21" s="14">
        <v>14</v>
      </c>
      <c r="B21" s="15">
        <v>49</v>
      </c>
      <c r="C21" s="16">
        <v>32</v>
      </c>
      <c r="D21" s="17">
        <v>81</v>
      </c>
    </row>
    <row r="22" spans="1:4" ht="18" customHeight="1" x14ac:dyDescent="0.2">
      <c r="A22" s="18" t="s">
        <v>50</v>
      </c>
      <c r="B22" s="15">
        <v>233</v>
      </c>
      <c r="C22" s="16">
        <v>200</v>
      </c>
      <c r="D22" s="17">
        <v>433</v>
      </c>
    </row>
    <row r="23" spans="1:4" ht="18" customHeight="1" x14ac:dyDescent="0.2">
      <c r="A23" s="18" t="s">
        <v>51</v>
      </c>
      <c r="B23" s="15">
        <v>640</v>
      </c>
      <c r="C23" s="16">
        <v>566</v>
      </c>
      <c r="D23" s="17">
        <v>1206</v>
      </c>
    </row>
    <row r="24" spans="1:4" ht="18" customHeight="1" x14ac:dyDescent="0.2">
      <c r="A24" s="14">
        <v>15</v>
      </c>
      <c r="B24" s="15">
        <v>55</v>
      </c>
      <c r="C24" s="16">
        <v>37</v>
      </c>
      <c r="D24" s="17">
        <v>92</v>
      </c>
    </row>
    <row r="25" spans="1:4" ht="18" customHeight="1" x14ac:dyDescent="0.2">
      <c r="A25" s="14">
        <v>16</v>
      </c>
      <c r="B25" s="15">
        <v>44</v>
      </c>
      <c r="C25" s="16">
        <v>50</v>
      </c>
      <c r="D25" s="17">
        <v>94</v>
      </c>
    </row>
    <row r="26" spans="1:4" ht="18" customHeight="1" x14ac:dyDescent="0.2">
      <c r="A26" s="14">
        <v>17</v>
      </c>
      <c r="B26" s="15">
        <v>45</v>
      </c>
      <c r="C26" s="16">
        <v>41</v>
      </c>
      <c r="D26" s="17">
        <v>86</v>
      </c>
    </row>
    <row r="27" spans="1:4" ht="18" customHeight="1" x14ac:dyDescent="0.2">
      <c r="A27" s="14">
        <v>18</v>
      </c>
      <c r="B27" s="15">
        <v>40</v>
      </c>
      <c r="C27" s="16">
        <v>52</v>
      </c>
      <c r="D27" s="17">
        <v>92</v>
      </c>
    </row>
    <row r="28" spans="1:4" ht="18" customHeight="1" x14ac:dyDescent="0.2">
      <c r="A28" s="14">
        <v>19</v>
      </c>
      <c r="B28" s="15">
        <v>47</v>
      </c>
      <c r="C28" s="16">
        <v>41</v>
      </c>
      <c r="D28" s="17">
        <v>88</v>
      </c>
    </row>
    <row r="29" spans="1:4" ht="18" customHeight="1" x14ac:dyDescent="0.2">
      <c r="A29" s="18" t="s">
        <v>52</v>
      </c>
      <c r="B29" s="15">
        <v>231</v>
      </c>
      <c r="C29" s="16">
        <v>221</v>
      </c>
      <c r="D29" s="17">
        <v>452</v>
      </c>
    </row>
    <row r="30" spans="1:4" ht="18" customHeight="1" x14ac:dyDescent="0.2">
      <c r="A30" s="14">
        <v>20</v>
      </c>
      <c r="B30" s="15">
        <v>41</v>
      </c>
      <c r="C30" s="16">
        <v>54</v>
      </c>
      <c r="D30" s="17">
        <v>95</v>
      </c>
    </row>
    <row r="31" spans="1:4" ht="18" customHeight="1" x14ac:dyDescent="0.2">
      <c r="A31" s="14">
        <v>21</v>
      </c>
      <c r="B31" s="15">
        <v>63</v>
      </c>
      <c r="C31" s="16">
        <v>48</v>
      </c>
      <c r="D31" s="17">
        <v>111</v>
      </c>
    </row>
    <row r="32" spans="1:4" ht="18" customHeight="1" x14ac:dyDescent="0.2">
      <c r="A32" s="14">
        <v>22</v>
      </c>
      <c r="B32" s="15">
        <v>41</v>
      </c>
      <c r="C32" s="16">
        <v>34</v>
      </c>
      <c r="D32" s="17">
        <v>75</v>
      </c>
    </row>
    <row r="33" spans="1:4" ht="18" customHeight="1" x14ac:dyDescent="0.2">
      <c r="A33" s="14">
        <v>23</v>
      </c>
      <c r="B33" s="15">
        <v>59</v>
      </c>
      <c r="C33" s="16">
        <v>43</v>
      </c>
      <c r="D33" s="17">
        <v>102</v>
      </c>
    </row>
    <row r="34" spans="1:4" ht="18" customHeight="1" x14ac:dyDescent="0.2">
      <c r="A34" s="14">
        <v>24</v>
      </c>
      <c r="B34" s="15">
        <v>60</v>
      </c>
      <c r="C34" s="16">
        <v>40</v>
      </c>
      <c r="D34" s="17">
        <v>100</v>
      </c>
    </row>
    <row r="35" spans="1:4" ht="18" customHeight="1" x14ac:dyDescent="0.2">
      <c r="A35" s="18" t="s">
        <v>53</v>
      </c>
      <c r="B35" s="15">
        <v>264</v>
      </c>
      <c r="C35" s="16">
        <v>219</v>
      </c>
      <c r="D35" s="17">
        <v>483</v>
      </c>
    </row>
    <row r="36" spans="1:4" ht="18" customHeight="1" x14ac:dyDescent="0.2">
      <c r="A36" s="14">
        <v>25</v>
      </c>
      <c r="B36" s="15">
        <v>69</v>
      </c>
      <c r="C36" s="16">
        <v>48</v>
      </c>
      <c r="D36" s="17">
        <v>117</v>
      </c>
    </row>
    <row r="37" spans="1:4" ht="18" customHeight="1" x14ac:dyDescent="0.2">
      <c r="A37" s="14">
        <v>26</v>
      </c>
      <c r="B37" s="15">
        <v>70</v>
      </c>
      <c r="C37" s="16">
        <v>50</v>
      </c>
      <c r="D37" s="17">
        <v>120</v>
      </c>
    </row>
    <row r="38" spans="1:4" ht="18" customHeight="1" x14ac:dyDescent="0.2">
      <c r="A38" s="14">
        <v>27</v>
      </c>
      <c r="B38" s="15">
        <v>55</v>
      </c>
      <c r="C38" s="16">
        <v>49</v>
      </c>
      <c r="D38" s="17">
        <v>104</v>
      </c>
    </row>
    <row r="39" spans="1:4" ht="18" customHeight="1" x14ac:dyDescent="0.2">
      <c r="A39" s="14">
        <v>28</v>
      </c>
      <c r="B39" s="15">
        <v>55</v>
      </c>
      <c r="C39" s="16">
        <v>40</v>
      </c>
      <c r="D39" s="17">
        <v>95</v>
      </c>
    </row>
    <row r="40" spans="1:4" ht="18" customHeight="1" x14ac:dyDescent="0.2">
      <c r="A40" s="14">
        <v>29</v>
      </c>
      <c r="B40" s="15">
        <v>45</v>
      </c>
      <c r="C40" s="16">
        <v>55</v>
      </c>
      <c r="D40" s="17">
        <v>100</v>
      </c>
    </row>
    <row r="41" spans="1:4" ht="18" customHeight="1" x14ac:dyDescent="0.2">
      <c r="A41" s="18" t="s">
        <v>54</v>
      </c>
      <c r="B41" s="15">
        <v>294</v>
      </c>
      <c r="C41" s="16">
        <v>242</v>
      </c>
      <c r="D41" s="17">
        <v>536</v>
      </c>
    </row>
    <row r="42" spans="1:4" ht="18" customHeight="1" x14ac:dyDescent="0.2">
      <c r="A42" s="14">
        <v>30</v>
      </c>
      <c r="B42" s="15">
        <v>69</v>
      </c>
      <c r="C42" s="16">
        <v>42</v>
      </c>
      <c r="D42" s="17">
        <v>111</v>
      </c>
    </row>
    <row r="43" spans="1:4" ht="18" customHeight="1" x14ac:dyDescent="0.2">
      <c r="A43" s="14">
        <v>31</v>
      </c>
      <c r="B43" s="15">
        <v>44</v>
      </c>
      <c r="C43" s="16">
        <v>54</v>
      </c>
      <c r="D43" s="17">
        <v>98</v>
      </c>
    </row>
    <row r="44" spans="1:4" ht="18" customHeight="1" x14ac:dyDescent="0.2">
      <c r="A44" s="14">
        <v>32</v>
      </c>
      <c r="B44" s="15">
        <v>58</v>
      </c>
      <c r="C44" s="16">
        <v>54</v>
      </c>
      <c r="D44" s="17">
        <v>112</v>
      </c>
    </row>
    <row r="45" spans="1:4" ht="18" customHeight="1" x14ac:dyDescent="0.2">
      <c r="A45" s="14">
        <v>33</v>
      </c>
      <c r="B45" s="15">
        <v>54</v>
      </c>
      <c r="C45" s="16">
        <v>35</v>
      </c>
      <c r="D45" s="17">
        <v>89</v>
      </c>
    </row>
    <row r="46" spans="1:4" ht="18" customHeight="1" x14ac:dyDescent="0.2">
      <c r="A46" s="14">
        <v>34</v>
      </c>
      <c r="B46" s="15">
        <v>48</v>
      </c>
      <c r="C46" s="16">
        <v>51</v>
      </c>
      <c r="D46" s="17">
        <v>99</v>
      </c>
    </row>
    <row r="47" spans="1:4" ht="18" customHeight="1" x14ac:dyDescent="0.2">
      <c r="A47" s="18" t="s">
        <v>55</v>
      </c>
      <c r="B47" s="15">
        <v>273</v>
      </c>
      <c r="C47" s="16">
        <v>236</v>
      </c>
      <c r="D47" s="17">
        <v>509</v>
      </c>
    </row>
    <row r="48" spans="1:4" ht="18" customHeight="1" x14ac:dyDescent="0.2">
      <c r="A48" s="14">
        <v>35</v>
      </c>
      <c r="B48" s="15">
        <v>59</v>
      </c>
      <c r="C48" s="16">
        <v>52</v>
      </c>
      <c r="D48" s="17">
        <v>111</v>
      </c>
    </row>
    <row r="49" spans="1:4" ht="18" customHeight="1" x14ac:dyDescent="0.2">
      <c r="A49" s="14">
        <v>36</v>
      </c>
      <c r="B49" s="15">
        <v>59</v>
      </c>
      <c r="C49" s="16">
        <v>56</v>
      </c>
      <c r="D49" s="17">
        <v>115</v>
      </c>
    </row>
    <row r="50" spans="1:4" ht="18" customHeight="1" x14ac:dyDescent="0.2">
      <c r="A50" s="14">
        <v>37</v>
      </c>
      <c r="B50" s="15">
        <v>55</v>
      </c>
      <c r="C50" s="16">
        <v>67</v>
      </c>
      <c r="D50" s="17">
        <v>122</v>
      </c>
    </row>
    <row r="51" spans="1:4" ht="18" customHeight="1" x14ac:dyDescent="0.2">
      <c r="A51" s="14">
        <v>38</v>
      </c>
      <c r="B51" s="15">
        <v>62</v>
      </c>
      <c r="C51" s="16">
        <v>37</v>
      </c>
      <c r="D51" s="17">
        <v>99</v>
      </c>
    </row>
    <row r="52" spans="1:4" ht="18" customHeight="1" x14ac:dyDescent="0.2">
      <c r="A52" s="14">
        <v>39</v>
      </c>
      <c r="B52" s="15">
        <v>65</v>
      </c>
      <c r="C52" s="16">
        <v>51</v>
      </c>
      <c r="D52" s="17">
        <v>116</v>
      </c>
    </row>
    <row r="53" spans="1:4" ht="18" customHeight="1" x14ac:dyDescent="0.2">
      <c r="A53" s="18" t="s">
        <v>56</v>
      </c>
      <c r="B53" s="15">
        <v>300</v>
      </c>
      <c r="C53" s="16">
        <v>263</v>
      </c>
      <c r="D53" s="17">
        <v>563</v>
      </c>
    </row>
    <row r="54" spans="1:4" ht="18" customHeight="1" x14ac:dyDescent="0.2">
      <c r="A54" s="14">
        <v>40</v>
      </c>
      <c r="B54" s="15">
        <v>67</v>
      </c>
      <c r="C54" s="16">
        <v>54</v>
      </c>
      <c r="D54" s="17">
        <v>121</v>
      </c>
    </row>
    <row r="55" spans="1:4" ht="18" customHeight="1" x14ac:dyDescent="0.2">
      <c r="A55" s="14">
        <v>41</v>
      </c>
      <c r="B55" s="15">
        <v>61</v>
      </c>
      <c r="C55" s="16">
        <v>55</v>
      </c>
      <c r="D55" s="17">
        <v>116</v>
      </c>
    </row>
    <row r="56" spans="1:4" ht="18" customHeight="1" x14ac:dyDescent="0.2">
      <c r="A56" s="14">
        <v>42</v>
      </c>
      <c r="B56" s="15">
        <v>63</v>
      </c>
      <c r="C56" s="16">
        <v>63</v>
      </c>
      <c r="D56" s="17">
        <v>126</v>
      </c>
    </row>
    <row r="57" spans="1:4" ht="18" customHeight="1" x14ac:dyDescent="0.2">
      <c r="A57" s="14">
        <v>43</v>
      </c>
      <c r="B57" s="15">
        <v>89</v>
      </c>
      <c r="C57" s="16">
        <v>68</v>
      </c>
      <c r="D57" s="17">
        <v>157</v>
      </c>
    </row>
    <row r="58" spans="1:4" ht="18" customHeight="1" x14ac:dyDescent="0.2">
      <c r="A58" s="14">
        <v>44</v>
      </c>
      <c r="B58" s="15">
        <v>67</v>
      </c>
      <c r="C58" s="16">
        <v>84</v>
      </c>
      <c r="D58" s="17">
        <v>151</v>
      </c>
    </row>
    <row r="59" spans="1:4" ht="18" customHeight="1" x14ac:dyDescent="0.2">
      <c r="A59" s="18" t="s">
        <v>57</v>
      </c>
      <c r="B59" s="15">
        <v>347</v>
      </c>
      <c r="C59" s="16">
        <v>324</v>
      </c>
      <c r="D59" s="17">
        <v>671</v>
      </c>
    </row>
    <row r="60" spans="1:4" ht="18" customHeight="1" x14ac:dyDescent="0.2">
      <c r="A60" s="14">
        <v>45</v>
      </c>
      <c r="B60" s="15">
        <v>89</v>
      </c>
      <c r="C60" s="16">
        <v>83</v>
      </c>
      <c r="D60" s="17">
        <v>172</v>
      </c>
    </row>
    <row r="61" spans="1:4" ht="18" customHeight="1" x14ac:dyDescent="0.2">
      <c r="A61" s="14">
        <v>46</v>
      </c>
      <c r="B61" s="15">
        <v>91</v>
      </c>
      <c r="C61" s="16">
        <v>78</v>
      </c>
      <c r="D61" s="17">
        <v>169</v>
      </c>
    </row>
    <row r="62" spans="1:4" ht="18" customHeight="1" x14ac:dyDescent="0.2">
      <c r="A62" s="14">
        <v>47</v>
      </c>
      <c r="B62" s="15">
        <v>96</v>
      </c>
      <c r="C62" s="16">
        <v>97</v>
      </c>
      <c r="D62" s="17">
        <v>193</v>
      </c>
    </row>
    <row r="63" spans="1:4" ht="18" customHeight="1" x14ac:dyDescent="0.2">
      <c r="A63" s="14">
        <v>48</v>
      </c>
      <c r="B63" s="15">
        <v>100</v>
      </c>
      <c r="C63" s="16">
        <v>95</v>
      </c>
      <c r="D63" s="17">
        <v>195</v>
      </c>
    </row>
    <row r="64" spans="1:4" ht="18" customHeight="1" x14ac:dyDescent="0.2">
      <c r="A64" s="14">
        <v>49</v>
      </c>
      <c r="B64" s="15">
        <v>92</v>
      </c>
      <c r="C64" s="16">
        <v>86</v>
      </c>
      <c r="D64" s="17">
        <v>178</v>
      </c>
    </row>
    <row r="65" spans="1:4" ht="18" customHeight="1" x14ac:dyDescent="0.2">
      <c r="A65" s="18" t="s">
        <v>58</v>
      </c>
      <c r="B65" s="15">
        <v>468</v>
      </c>
      <c r="C65" s="16">
        <v>439</v>
      </c>
      <c r="D65" s="17">
        <v>907</v>
      </c>
    </row>
    <row r="66" spans="1:4" ht="18" customHeight="1" x14ac:dyDescent="0.2">
      <c r="A66" s="14">
        <v>50</v>
      </c>
      <c r="B66" s="15">
        <v>72</v>
      </c>
      <c r="C66" s="16">
        <v>85</v>
      </c>
      <c r="D66" s="17">
        <v>157</v>
      </c>
    </row>
    <row r="67" spans="1:4" ht="18" customHeight="1" x14ac:dyDescent="0.2">
      <c r="A67" s="14">
        <v>51</v>
      </c>
      <c r="B67" s="15">
        <v>91</v>
      </c>
      <c r="C67" s="16">
        <v>93</v>
      </c>
      <c r="D67" s="17">
        <v>184</v>
      </c>
    </row>
    <row r="68" spans="1:4" ht="18" customHeight="1" x14ac:dyDescent="0.2">
      <c r="A68" s="14">
        <v>52</v>
      </c>
      <c r="B68" s="15">
        <v>70</v>
      </c>
      <c r="C68" s="16">
        <v>70</v>
      </c>
      <c r="D68" s="17">
        <v>140</v>
      </c>
    </row>
    <row r="69" spans="1:4" ht="18" customHeight="1" x14ac:dyDescent="0.2">
      <c r="A69" s="14">
        <v>53</v>
      </c>
      <c r="B69" s="15">
        <v>88</v>
      </c>
      <c r="C69" s="16">
        <v>65</v>
      </c>
      <c r="D69" s="17">
        <v>153</v>
      </c>
    </row>
    <row r="70" spans="1:4" ht="18" customHeight="1" x14ac:dyDescent="0.2">
      <c r="A70" s="14">
        <v>54</v>
      </c>
      <c r="B70" s="15">
        <v>73</v>
      </c>
      <c r="C70" s="16">
        <v>54</v>
      </c>
      <c r="D70" s="17">
        <v>127</v>
      </c>
    </row>
    <row r="71" spans="1:4" ht="18" customHeight="1" x14ac:dyDescent="0.2">
      <c r="A71" s="18" t="s">
        <v>59</v>
      </c>
      <c r="B71" s="15">
        <v>394</v>
      </c>
      <c r="C71" s="16">
        <v>367</v>
      </c>
      <c r="D71" s="17">
        <v>761</v>
      </c>
    </row>
    <row r="72" spans="1:4" ht="18" customHeight="1" x14ac:dyDescent="0.2">
      <c r="A72" s="14">
        <v>55</v>
      </c>
      <c r="B72" s="15">
        <v>62</v>
      </c>
      <c r="C72" s="16">
        <v>69</v>
      </c>
      <c r="D72" s="17">
        <v>131</v>
      </c>
    </row>
    <row r="73" spans="1:4" ht="18" customHeight="1" x14ac:dyDescent="0.2">
      <c r="A73" s="14">
        <v>56</v>
      </c>
      <c r="B73" s="15">
        <v>70</v>
      </c>
      <c r="C73" s="16">
        <v>68</v>
      </c>
      <c r="D73" s="17">
        <v>138</v>
      </c>
    </row>
    <row r="74" spans="1:4" ht="18" customHeight="1" x14ac:dyDescent="0.2">
      <c r="A74" s="14">
        <v>57</v>
      </c>
      <c r="B74" s="15">
        <v>63</v>
      </c>
      <c r="C74" s="16">
        <v>58</v>
      </c>
      <c r="D74" s="17">
        <v>121</v>
      </c>
    </row>
    <row r="75" spans="1:4" ht="18" customHeight="1" x14ac:dyDescent="0.2">
      <c r="A75" s="14">
        <v>58</v>
      </c>
      <c r="B75" s="15">
        <v>64</v>
      </c>
      <c r="C75" s="16">
        <v>61</v>
      </c>
      <c r="D75" s="17">
        <v>125</v>
      </c>
    </row>
    <row r="76" spans="1:4" ht="18" customHeight="1" x14ac:dyDescent="0.2">
      <c r="A76" s="14">
        <v>59</v>
      </c>
      <c r="B76" s="15">
        <v>56</v>
      </c>
      <c r="C76" s="16">
        <v>73</v>
      </c>
      <c r="D76" s="17">
        <v>129</v>
      </c>
    </row>
    <row r="77" spans="1:4" ht="18" customHeight="1" x14ac:dyDescent="0.2">
      <c r="A77" s="18" t="s">
        <v>60</v>
      </c>
      <c r="B77" s="15">
        <v>315</v>
      </c>
      <c r="C77" s="16">
        <v>329</v>
      </c>
      <c r="D77" s="17">
        <v>644</v>
      </c>
    </row>
    <row r="78" spans="1:4" ht="18" customHeight="1" x14ac:dyDescent="0.2">
      <c r="A78" s="14">
        <v>60</v>
      </c>
      <c r="B78" s="15">
        <v>55</v>
      </c>
      <c r="C78" s="16">
        <v>66</v>
      </c>
      <c r="D78" s="17">
        <v>121</v>
      </c>
    </row>
    <row r="79" spans="1:4" ht="18" customHeight="1" x14ac:dyDescent="0.2">
      <c r="A79" s="14">
        <v>61</v>
      </c>
      <c r="B79" s="15">
        <v>55</v>
      </c>
      <c r="C79" s="16">
        <v>65</v>
      </c>
      <c r="D79" s="17">
        <v>120</v>
      </c>
    </row>
    <row r="80" spans="1:4" ht="18" customHeight="1" x14ac:dyDescent="0.2">
      <c r="A80" s="14">
        <v>62</v>
      </c>
      <c r="B80" s="15">
        <v>57</v>
      </c>
      <c r="C80" s="16">
        <v>50</v>
      </c>
      <c r="D80" s="17">
        <v>107</v>
      </c>
    </row>
    <row r="81" spans="1:4" ht="18" customHeight="1" x14ac:dyDescent="0.2">
      <c r="A81" s="14">
        <v>63</v>
      </c>
      <c r="B81" s="15">
        <v>62</v>
      </c>
      <c r="C81" s="16">
        <v>65</v>
      </c>
      <c r="D81" s="17">
        <v>127</v>
      </c>
    </row>
    <row r="82" spans="1:4" ht="18" customHeight="1" x14ac:dyDescent="0.2">
      <c r="A82" s="14">
        <v>64</v>
      </c>
      <c r="B82" s="15">
        <v>58</v>
      </c>
      <c r="C82" s="16">
        <v>67</v>
      </c>
      <c r="D82" s="17">
        <v>125</v>
      </c>
    </row>
    <row r="83" spans="1:4" ht="18" customHeight="1" x14ac:dyDescent="0.2">
      <c r="A83" s="18" t="s">
        <v>61</v>
      </c>
      <c r="B83" s="15">
        <v>287</v>
      </c>
      <c r="C83" s="16">
        <v>313</v>
      </c>
      <c r="D83" s="17">
        <v>600</v>
      </c>
    </row>
    <row r="84" spans="1:4" ht="18" customHeight="1" x14ac:dyDescent="0.2">
      <c r="A84" s="18" t="s">
        <v>62</v>
      </c>
      <c r="B84" s="15">
        <v>3173</v>
      </c>
      <c r="C84" s="16">
        <v>2953</v>
      </c>
      <c r="D84" s="17">
        <v>6126</v>
      </c>
    </row>
    <row r="85" spans="1:4" ht="18" customHeight="1" x14ac:dyDescent="0.2">
      <c r="A85" s="14">
        <v>65</v>
      </c>
      <c r="B85" s="15">
        <v>59</v>
      </c>
      <c r="C85" s="16">
        <v>67</v>
      </c>
      <c r="D85" s="17">
        <v>126</v>
      </c>
    </row>
    <row r="86" spans="1:4" ht="18" customHeight="1" x14ac:dyDescent="0.2">
      <c r="A86" s="14">
        <v>66</v>
      </c>
      <c r="B86" s="15">
        <v>60</v>
      </c>
      <c r="C86" s="16">
        <v>65</v>
      </c>
      <c r="D86" s="17">
        <v>125</v>
      </c>
    </row>
    <row r="87" spans="1:4" ht="18" customHeight="1" x14ac:dyDescent="0.2">
      <c r="A87" s="14">
        <v>67</v>
      </c>
      <c r="B87" s="15">
        <v>61</v>
      </c>
      <c r="C87" s="16">
        <v>67</v>
      </c>
      <c r="D87" s="17">
        <v>128</v>
      </c>
    </row>
    <row r="88" spans="1:4" ht="18" customHeight="1" x14ac:dyDescent="0.2">
      <c r="A88" s="14">
        <v>68</v>
      </c>
      <c r="B88" s="15">
        <v>63</v>
      </c>
      <c r="C88" s="16">
        <v>69</v>
      </c>
      <c r="D88" s="17">
        <v>132</v>
      </c>
    </row>
    <row r="89" spans="1:4" ht="18" customHeight="1" x14ac:dyDescent="0.2">
      <c r="A89" s="14">
        <v>69</v>
      </c>
      <c r="B89" s="15">
        <v>61</v>
      </c>
      <c r="C89" s="16">
        <v>76</v>
      </c>
      <c r="D89" s="17">
        <v>137</v>
      </c>
    </row>
    <row r="90" spans="1:4" ht="18" customHeight="1" x14ac:dyDescent="0.2">
      <c r="A90" s="18" t="s">
        <v>63</v>
      </c>
      <c r="B90" s="15">
        <v>304</v>
      </c>
      <c r="C90" s="16">
        <v>344</v>
      </c>
      <c r="D90" s="17">
        <v>648</v>
      </c>
    </row>
    <row r="91" spans="1:4" ht="18" customHeight="1" x14ac:dyDescent="0.2">
      <c r="A91" s="14">
        <v>70</v>
      </c>
      <c r="B91" s="15">
        <v>66</v>
      </c>
      <c r="C91" s="16">
        <v>84</v>
      </c>
      <c r="D91" s="17">
        <v>150</v>
      </c>
    </row>
    <row r="92" spans="1:4" ht="18" customHeight="1" x14ac:dyDescent="0.2">
      <c r="A92" s="14">
        <v>71</v>
      </c>
      <c r="B92" s="15">
        <v>83</v>
      </c>
      <c r="C92" s="16">
        <v>91</v>
      </c>
      <c r="D92" s="17">
        <v>174</v>
      </c>
    </row>
    <row r="93" spans="1:4" ht="18" customHeight="1" x14ac:dyDescent="0.2">
      <c r="A93" s="14">
        <v>72</v>
      </c>
      <c r="B93" s="15">
        <v>72</v>
      </c>
      <c r="C93" s="16">
        <v>103</v>
      </c>
      <c r="D93" s="17">
        <v>175</v>
      </c>
    </row>
    <row r="94" spans="1:4" ht="18" customHeight="1" x14ac:dyDescent="0.2">
      <c r="A94" s="14">
        <v>73</v>
      </c>
      <c r="B94" s="15">
        <v>76</v>
      </c>
      <c r="C94" s="16">
        <v>91</v>
      </c>
      <c r="D94" s="17">
        <v>167</v>
      </c>
    </row>
    <row r="95" spans="1:4" ht="18" customHeight="1" x14ac:dyDescent="0.2">
      <c r="A95" s="14">
        <v>74</v>
      </c>
      <c r="B95" s="15">
        <v>32</v>
      </c>
      <c r="C95" s="16">
        <v>52</v>
      </c>
      <c r="D95" s="17">
        <v>84</v>
      </c>
    </row>
    <row r="96" spans="1:4" ht="18" customHeight="1" x14ac:dyDescent="0.2">
      <c r="A96" s="18" t="s">
        <v>64</v>
      </c>
      <c r="B96" s="15">
        <v>329</v>
      </c>
      <c r="C96" s="16">
        <v>421</v>
      </c>
      <c r="D96" s="17">
        <v>750</v>
      </c>
    </row>
    <row r="97" spans="1:4" ht="18" customHeight="1" x14ac:dyDescent="0.2">
      <c r="A97" s="14">
        <v>75</v>
      </c>
      <c r="B97" s="15">
        <v>52</v>
      </c>
      <c r="C97" s="16">
        <v>64</v>
      </c>
      <c r="D97" s="17">
        <v>116</v>
      </c>
    </row>
    <row r="98" spans="1:4" ht="18" customHeight="1" x14ac:dyDescent="0.2">
      <c r="A98" s="14">
        <v>76</v>
      </c>
      <c r="B98" s="15">
        <v>74</v>
      </c>
      <c r="C98" s="16">
        <v>80</v>
      </c>
      <c r="D98" s="17">
        <v>154</v>
      </c>
    </row>
    <row r="99" spans="1:4" ht="18" customHeight="1" x14ac:dyDescent="0.2">
      <c r="A99" s="14">
        <v>77</v>
      </c>
      <c r="B99" s="15">
        <v>49</v>
      </c>
      <c r="C99" s="16">
        <v>65</v>
      </c>
      <c r="D99" s="17">
        <v>114</v>
      </c>
    </row>
    <row r="100" spans="1:4" ht="18" customHeight="1" x14ac:dyDescent="0.2">
      <c r="A100" s="14">
        <v>78</v>
      </c>
      <c r="B100" s="15">
        <v>61</v>
      </c>
      <c r="C100" s="16">
        <v>68</v>
      </c>
      <c r="D100" s="17">
        <v>129</v>
      </c>
    </row>
    <row r="101" spans="1:4" ht="18" customHeight="1" x14ac:dyDescent="0.2">
      <c r="A101" s="14">
        <v>79</v>
      </c>
      <c r="B101" s="15">
        <v>47</v>
      </c>
      <c r="C101" s="16">
        <v>66</v>
      </c>
      <c r="D101" s="17">
        <v>113</v>
      </c>
    </row>
    <row r="102" spans="1:4" ht="18" customHeight="1" x14ac:dyDescent="0.2">
      <c r="A102" s="18" t="s">
        <v>65</v>
      </c>
      <c r="B102" s="15">
        <v>283</v>
      </c>
      <c r="C102" s="16">
        <v>343</v>
      </c>
      <c r="D102" s="17">
        <v>626</v>
      </c>
    </row>
    <row r="103" spans="1:4" ht="18" customHeight="1" x14ac:dyDescent="0.2">
      <c r="A103" s="14">
        <v>80</v>
      </c>
      <c r="B103" s="15">
        <v>39</v>
      </c>
      <c r="C103" s="16">
        <v>63</v>
      </c>
      <c r="D103" s="17">
        <v>102</v>
      </c>
    </row>
    <row r="104" spans="1:4" ht="18" customHeight="1" x14ac:dyDescent="0.2">
      <c r="A104" s="14">
        <v>81</v>
      </c>
      <c r="B104" s="15">
        <v>35</v>
      </c>
      <c r="C104" s="16">
        <v>53</v>
      </c>
      <c r="D104" s="17">
        <v>88</v>
      </c>
    </row>
    <row r="105" spans="1:4" ht="18" customHeight="1" x14ac:dyDescent="0.2">
      <c r="A105" s="14">
        <v>82</v>
      </c>
      <c r="B105" s="15">
        <v>40</v>
      </c>
      <c r="C105" s="16">
        <v>62</v>
      </c>
      <c r="D105" s="17">
        <v>102</v>
      </c>
    </row>
    <row r="106" spans="1:4" ht="18" customHeight="1" x14ac:dyDescent="0.2">
      <c r="A106" s="14">
        <v>83</v>
      </c>
      <c r="B106" s="15">
        <v>36</v>
      </c>
      <c r="C106" s="16">
        <v>52</v>
      </c>
      <c r="D106" s="17">
        <v>88</v>
      </c>
    </row>
    <row r="107" spans="1:4" ht="18" customHeight="1" x14ac:dyDescent="0.2">
      <c r="A107" s="14">
        <v>84</v>
      </c>
      <c r="B107" s="15">
        <v>40</v>
      </c>
      <c r="C107" s="16">
        <v>70</v>
      </c>
      <c r="D107" s="17">
        <v>110</v>
      </c>
    </row>
    <row r="108" spans="1:4" ht="18" customHeight="1" x14ac:dyDescent="0.2">
      <c r="A108" s="18" t="s">
        <v>66</v>
      </c>
      <c r="B108" s="15">
        <v>190</v>
      </c>
      <c r="C108" s="16">
        <v>300</v>
      </c>
      <c r="D108" s="17">
        <v>490</v>
      </c>
    </row>
    <row r="109" spans="1:4" ht="18" customHeight="1" x14ac:dyDescent="0.2">
      <c r="A109" s="14">
        <v>85</v>
      </c>
      <c r="B109" s="15">
        <v>25</v>
      </c>
      <c r="C109" s="16">
        <v>42</v>
      </c>
      <c r="D109" s="17">
        <v>67</v>
      </c>
    </row>
    <row r="110" spans="1:4" ht="18" customHeight="1" x14ac:dyDescent="0.2">
      <c r="A110" s="14">
        <v>86</v>
      </c>
      <c r="B110" s="15">
        <v>34</v>
      </c>
      <c r="C110" s="16">
        <v>65</v>
      </c>
      <c r="D110" s="17">
        <v>99</v>
      </c>
    </row>
    <row r="111" spans="1:4" ht="18" customHeight="1" x14ac:dyDescent="0.2">
      <c r="A111" s="14">
        <v>87</v>
      </c>
      <c r="B111" s="15">
        <v>26</v>
      </c>
      <c r="C111" s="16">
        <v>51</v>
      </c>
      <c r="D111" s="17">
        <v>77</v>
      </c>
    </row>
    <row r="112" spans="1:4" ht="18" customHeight="1" x14ac:dyDescent="0.2">
      <c r="A112" s="14">
        <v>88</v>
      </c>
      <c r="B112" s="15">
        <v>21</v>
      </c>
      <c r="C112" s="16">
        <v>48</v>
      </c>
      <c r="D112" s="17">
        <v>69</v>
      </c>
    </row>
    <row r="113" spans="1:4" ht="18" customHeight="1" x14ac:dyDescent="0.2">
      <c r="A113" s="14">
        <v>89</v>
      </c>
      <c r="B113" s="15">
        <v>16</v>
      </c>
      <c r="C113" s="16">
        <v>32</v>
      </c>
      <c r="D113" s="17">
        <v>48</v>
      </c>
    </row>
    <row r="114" spans="1:4" ht="18" customHeight="1" x14ac:dyDescent="0.2">
      <c r="A114" s="18" t="s">
        <v>67</v>
      </c>
      <c r="B114" s="15">
        <v>122</v>
      </c>
      <c r="C114" s="16">
        <v>238</v>
      </c>
      <c r="D114" s="17">
        <v>360</v>
      </c>
    </row>
    <row r="115" spans="1:4" ht="18" customHeight="1" x14ac:dyDescent="0.2">
      <c r="A115" s="14">
        <v>90</v>
      </c>
      <c r="B115" s="15">
        <v>16</v>
      </c>
      <c r="C115" s="16">
        <v>36</v>
      </c>
      <c r="D115" s="17">
        <v>52</v>
      </c>
    </row>
    <row r="116" spans="1:4" ht="18" customHeight="1" x14ac:dyDescent="0.2">
      <c r="A116" s="14">
        <v>91</v>
      </c>
      <c r="B116" s="15">
        <v>12</v>
      </c>
      <c r="C116" s="16">
        <v>30</v>
      </c>
      <c r="D116" s="17">
        <v>42</v>
      </c>
    </row>
    <row r="117" spans="1:4" ht="18" customHeight="1" x14ac:dyDescent="0.2">
      <c r="A117" s="14">
        <v>92</v>
      </c>
      <c r="B117" s="15">
        <v>6</v>
      </c>
      <c r="C117" s="16">
        <v>26</v>
      </c>
      <c r="D117" s="17">
        <v>32</v>
      </c>
    </row>
    <row r="118" spans="1:4" ht="18" customHeight="1" x14ac:dyDescent="0.2">
      <c r="A118" s="14">
        <v>93</v>
      </c>
      <c r="B118" s="15">
        <v>9</v>
      </c>
      <c r="C118" s="16">
        <v>20</v>
      </c>
      <c r="D118" s="17">
        <v>29</v>
      </c>
    </row>
    <row r="119" spans="1:4" ht="18" customHeight="1" x14ac:dyDescent="0.2">
      <c r="A119" s="14">
        <v>94</v>
      </c>
      <c r="B119" s="15">
        <v>7</v>
      </c>
      <c r="C119" s="16">
        <v>27</v>
      </c>
      <c r="D119" s="17">
        <v>34</v>
      </c>
    </row>
    <row r="120" spans="1:4" ht="18" customHeight="1" x14ac:dyDescent="0.2">
      <c r="A120" s="18" t="s">
        <v>68</v>
      </c>
      <c r="B120" s="15">
        <v>50</v>
      </c>
      <c r="C120" s="16">
        <v>139</v>
      </c>
      <c r="D120" s="17">
        <v>189</v>
      </c>
    </row>
    <row r="121" spans="1:4" ht="18" customHeight="1" x14ac:dyDescent="0.2">
      <c r="A121" s="14">
        <v>95</v>
      </c>
      <c r="B121" s="15">
        <v>6</v>
      </c>
      <c r="C121" s="16">
        <v>15</v>
      </c>
      <c r="D121" s="17">
        <v>21</v>
      </c>
    </row>
    <row r="122" spans="1:4" ht="18" customHeight="1" x14ac:dyDescent="0.2">
      <c r="A122" s="14">
        <v>96</v>
      </c>
      <c r="B122" s="15">
        <v>1</v>
      </c>
      <c r="C122" s="16">
        <v>12</v>
      </c>
      <c r="D122" s="17">
        <v>13</v>
      </c>
    </row>
    <row r="123" spans="1:4" ht="18" customHeight="1" x14ac:dyDescent="0.2">
      <c r="A123" s="14">
        <v>97</v>
      </c>
      <c r="B123" s="15">
        <v>2</v>
      </c>
      <c r="C123" s="16">
        <v>11</v>
      </c>
      <c r="D123" s="17">
        <v>13</v>
      </c>
    </row>
    <row r="124" spans="1:4" ht="18" customHeight="1" x14ac:dyDescent="0.2">
      <c r="A124" s="14">
        <v>98</v>
      </c>
      <c r="B124" s="15">
        <v>2</v>
      </c>
      <c r="C124" s="16">
        <v>6</v>
      </c>
      <c r="D124" s="17">
        <v>8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11</v>
      </c>
      <c r="C126" s="16">
        <v>49</v>
      </c>
      <c r="D126" s="17">
        <v>60</v>
      </c>
    </row>
    <row r="127" spans="1:4" ht="18" customHeight="1" x14ac:dyDescent="0.2">
      <c r="A127" s="14">
        <v>100</v>
      </c>
      <c r="B127" s="15">
        <v>0</v>
      </c>
      <c r="C127" s="16">
        <v>7</v>
      </c>
      <c r="D127" s="17">
        <v>7</v>
      </c>
    </row>
    <row r="128" spans="1:4" ht="18" customHeight="1" x14ac:dyDescent="0.2">
      <c r="A128" s="19" t="s">
        <v>70</v>
      </c>
      <c r="B128" s="15">
        <v>0</v>
      </c>
      <c r="C128" s="16">
        <v>9</v>
      </c>
      <c r="D128" s="17">
        <v>9</v>
      </c>
    </row>
    <row r="129" spans="1:4" ht="18" customHeight="1" x14ac:dyDescent="0.2">
      <c r="A129" s="18" t="s">
        <v>71</v>
      </c>
      <c r="B129" s="15">
        <v>0</v>
      </c>
      <c r="C129" s="16">
        <v>16</v>
      </c>
      <c r="D129" s="17">
        <v>16</v>
      </c>
    </row>
    <row r="130" spans="1:4" ht="18" customHeight="1" x14ac:dyDescent="0.2">
      <c r="A130" s="18" t="s">
        <v>72</v>
      </c>
      <c r="B130" s="4">
        <v>1289</v>
      </c>
      <c r="C130" s="5">
        <v>1850</v>
      </c>
      <c r="D130" s="6">
        <v>3139</v>
      </c>
    </row>
    <row r="131" spans="1:4" ht="18" customHeight="1" x14ac:dyDescent="0.2">
      <c r="A131" s="20" t="s">
        <v>47</v>
      </c>
      <c r="B131" s="7">
        <v>5102</v>
      </c>
      <c r="C131" s="8">
        <v>5369</v>
      </c>
      <c r="D131" s="9">
        <v>1047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2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2</v>
      </c>
      <c r="C5" s="12">
        <v>20</v>
      </c>
      <c r="D5" s="13">
        <v>62</v>
      </c>
    </row>
    <row r="6" spans="1:4" ht="18" customHeight="1" x14ac:dyDescent="0.2">
      <c r="A6" s="14">
        <v>1</v>
      </c>
      <c r="B6" s="15">
        <v>37</v>
      </c>
      <c r="C6" s="16">
        <v>41</v>
      </c>
      <c r="D6" s="17">
        <v>78</v>
      </c>
    </row>
    <row r="7" spans="1:4" ht="18" customHeight="1" x14ac:dyDescent="0.2">
      <c r="A7" s="14">
        <v>2</v>
      </c>
      <c r="B7" s="15">
        <v>27</v>
      </c>
      <c r="C7" s="16">
        <v>38</v>
      </c>
      <c r="D7" s="17">
        <v>65</v>
      </c>
    </row>
    <row r="8" spans="1:4" ht="18" customHeight="1" x14ac:dyDescent="0.2">
      <c r="A8" s="14">
        <v>3</v>
      </c>
      <c r="B8" s="15">
        <v>33</v>
      </c>
      <c r="C8" s="16">
        <v>40</v>
      </c>
      <c r="D8" s="17">
        <v>73</v>
      </c>
    </row>
    <row r="9" spans="1:4" ht="18" customHeight="1" x14ac:dyDescent="0.2">
      <c r="A9" s="14">
        <v>4</v>
      </c>
      <c r="B9" s="15">
        <v>35</v>
      </c>
      <c r="C9" s="16">
        <v>31</v>
      </c>
      <c r="D9" s="17">
        <v>66</v>
      </c>
    </row>
    <row r="10" spans="1:4" ht="18" customHeight="1" x14ac:dyDescent="0.2">
      <c r="A10" s="18" t="s">
        <v>48</v>
      </c>
      <c r="B10" s="15">
        <v>174</v>
      </c>
      <c r="C10" s="16">
        <v>170</v>
      </c>
      <c r="D10" s="17">
        <v>344</v>
      </c>
    </row>
    <row r="11" spans="1:4" ht="18" customHeight="1" x14ac:dyDescent="0.2">
      <c r="A11" s="14">
        <v>5</v>
      </c>
      <c r="B11" s="15">
        <v>37</v>
      </c>
      <c r="C11" s="16">
        <v>31</v>
      </c>
      <c r="D11" s="17">
        <v>68</v>
      </c>
    </row>
    <row r="12" spans="1:4" ht="18" customHeight="1" x14ac:dyDescent="0.2">
      <c r="A12" s="14">
        <v>6</v>
      </c>
      <c r="B12" s="15">
        <v>35</v>
      </c>
      <c r="C12" s="16">
        <v>35</v>
      </c>
      <c r="D12" s="17">
        <v>70</v>
      </c>
    </row>
    <row r="13" spans="1:4" ht="18" customHeight="1" x14ac:dyDescent="0.2">
      <c r="A13" s="14">
        <v>7</v>
      </c>
      <c r="B13" s="15">
        <v>31</v>
      </c>
      <c r="C13" s="16">
        <v>35</v>
      </c>
      <c r="D13" s="17">
        <v>66</v>
      </c>
    </row>
    <row r="14" spans="1:4" ht="18" customHeight="1" x14ac:dyDescent="0.2">
      <c r="A14" s="14">
        <v>8</v>
      </c>
      <c r="B14" s="15">
        <v>26</v>
      </c>
      <c r="C14" s="16">
        <v>30</v>
      </c>
      <c r="D14" s="17">
        <v>56</v>
      </c>
    </row>
    <row r="15" spans="1:4" ht="18" customHeight="1" x14ac:dyDescent="0.2">
      <c r="A15" s="14">
        <v>9</v>
      </c>
      <c r="B15" s="15">
        <v>40</v>
      </c>
      <c r="C15" s="16">
        <v>30</v>
      </c>
      <c r="D15" s="17">
        <v>70</v>
      </c>
    </row>
    <row r="16" spans="1:4" ht="18" customHeight="1" x14ac:dyDescent="0.2">
      <c r="A16" s="18" t="s">
        <v>49</v>
      </c>
      <c r="B16" s="15">
        <v>169</v>
      </c>
      <c r="C16" s="16">
        <v>161</v>
      </c>
      <c r="D16" s="17">
        <v>330</v>
      </c>
    </row>
    <row r="17" spans="1:4" ht="18" customHeight="1" x14ac:dyDescent="0.2">
      <c r="A17" s="14">
        <v>10</v>
      </c>
      <c r="B17" s="15">
        <v>39</v>
      </c>
      <c r="C17" s="16">
        <v>27</v>
      </c>
      <c r="D17" s="17">
        <v>66</v>
      </c>
    </row>
    <row r="18" spans="1:4" ht="18" customHeight="1" x14ac:dyDescent="0.2">
      <c r="A18" s="14">
        <v>11</v>
      </c>
      <c r="B18" s="15">
        <v>34</v>
      </c>
      <c r="C18" s="16">
        <v>18</v>
      </c>
      <c r="D18" s="17">
        <v>52</v>
      </c>
    </row>
    <row r="19" spans="1:4" ht="18" customHeight="1" x14ac:dyDescent="0.2">
      <c r="A19" s="14">
        <v>12</v>
      </c>
      <c r="B19" s="15">
        <v>27</v>
      </c>
      <c r="C19" s="16">
        <v>33</v>
      </c>
      <c r="D19" s="17">
        <v>60</v>
      </c>
    </row>
    <row r="20" spans="1:4" ht="18" customHeight="1" x14ac:dyDescent="0.2">
      <c r="A20" s="14">
        <v>13</v>
      </c>
      <c r="B20" s="15">
        <v>40</v>
      </c>
      <c r="C20" s="16">
        <v>25</v>
      </c>
      <c r="D20" s="17">
        <v>65</v>
      </c>
    </row>
    <row r="21" spans="1:4" ht="18" customHeight="1" x14ac:dyDescent="0.2">
      <c r="A21" s="14">
        <v>14</v>
      </c>
      <c r="B21" s="15">
        <v>39</v>
      </c>
      <c r="C21" s="16">
        <v>31</v>
      </c>
      <c r="D21" s="17">
        <v>70</v>
      </c>
    </row>
    <row r="22" spans="1:4" ht="18" customHeight="1" x14ac:dyDescent="0.2">
      <c r="A22" s="18" t="s">
        <v>50</v>
      </c>
      <c r="B22" s="15">
        <v>179</v>
      </c>
      <c r="C22" s="16">
        <v>134</v>
      </c>
      <c r="D22" s="17">
        <v>313</v>
      </c>
    </row>
    <row r="23" spans="1:4" ht="18" customHeight="1" x14ac:dyDescent="0.2">
      <c r="A23" s="18" t="s">
        <v>51</v>
      </c>
      <c r="B23" s="15">
        <v>522</v>
      </c>
      <c r="C23" s="16">
        <v>465</v>
      </c>
      <c r="D23" s="17">
        <v>987</v>
      </c>
    </row>
    <row r="24" spans="1:4" ht="18" customHeight="1" x14ac:dyDescent="0.2">
      <c r="A24" s="14">
        <v>15</v>
      </c>
      <c r="B24" s="15">
        <v>25</v>
      </c>
      <c r="C24" s="16">
        <v>26</v>
      </c>
      <c r="D24" s="17">
        <v>51</v>
      </c>
    </row>
    <row r="25" spans="1:4" ht="18" customHeight="1" x14ac:dyDescent="0.2">
      <c r="A25" s="14">
        <v>16</v>
      </c>
      <c r="B25" s="15">
        <v>34</v>
      </c>
      <c r="C25" s="16">
        <v>34</v>
      </c>
      <c r="D25" s="17">
        <v>68</v>
      </c>
    </row>
    <row r="26" spans="1:4" ht="18" customHeight="1" x14ac:dyDescent="0.2">
      <c r="A26" s="14">
        <v>17</v>
      </c>
      <c r="B26" s="15">
        <v>30</v>
      </c>
      <c r="C26" s="16">
        <v>30</v>
      </c>
      <c r="D26" s="17">
        <v>60</v>
      </c>
    </row>
    <row r="27" spans="1:4" ht="18" customHeight="1" x14ac:dyDescent="0.2">
      <c r="A27" s="14">
        <v>18</v>
      </c>
      <c r="B27" s="15">
        <v>38</v>
      </c>
      <c r="C27" s="16">
        <v>30</v>
      </c>
      <c r="D27" s="17">
        <v>68</v>
      </c>
    </row>
    <row r="28" spans="1:4" ht="18" customHeight="1" x14ac:dyDescent="0.2">
      <c r="A28" s="14">
        <v>19</v>
      </c>
      <c r="B28" s="15">
        <v>28</v>
      </c>
      <c r="C28" s="16">
        <v>31</v>
      </c>
      <c r="D28" s="17">
        <v>59</v>
      </c>
    </row>
    <row r="29" spans="1:4" ht="18" customHeight="1" x14ac:dyDescent="0.2">
      <c r="A29" s="18" t="s">
        <v>52</v>
      </c>
      <c r="B29" s="15">
        <v>155</v>
      </c>
      <c r="C29" s="16">
        <v>151</v>
      </c>
      <c r="D29" s="17">
        <v>306</v>
      </c>
    </row>
    <row r="30" spans="1:4" ht="18" customHeight="1" x14ac:dyDescent="0.2">
      <c r="A30" s="14">
        <v>20</v>
      </c>
      <c r="B30" s="15">
        <v>42</v>
      </c>
      <c r="C30" s="16">
        <v>38</v>
      </c>
      <c r="D30" s="17">
        <v>80</v>
      </c>
    </row>
    <row r="31" spans="1:4" ht="18" customHeight="1" x14ac:dyDescent="0.2">
      <c r="A31" s="14">
        <v>21</v>
      </c>
      <c r="B31" s="15">
        <v>38</v>
      </c>
      <c r="C31" s="16">
        <v>43</v>
      </c>
      <c r="D31" s="17">
        <v>81</v>
      </c>
    </row>
    <row r="32" spans="1:4" ht="18" customHeight="1" x14ac:dyDescent="0.2">
      <c r="A32" s="14">
        <v>22</v>
      </c>
      <c r="B32" s="15">
        <v>31</v>
      </c>
      <c r="C32" s="16">
        <v>39</v>
      </c>
      <c r="D32" s="17">
        <v>70</v>
      </c>
    </row>
    <row r="33" spans="1:4" ht="18" customHeight="1" x14ac:dyDescent="0.2">
      <c r="A33" s="14">
        <v>23</v>
      </c>
      <c r="B33" s="15">
        <v>31</v>
      </c>
      <c r="C33" s="16">
        <v>45</v>
      </c>
      <c r="D33" s="17">
        <v>76</v>
      </c>
    </row>
    <row r="34" spans="1:4" ht="18" customHeight="1" x14ac:dyDescent="0.2">
      <c r="A34" s="14">
        <v>24</v>
      </c>
      <c r="B34" s="15">
        <v>33</v>
      </c>
      <c r="C34" s="16">
        <v>34</v>
      </c>
      <c r="D34" s="17">
        <v>67</v>
      </c>
    </row>
    <row r="35" spans="1:4" ht="18" customHeight="1" x14ac:dyDescent="0.2">
      <c r="A35" s="18" t="s">
        <v>53</v>
      </c>
      <c r="B35" s="15">
        <v>175</v>
      </c>
      <c r="C35" s="16">
        <v>199</v>
      </c>
      <c r="D35" s="17">
        <v>374</v>
      </c>
    </row>
    <row r="36" spans="1:4" ht="18" customHeight="1" x14ac:dyDescent="0.2">
      <c r="A36" s="14">
        <v>25</v>
      </c>
      <c r="B36" s="15">
        <v>37</v>
      </c>
      <c r="C36" s="16">
        <v>34</v>
      </c>
      <c r="D36" s="17">
        <v>71</v>
      </c>
    </row>
    <row r="37" spans="1:4" ht="18" customHeight="1" x14ac:dyDescent="0.2">
      <c r="A37" s="14">
        <v>26</v>
      </c>
      <c r="B37" s="15">
        <v>36</v>
      </c>
      <c r="C37" s="16">
        <v>33</v>
      </c>
      <c r="D37" s="17">
        <v>69</v>
      </c>
    </row>
    <row r="38" spans="1:4" ht="18" customHeight="1" x14ac:dyDescent="0.2">
      <c r="A38" s="14">
        <v>27</v>
      </c>
      <c r="B38" s="15">
        <v>45</v>
      </c>
      <c r="C38" s="16">
        <v>44</v>
      </c>
      <c r="D38" s="17">
        <v>89</v>
      </c>
    </row>
    <row r="39" spans="1:4" ht="18" customHeight="1" x14ac:dyDescent="0.2">
      <c r="A39" s="14">
        <v>28</v>
      </c>
      <c r="B39" s="15">
        <v>41</v>
      </c>
      <c r="C39" s="16">
        <v>50</v>
      </c>
      <c r="D39" s="17">
        <v>91</v>
      </c>
    </row>
    <row r="40" spans="1:4" ht="18" customHeight="1" x14ac:dyDescent="0.2">
      <c r="A40" s="14">
        <v>29</v>
      </c>
      <c r="B40" s="15">
        <v>41</v>
      </c>
      <c r="C40" s="16">
        <v>27</v>
      </c>
      <c r="D40" s="17">
        <v>68</v>
      </c>
    </row>
    <row r="41" spans="1:4" ht="18" customHeight="1" x14ac:dyDescent="0.2">
      <c r="A41" s="18" t="s">
        <v>54</v>
      </c>
      <c r="B41" s="15">
        <v>200</v>
      </c>
      <c r="C41" s="16">
        <v>188</v>
      </c>
      <c r="D41" s="17">
        <v>388</v>
      </c>
    </row>
    <row r="42" spans="1:4" ht="18" customHeight="1" x14ac:dyDescent="0.2">
      <c r="A42" s="14">
        <v>30</v>
      </c>
      <c r="B42" s="15">
        <v>43</v>
      </c>
      <c r="C42" s="16">
        <v>45</v>
      </c>
      <c r="D42" s="17">
        <v>88</v>
      </c>
    </row>
    <row r="43" spans="1:4" ht="18" customHeight="1" x14ac:dyDescent="0.2">
      <c r="A43" s="14">
        <v>31</v>
      </c>
      <c r="B43" s="15">
        <v>34</v>
      </c>
      <c r="C43" s="16">
        <v>45</v>
      </c>
      <c r="D43" s="17">
        <v>79</v>
      </c>
    </row>
    <row r="44" spans="1:4" ht="18" customHeight="1" x14ac:dyDescent="0.2">
      <c r="A44" s="14">
        <v>32</v>
      </c>
      <c r="B44" s="15">
        <v>47</v>
      </c>
      <c r="C44" s="16">
        <v>40</v>
      </c>
      <c r="D44" s="17">
        <v>87</v>
      </c>
    </row>
    <row r="45" spans="1:4" ht="18" customHeight="1" x14ac:dyDescent="0.2">
      <c r="A45" s="14">
        <v>33</v>
      </c>
      <c r="B45" s="15">
        <v>57</v>
      </c>
      <c r="C45" s="16">
        <v>41</v>
      </c>
      <c r="D45" s="17">
        <v>98</v>
      </c>
    </row>
    <row r="46" spans="1:4" ht="18" customHeight="1" x14ac:dyDescent="0.2">
      <c r="A46" s="14">
        <v>34</v>
      </c>
      <c r="B46" s="15">
        <v>52</v>
      </c>
      <c r="C46" s="16">
        <v>52</v>
      </c>
      <c r="D46" s="17">
        <v>104</v>
      </c>
    </row>
    <row r="47" spans="1:4" ht="18" customHeight="1" x14ac:dyDescent="0.2">
      <c r="A47" s="18" t="s">
        <v>55</v>
      </c>
      <c r="B47" s="15">
        <v>233</v>
      </c>
      <c r="C47" s="16">
        <v>223</v>
      </c>
      <c r="D47" s="17">
        <v>456</v>
      </c>
    </row>
    <row r="48" spans="1:4" ht="18" customHeight="1" x14ac:dyDescent="0.2">
      <c r="A48" s="14">
        <v>35</v>
      </c>
      <c r="B48" s="15">
        <v>53</v>
      </c>
      <c r="C48" s="16">
        <v>49</v>
      </c>
      <c r="D48" s="17">
        <v>102</v>
      </c>
    </row>
    <row r="49" spans="1:4" ht="18" customHeight="1" x14ac:dyDescent="0.2">
      <c r="A49" s="14">
        <v>36</v>
      </c>
      <c r="B49" s="15">
        <v>44</v>
      </c>
      <c r="C49" s="16">
        <v>43</v>
      </c>
      <c r="D49" s="17">
        <v>87</v>
      </c>
    </row>
    <row r="50" spans="1:4" ht="18" customHeight="1" x14ac:dyDescent="0.2">
      <c r="A50" s="14">
        <v>37</v>
      </c>
      <c r="B50" s="15">
        <v>58</v>
      </c>
      <c r="C50" s="16">
        <v>36</v>
      </c>
      <c r="D50" s="17">
        <v>94</v>
      </c>
    </row>
    <row r="51" spans="1:4" ht="18" customHeight="1" x14ac:dyDescent="0.2">
      <c r="A51" s="14">
        <v>38</v>
      </c>
      <c r="B51" s="15">
        <v>48</v>
      </c>
      <c r="C51" s="16">
        <v>48</v>
      </c>
      <c r="D51" s="17">
        <v>96</v>
      </c>
    </row>
    <row r="52" spans="1:4" ht="18" customHeight="1" x14ac:dyDescent="0.2">
      <c r="A52" s="14">
        <v>39</v>
      </c>
      <c r="B52" s="15">
        <v>39</v>
      </c>
      <c r="C52" s="16">
        <v>43</v>
      </c>
      <c r="D52" s="17">
        <v>82</v>
      </c>
    </row>
    <row r="53" spans="1:4" ht="18" customHeight="1" x14ac:dyDescent="0.2">
      <c r="A53" s="18" t="s">
        <v>56</v>
      </c>
      <c r="B53" s="15">
        <v>242</v>
      </c>
      <c r="C53" s="16">
        <v>219</v>
      </c>
      <c r="D53" s="17">
        <v>461</v>
      </c>
    </row>
    <row r="54" spans="1:4" ht="18" customHeight="1" x14ac:dyDescent="0.2">
      <c r="A54" s="14">
        <v>40</v>
      </c>
      <c r="B54" s="15">
        <v>51</v>
      </c>
      <c r="C54" s="16">
        <v>47</v>
      </c>
      <c r="D54" s="17">
        <v>98</v>
      </c>
    </row>
    <row r="55" spans="1:4" ht="18" customHeight="1" x14ac:dyDescent="0.2">
      <c r="A55" s="14">
        <v>41</v>
      </c>
      <c r="B55" s="15">
        <v>45</v>
      </c>
      <c r="C55" s="16">
        <v>52</v>
      </c>
      <c r="D55" s="17">
        <v>97</v>
      </c>
    </row>
    <row r="56" spans="1:4" ht="18" customHeight="1" x14ac:dyDescent="0.2">
      <c r="A56" s="14">
        <v>42</v>
      </c>
      <c r="B56" s="15">
        <v>53</v>
      </c>
      <c r="C56" s="16">
        <v>50</v>
      </c>
      <c r="D56" s="17">
        <v>103</v>
      </c>
    </row>
    <row r="57" spans="1:4" ht="18" customHeight="1" x14ac:dyDescent="0.2">
      <c r="A57" s="14">
        <v>43</v>
      </c>
      <c r="B57" s="15">
        <v>61</v>
      </c>
      <c r="C57" s="16">
        <v>58</v>
      </c>
      <c r="D57" s="17">
        <v>119</v>
      </c>
    </row>
    <row r="58" spans="1:4" ht="18" customHeight="1" x14ac:dyDescent="0.2">
      <c r="A58" s="14">
        <v>44</v>
      </c>
      <c r="B58" s="15">
        <v>57</v>
      </c>
      <c r="C58" s="16">
        <v>48</v>
      </c>
      <c r="D58" s="17">
        <v>105</v>
      </c>
    </row>
    <row r="59" spans="1:4" ht="18" customHeight="1" x14ac:dyDescent="0.2">
      <c r="A59" s="18" t="s">
        <v>57</v>
      </c>
      <c r="B59" s="15">
        <v>267</v>
      </c>
      <c r="C59" s="16">
        <v>255</v>
      </c>
      <c r="D59" s="17">
        <v>522</v>
      </c>
    </row>
    <row r="60" spans="1:4" ht="18" customHeight="1" x14ac:dyDescent="0.2">
      <c r="A60" s="14">
        <v>45</v>
      </c>
      <c r="B60" s="15">
        <v>53</v>
      </c>
      <c r="C60" s="16">
        <v>57</v>
      </c>
      <c r="D60" s="17">
        <v>110</v>
      </c>
    </row>
    <row r="61" spans="1:4" ht="18" customHeight="1" x14ac:dyDescent="0.2">
      <c r="A61" s="14">
        <v>46</v>
      </c>
      <c r="B61" s="15">
        <v>71</v>
      </c>
      <c r="C61" s="16">
        <v>50</v>
      </c>
      <c r="D61" s="17">
        <v>121</v>
      </c>
    </row>
    <row r="62" spans="1:4" ht="18" customHeight="1" x14ac:dyDescent="0.2">
      <c r="A62" s="14">
        <v>47</v>
      </c>
      <c r="B62" s="15">
        <v>73</v>
      </c>
      <c r="C62" s="16">
        <v>59</v>
      </c>
      <c r="D62" s="17">
        <v>132</v>
      </c>
    </row>
    <row r="63" spans="1:4" ht="18" customHeight="1" x14ac:dyDescent="0.2">
      <c r="A63" s="14">
        <v>48</v>
      </c>
      <c r="B63" s="15">
        <v>61</v>
      </c>
      <c r="C63" s="16">
        <v>61</v>
      </c>
      <c r="D63" s="17">
        <v>122</v>
      </c>
    </row>
    <row r="64" spans="1:4" ht="18" customHeight="1" x14ac:dyDescent="0.2">
      <c r="A64" s="14">
        <v>49</v>
      </c>
      <c r="B64" s="15">
        <v>56</v>
      </c>
      <c r="C64" s="16">
        <v>49</v>
      </c>
      <c r="D64" s="17">
        <v>105</v>
      </c>
    </row>
    <row r="65" spans="1:4" ht="18" customHeight="1" x14ac:dyDescent="0.2">
      <c r="A65" s="18" t="s">
        <v>58</v>
      </c>
      <c r="B65" s="15">
        <v>314</v>
      </c>
      <c r="C65" s="16">
        <v>276</v>
      </c>
      <c r="D65" s="17">
        <v>590</v>
      </c>
    </row>
    <row r="66" spans="1:4" ht="18" customHeight="1" x14ac:dyDescent="0.2">
      <c r="A66" s="14">
        <v>50</v>
      </c>
      <c r="B66" s="15">
        <v>54</v>
      </c>
      <c r="C66" s="16">
        <v>53</v>
      </c>
      <c r="D66" s="17">
        <v>107</v>
      </c>
    </row>
    <row r="67" spans="1:4" ht="18" customHeight="1" x14ac:dyDescent="0.2">
      <c r="A67" s="14">
        <v>51</v>
      </c>
      <c r="B67" s="15">
        <v>58</v>
      </c>
      <c r="C67" s="16">
        <v>60</v>
      </c>
      <c r="D67" s="17">
        <v>118</v>
      </c>
    </row>
    <row r="68" spans="1:4" ht="18" customHeight="1" x14ac:dyDescent="0.2">
      <c r="A68" s="14">
        <v>52</v>
      </c>
      <c r="B68" s="15">
        <v>57</v>
      </c>
      <c r="C68" s="16">
        <v>53</v>
      </c>
      <c r="D68" s="17">
        <v>110</v>
      </c>
    </row>
    <row r="69" spans="1:4" ht="18" customHeight="1" x14ac:dyDescent="0.2">
      <c r="A69" s="14">
        <v>53</v>
      </c>
      <c r="B69" s="15">
        <v>57</v>
      </c>
      <c r="C69" s="16">
        <v>58</v>
      </c>
      <c r="D69" s="17">
        <v>115</v>
      </c>
    </row>
    <row r="70" spans="1:4" ht="18" customHeight="1" x14ac:dyDescent="0.2">
      <c r="A70" s="14">
        <v>54</v>
      </c>
      <c r="B70" s="15">
        <v>51</v>
      </c>
      <c r="C70" s="16">
        <v>58</v>
      </c>
      <c r="D70" s="17">
        <v>109</v>
      </c>
    </row>
    <row r="71" spans="1:4" ht="18" customHeight="1" x14ac:dyDescent="0.2">
      <c r="A71" s="18" t="s">
        <v>59</v>
      </c>
      <c r="B71" s="15">
        <v>277</v>
      </c>
      <c r="C71" s="16">
        <v>282</v>
      </c>
      <c r="D71" s="17">
        <v>559</v>
      </c>
    </row>
    <row r="72" spans="1:4" ht="18" customHeight="1" x14ac:dyDescent="0.2">
      <c r="A72" s="14">
        <v>55</v>
      </c>
      <c r="B72" s="15">
        <v>73</v>
      </c>
      <c r="C72" s="16">
        <v>56</v>
      </c>
      <c r="D72" s="17">
        <v>129</v>
      </c>
    </row>
    <row r="73" spans="1:4" ht="18" customHeight="1" x14ac:dyDescent="0.2">
      <c r="A73" s="14">
        <v>56</v>
      </c>
      <c r="B73" s="15">
        <v>59</v>
      </c>
      <c r="C73" s="16">
        <v>62</v>
      </c>
      <c r="D73" s="17">
        <v>121</v>
      </c>
    </row>
    <row r="74" spans="1:4" ht="18" customHeight="1" x14ac:dyDescent="0.2">
      <c r="A74" s="14">
        <v>57</v>
      </c>
      <c r="B74" s="15">
        <v>44</v>
      </c>
      <c r="C74" s="16">
        <v>62</v>
      </c>
      <c r="D74" s="17">
        <v>106</v>
      </c>
    </row>
    <row r="75" spans="1:4" ht="18" customHeight="1" x14ac:dyDescent="0.2">
      <c r="A75" s="14">
        <v>58</v>
      </c>
      <c r="B75" s="15">
        <v>42</v>
      </c>
      <c r="C75" s="16">
        <v>52</v>
      </c>
      <c r="D75" s="17">
        <v>94</v>
      </c>
    </row>
    <row r="76" spans="1:4" ht="18" customHeight="1" x14ac:dyDescent="0.2">
      <c r="A76" s="14">
        <v>59</v>
      </c>
      <c r="B76" s="15">
        <v>52</v>
      </c>
      <c r="C76" s="16">
        <v>34</v>
      </c>
      <c r="D76" s="17">
        <v>86</v>
      </c>
    </row>
    <row r="77" spans="1:4" ht="18" customHeight="1" x14ac:dyDescent="0.2">
      <c r="A77" s="18" t="s">
        <v>60</v>
      </c>
      <c r="B77" s="15">
        <v>270</v>
      </c>
      <c r="C77" s="16">
        <v>266</v>
      </c>
      <c r="D77" s="17">
        <v>536</v>
      </c>
    </row>
    <row r="78" spans="1:4" ht="18" customHeight="1" x14ac:dyDescent="0.2">
      <c r="A78" s="14">
        <v>60</v>
      </c>
      <c r="B78" s="15">
        <v>49</v>
      </c>
      <c r="C78" s="16">
        <v>45</v>
      </c>
      <c r="D78" s="17">
        <v>94</v>
      </c>
    </row>
    <row r="79" spans="1:4" ht="18" customHeight="1" x14ac:dyDescent="0.2">
      <c r="A79" s="14">
        <v>61</v>
      </c>
      <c r="B79" s="15">
        <v>55</v>
      </c>
      <c r="C79" s="16">
        <v>43</v>
      </c>
      <c r="D79" s="17">
        <v>98</v>
      </c>
    </row>
    <row r="80" spans="1:4" ht="18" customHeight="1" x14ac:dyDescent="0.2">
      <c r="A80" s="14">
        <v>62</v>
      </c>
      <c r="B80" s="15">
        <v>54</v>
      </c>
      <c r="C80" s="16">
        <v>42</v>
      </c>
      <c r="D80" s="17">
        <v>96</v>
      </c>
    </row>
    <row r="81" spans="1:4" ht="18" customHeight="1" x14ac:dyDescent="0.2">
      <c r="A81" s="14">
        <v>63</v>
      </c>
      <c r="B81" s="15">
        <v>37</v>
      </c>
      <c r="C81" s="16">
        <v>27</v>
      </c>
      <c r="D81" s="17">
        <v>64</v>
      </c>
    </row>
    <row r="82" spans="1:4" ht="18" customHeight="1" x14ac:dyDescent="0.2">
      <c r="A82" s="14">
        <v>64</v>
      </c>
      <c r="B82" s="15">
        <v>46</v>
      </c>
      <c r="C82" s="16">
        <v>51</v>
      </c>
      <c r="D82" s="17">
        <v>97</v>
      </c>
    </row>
    <row r="83" spans="1:4" ht="18" customHeight="1" x14ac:dyDescent="0.2">
      <c r="A83" s="18" t="s">
        <v>61</v>
      </c>
      <c r="B83" s="15">
        <v>241</v>
      </c>
      <c r="C83" s="16">
        <v>208</v>
      </c>
      <c r="D83" s="17">
        <v>449</v>
      </c>
    </row>
    <row r="84" spans="1:4" ht="18" customHeight="1" x14ac:dyDescent="0.2">
      <c r="A84" s="18" t="s">
        <v>62</v>
      </c>
      <c r="B84" s="15">
        <v>2374</v>
      </c>
      <c r="C84" s="16">
        <v>2267</v>
      </c>
      <c r="D84" s="17">
        <v>4641</v>
      </c>
    </row>
    <row r="85" spans="1:4" ht="18" customHeight="1" x14ac:dyDescent="0.2">
      <c r="A85" s="14">
        <v>65</v>
      </c>
      <c r="B85" s="15">
        <v>33</v>
      </c>
      <c r="C85" s="16">
        <v>53</v>
      </c>
      <c r="D85" s="17">
        <v>86</v>
      </c>
    </row>
    <row r="86" spans="1:4" ht="18" customHeight="1" x14ac:dyDescent="0.2">
      <c r="A86" s="14">
        <v>66</v>
      </c>
      <c r="B86" s="15">
        <v>57</v>
      </c>
      <c r="C86" s="16">
        <v>45</v>
      </c>
      <c r="D86" s="17">
        <v>102</v>
      </c>
    </row>
    <row r="87" spans="1:4" ht="18" customHeight="1" x14ac:dyDescent="0.2">
      <c r="A87" s="14">
        <v>67</v>
      </c>
      <c r="B87" s="15">
        <v>40</v>
      </c>
      <c r="C87" s="16">
        <v>49</v>
      </c>
      <c r="D87" s="17">
        <v>89</v>
      </c>
    </row>
    <row r="88" spans="1:4" ht="18" customHeight="1" x14ac:dyDescent="0.2">
      <c r="A88" s="14">
        <v>68</v>
      </c>
      <c r="B88" s="15">
        <v>31</v>
      </c>
      <c r="C88" s="16">
        <v>63</v>
      </c>
      <c r="D88" s="17">
        <v>94</v>
      </c>
    </row>
    <row r="89" spans="1:4" ht="18" customHeight="1" x14ac:dyDescent="0.2">
      <c r="A89" s="14">
        <v>69</v>
      </c>
      <c r="B89" s="15">
        <v>53</v>
      </c>
      <c r="C89" s="16">
        <v>59</v>
      </c>
      <c r="D89" s="17">
        <v>112</v>
      </c>
    </row>
    <row r="90" spans="1:4" ht="18" customHeight="1" x14ac:dyDescent="0.2">
      <c r="A90" s="18" t="s">
        <v>63</v>
      </c>
      <c r="B90" s="15">
        <v>214</v>
      </c>
      <c r="C90" s="16">
        <v>269</v>
      </c>
      <c r="D90" s="17">
        <v>483</v>
      </c>
    </row>
    <row r="91" spans="1:4" ht="18" customHeight="1" x14ac:dyDescent="0.2">
      <c r="A91" s="14">
        <v>70</v>
      </c>
      <c r="B91" s="15">
        <v>63</v>
      </c>
      <c r="C91" s="16">
        <v>58</v>
      </c>
      <c r="D91" s="17">
        <v>121</v>
      </c>
    </row>
    <row r="92" spans="1:4" ht="18" customHeight="1" x14ac:dyDescent="0.2">
      <c r="A92" s="14">
        <v>71</v>
      </c>
      <c r="B92" s="15">
        <v>79</v>
      </c>
      <c r="C92" s="16">
        <v>78</v>
      </c>
      <c r="D92" s="17">
        <v>157</v>
      </c>
    </row>
    <row r="93" spans="1:4" ht="18" customHeight="1" x14ac:dyDescent="0.2">
      <c r="A93" s="14">
        <v>72</v>
      </c>
      <c r="B93" s="15">
        <v>51</v>
      </c>
      <c r="C93" s="16">
        <v>82</v>
      </c>
      <c r="D93" s="17">
        <v>133</v>
      </c>
    </row>
    <row r="94" spans="1:4" ht="18" customHeight="1" x14ac:dyDescent="0.2">
      <c r="A94" s="14">
        <v>73</v>
      </c>
      <c r="B94" s="15">
        <v>59</v>
      </c>
      <c r="C94" s="16">
        <v>78</v>
      </c>
      <c r="D94" s="17">
        <v>137</v>
      </c>
    </row>
    <row r="95" spans="1:4" ht="18" customHeight="1" x14ac:dyDescent="0.2">
      <c r="A95" s="14">
        <v>74</v>
      </c>
      <c r="B95" s="15">
        <v>33</v>
      </c>
      <c r="C95" s="16">
        <v>45</v>
      </c>
      <c r="D95" s="17">
        <v>78</v>
      </c>
    </row>
    <row r="96" spans="1:4" ht="18" customHeight="1" x14ac:dyDescent="0.2">
      <c r="A96" s="18" t="s">
        <v>64</v>
      </c>
      <c r="B96" s="15">
        <v>285</v>
      </c>
      <c r="C96" s="16">
        <v>341</v>
      </c>
      <c r="D96" s="17">
        <v>626</v>
      </c>
    </row>
    <row r="97" spans="1:4" ht="18" customHeight="1" x14ac:dyDescent="0.2">
      <c r="A97" s="14">
        <v>75</v>
      </c>
      <c r="B97" s="15">
        <v>38</v>
      </c>
      <c r="C97" s="16">
        <v>58</v>
      </c>
      <c r="D97" s="17">
        <v>96</v>
      </c>
    </row>
    <row r="98" spans="1:4" ht="18" customHeight="1" x14ac:dyDescent="0.2">
      <c r="A98" s="14">
        <v>76</v>
      </c>
      <c r="B98" s="15">
        <v>56</v>
      </c>
      <c r="C98" s="16">
        <v>84</v>
      </c>
      <c r="D98" s="17">
        <v>140</v>
      </c>
    </row>
    <row r="99" spans="1:4" ht="18" customHeight="1" x14ac:dyDescent="0.2">
      <c r="A99" s="14">
        <v>77</v>
      </c>
      <c r="B99" s="15">
        <v>49</v>
      </c>
      <c r="C99" s="16">
        <v>55</v>
      </c>
      <c r="D99" s="17">
        <v>104</v>
      </c>
    </row>
    <row r="100" spans="1:4" ht="18" customHeight="1" x14ac:dyDescent="0.2">
      <c r="A100" s="14">
        <v>78</v>
      </c>
      <c r="B100" s="15">
        <v>47</v>
      </c>
      <c r="C100" s="16">
        <v>72</v>
      </c>
      <c r="D100" s="17">
        <v>119</v>
      </c>
    </row>
    <row r="101" spans="1:4" ht="18" customHeight="1" x14ac:dyDescent="0.2">
      <c r="A101" s="14">
        <v>79</v>
      </c>
      <c r="B101" s="15">
        <v>54</v>
      </c>
      <c r="C101" s="16">
        <v>68</v>
      </c>
      <c r="D101" s="17">
        <v>122</v>
      </c>
    </row>
    <row r="102" spans="1:4" ht="18" customHeight="1" x14ac:dyDescent="0.2">
      <c r="A102" s="18" t="s">
        <v>65</v>
      </c>
      <c r="B102" s="15">
        <v>244</v>
      </c>
      <c r="C102" s="16">
        <v>337</v>
      </c>
      <c r="D102" s="17">
        <v>581</v>
      </c>
    </row>
    <row r="103" spans="1:4" ht="18" customHeight="1" x14ac:dyDescent="0.2">
      <c r="A103" s="14">
        <v>80</v>
      </c>
      <c r="B103" s="15">
        <v>36</v>
      </c>
      <c r="C103" s="16">
        <v>57</v>
      </c>
      <c r="D103" s="17">
        <v>93</v>
      </c>
    </row>
    <row r="104" spans="1:4" ht="18" customHeight="1" x14ac:dyDescent="0.2">
      <c r="A104" s="14">
        <v>81</v>
      </c>
      <c r="B104" s="15">
        <v>39</v>
      </c>
      <c r="C104" s="16">
        <v>44</v>
      </c>
      <c r="D104" s="17">
        <v>83</v>
      </c>
    </row>
    <row r="105" spans="1:4" ht="18" customHeight="1" x14ac:dyDescent="0.2">
      <c r="A105" s="14">
        <v>82</v>
      </c>
      <c r="B105" s="15">
        <v>33</v>
      </c>
      <c r="C105" s="16">
        <v>50</v>
      </c>
      <c r="D105" s="17">
        <v>83</v>
      </c>
    </row>
    <row r="106" spans="1:4" ht="18" customHeight="1" x14ac:dyDescent="0.2">
      <c r="A106" s="14">
        <v>83</v>
      </c>
      <c r="B106" s="15">
        <v>34</v>
      </c>
      <c r="C106" s="16">
        <v>55</v>
      </c>
      <c r="D106" s="17">
        <v>89</v>
      </c>
    </row>
    <row r="107" spans="1:4" ht="18" customHeight="1" x14ac:dyDescent="0.2">
      <c r="A107" s="14">
        <v>84</v>
      </c>
      <c r="B107" s="15">
        <v>37</v>
      </c>
      <c r="C107" s="16">
        <v>52</v>
      </c>
      <c r="D107" s="17">
        <v>89</v>
      </c>
    </row>
    <row r="108" spans="1:4" ht="18" customHeight="1" x14ac:dyDescent="0.2">
      <c r="A108" s="18" t="s">
        <v>66</v>
      </c>
      <c r="B108" s="15">
        <v>179</v>
      </c>
      <c r="C108" s="16">
        <v>258</v>
      </c>
      <c r="D108" s="17">
        <v>437</v>
      </c>
    </row>
    <row r="109" spans="1:4" ht="18" customHeight="1" x14ac:dyDescent="0.2">
      <c r="A109" s="14">
        <v>85</v>
      </c>
      <c r="B109" s="15">
        <v>28</v>
      </c>
      <c r="C109" s="16">
        <v>28</v>
      </c>
      <c r="D109" s="17">
        <v>56</v>
      </c>
    </row>
    <row r="110" spans="1:4" ht="18" customHeight="1" x14ac:dyDescent="0.2">
      <c r="A110" s="14">
        <v>86</v>
      </c>
      <c r="B110" s="15">
        <v>29</v>
      </c>
      <c r="C110" s="16">
        <v>44</v>
      </c>
      <c r="D110" s="17">
        <v>73</v>
      </c>
    </row>
    <row r="111" spans="1:4" ht="18" customHeight="1" x14ac:dyDescent="0.2">
      <c r="A111" s="14">
        <v>87</v>
      </c>
      <c r="B111" s="15">
        <v>16</v>
      </c>
      <c r="C111" s="16">
        <v>47</v>
      </c>
      <c r="D111" s="17">
        <v>63</v>
      </c>
    </row>
    <row r="112" spans="1:4" ht="18" customHeight="1" x14ac:dyDescent="0.2">
      <c r="A112" s="14">
        <v>88</v>
      </c>
      <c r="B112" s="15">
        <v>17</v>
      </c>
      <c r="C112" s="16">
        <v>34</v>
      </c>
      <c r="D112" s="17">
        <v>51</v>
      </c>
    </row>
    <row r="113" spans="1:4" ht="18" customHeight="1" x14ac:dyDescent="0.2">
      <c r="A113" s="14">
        <v>89</v>
      </c>
      <c r="B113" s="15">
        <v>15</v>
      </c>
      <c r="C113" s="16">
        <v>42</v>
      </c>
      <c r="D113" s="17">
        <v>57</v>
      </c>
    </row>
    <row r="114" spans="1:4" ht="18" customHeight="1" x14ac:dyDescent="0.2">
      <c r="A114" s="18" t="s">
        <v>67</v>
      </c>
      <c r="B114" s="15">
        <v>105</v>
      </c>
      <c r="C114" s="16">
        <v>195</v>
      </c>
      <c r="D114" s="17">
        <v>300</v>
      </c>
    </row>
    <row r="115" spans="1:4" ht="18" customHeight="1" x14ac:dyDescent="0.2">
      <c r="A115" s="14">
        <v>90</v>
      </c>
      <c r="B115" s="15">
        <v>12</v>
      </c>
      <c r="C115" s="16">
        <v>36</v>
      </c>
      <c r="D115" s="17">
        <v>48</v>
      </c>
    </row>
    <row r="116" spans="1:4" ht="18" customHeight="1" x14ac:dyDescent="0.2">
      <c r="A116" s="14">
        <v>91</v>
      </c>
      <c r="B116" s="15">
        <v>7</v>
      </c>
      <c r="C116" s="16">
        <v>27</v>
      </c>
      <c r="D116" s="17">
        <v>34</v>
      </c>
    </row>
    <row r="117" spans="1:4" ht="18" customHeight="1" x14ac:dyDescent="0.2">
      <c r="A117" s="14">
        <v>92</v>
      </c>
      <c r="B117" s="15">
        <v>8</v>
      </c>
      <c r="C117" s="16">
        <v>14</v>
      </c>
      <c r="D117" s="17">
        <v>22</v>
      </c>
    </row>
    <row r="118" spans="1:4" ht="18" customHeight="1" x14ac:dyDescent="0.2">
      <c r="A118" s="14">
        <v>93</v>
      </c>
      <c r="B118" s="15">
        <v>5</v>
      </c>
      <c r="C118" s="16">
        <v>15</v>
      </c>
      <c r="D118" s="17">
        <v>20</v>
      </c>
    </row>
    <row r="119" spans="1:4" ht="18" customHeight="1" x14ac:dyDescent="0.2">
      <c r="A119" s="14">
        <v>94</v>
      </c>
      <c r="B119" s="15">
        <v>6</v>
      </c>
      <c r="C119" s="16">
        <v>20</v>
      </c>
      <c r="D119" s="17">
        <v>26</v>
      </c>
    </row>
    <row r="120" spans="1:4" ht="18" customHeight="1" x14ac:dyDescent="0.2">
      <c r="A120" s="18" t="s">
        <v>68</v>
      </c>
      <c r="B120" s="15">
        <v>38</v>
      </c>
      <c r="C120" s="16">
        <v>112</v>
      </c>
      <c r="D120" s="17">
        <v>150</v>
      </c>
    </row>
    <row r="121" spans="1:4" ht="18" customHeight="1" x14ac:dyDescent="0.2">
      <c r="A121" s="14">
        <v>95</v>
      </c>
      <c r="B121" s="15">
        <v>1</v>
      </c>
      <c r="C121" s="16">
        <v>8</v>
      </c>
      <c r="D121" s="17">
        <v>9</v>
      </c>
    </row>
    <row r="122" spans="1:4" ht="18" customHeight="1" x14ac:dyDescent="0.2">
      <c r="A122" s="14">
        <v>96</v>
      </c>
      <c r="B122" s="15">
        <v>0</v>
      </c>
      <c r="C122" s="16">
        <v>9</v>
      </c>
      <c r="D122" s="17">
        <v>9</v>
      </c>
    </row>
    <row r="123" spans="1:4" ht="18" customHeight="1" x14ac:dyDescent="0.2">
      <c r="A123" s="14">
        <v>97</v>
      </c>
      <c r="B123" s="15">
        <v>0</v>
      </c>
      <c r="C123" s="16">
        <v>7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9</v>
      </c>
      <c r="D124" s="17">
        <v>9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2</v>
      </c>
      <c r="C126" s="16">
        <v>35</v>
      </c>
      <c r="D126" s="17">
        <v>37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9</v>
      </c>
      <c r="D129" s="17">
        <v>9</v>
      </c>
    </row>
    <row r="130" spans="1:4" ht="18" customHeight="1" x14ac:dyDescent="0.2">
      <c r="A130" s="18" t="s">
        <v>72</v>
      </c>
      <c r="B130" s="4">
        <v>1067</v>
      </c>
      <c r="C130" s="5">
        <v>1556</v>
      </c>
      <c r="D130" s="6">
        <v>2623</v>
      </c>
    </row>
    <row r="131" spans="1:4" ht="18" customHeight="1" x14ac:dyDescent="0.2">
      <c r="A131" s="20" t="s">
        <v>47</v>
      </c>
      <c r="B131" s="7">
        <v>3963</v>
      </c>
      <c r="C131" s="8">
        <v>4288</v>
      </c>
      <c r="D131" s="9">
        <v>825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2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8</v>
      </c>
      <c r="C5" s="12">
        <v>21</v>
      </c>
      <c r="D5" s="13">
        <v>39</v>
      </c>
    </row>
    <row r="6" spans="1:4" ht="18" customHeight="1" x14ac:dyDescent="0.2">
      <c r="A6" s="14">
        <v>1</v>
      </c>
      <c r="B6" s="15">
        <v>17</v>
      </c>
      <c r="C6" s="16">
        <v>37</v>
      </c>
      <c r="D6" s="17">
        <v>54</v>
      </c>
    </row>
    <row r="7" spans="1:4" ht="18" customHeight="1" x14ac:dyDescent="0.2">
      <c r="A7" s="14">
        <v>2</v>
      </c>
      <c r="B7" s="15">
        <v>21</v>
      </c>
      <c r="C7" s="16">
        <v>21</v>
      </c>
      <c r="D7" s="17">
        <v>42</v>
      </c>
    </row>
    <row r="8" spans="1:4" ht="18" customHeight="1" x14ac:dyDescent="0.2">
      <c r="A8" s="14">
        <v>3</v>
      </c>
      <c r="B8" s="15">
        <v>21</v>
      </c>
      <c r="C8" s="16">
        <v>32</v>
      </c>
      <c r="D8" s="17">
        <v>53</v>
      </c>
    </row>
    <row r="9" spans="1:4" ht="18" customHeight="1" x14ac:dyDescent="0.2">
      <c r="A9" s="14">
        <v>4</v>
      </c>
      <c r="B9" s="15">
        <v>28</v>
      </c>
      <c r="C9" s="16">
        <v>20</v>
      </c>
      <c r="D9" s="17">
        <v>48</v>
      </c>
    </row>
    <row r="10" spans="1:4" ht="18" customHeight="1" x14ac:dyDescent="0.2">
      <c r="A10" s="18" t="s">
        <v>48</v>
      </c>
      <c r="B10" s="15">
        <v>105</v>
      </c>
      <c r="C10" s="16">
        <v>131</v>
      </c>
      <c r="D10" s="17">
        <v>236</v>
      </c>
    </row>
    <row r="11" spans="1:4" ht="18" customHeight="1" x14ac:dyDescent="0.2">
      <c r="A11" s="14">
        <v>5</v>
      </c>
      <c r="B11" s="15">
        <v>34</v>
      </c>
      <c r="C11" s="16">
        <v>27</v>
      </c>
      <c r="D11" s="17">
        <v>61</v>
      </c>
    </row>
    <row r="12" spans="1:4" ht="18" customHeight="1" x14ac:dyDescent="0.2">
      <c r="A12" s="14">
        <v>6</v>
      </c>
      <c r="B12" s="15">
        <v>26</v>
      </c>
      <c r="C12" s="16">
        <v>16</v>
      </c>
      <c r="D12" s="17">
        <v>42</v>
      </c>
    </row>
    <row r="13" spans="1:4" ht="18" customHeight="1" x14ac:dyDescent="0.2">
      <c r="A13" s="14">
        <v>7</v>
      </c>
      <c r="B13" s="15">
        <v>24</v>
      </c>
      <c r="C13" s="16">
        <v>22</v>
      </c>
      <c r="D13" s="17">
        <v>46</v>
      </c>
    </row>
    <row r="14" spans="1:4" ht="18" customHeight="1" x14ac:dyDescent="0.2">
      <c r="A14" s="14">
        <v>8</v>
      </c>
      <c r="B14" s="15">
        <v>23</v>
      </c>
      <c r="C14" s="16">
        <v>20</v>
      </c>
      <c r="D14" s="17">
        <v>43</v>
      </c>
    </row>
    <row r="15" spans="1:4" ht="18" customHeight="1" x14ac:dyDescent="0.2">
      <c r="A15" s="14">
        <v>9</v>
      </c>
      <c r="B15" s="15">
        <v>24</v>
      </c>
      <c r="C15" s="16">
        <v>24</v>
      </c>
      <c r="D15" s="17">
        <v>48</v>
      </c>
    </row>
    <row r="16" spans="1:4" ht="18" customHeight="1" x14ac:dyDescent="0.2">
      <c r="A16" s="18" t="s">
        <v>49</v>
      </c>
      <c r="B16" s="15">
        <v>131</v>
      </c>
      <c r="C16" s="16">
        <v>109</v>
      </c>
      <c r="D16" s="17">
        <v>240</v>
      </c>
    </row>
    <row r="17" spans="1:4" ht="18" customHeight="1" x14ac:dyDescent="0.2">
      <c r="A17" s="14">
        <v>10</v>
      </c>
      <c r="B17" s="15">
        <v>30</v>
      </c>
      <c r="C17" s="16">
        <v>21</v>
      </c>
      <c r="D17" s="17">
        <v>51</v>
      </c>
    </row>
    <row r="18" spans="1:4" ht="18" customHeight="1" x14ac:dyDescent="0.2">
      <c r="A18" s="14">
        <v>11</v>
      </c>
      <c r="B18" s="15">
        <v>24</v>
      </c>
      <c r="C18" s="16">
        <v>23</v>
      </c>
      <c r="D18" s="17">
        <v>47</v>
      </c>
    </row>
    <row r="19" spans="1:4" ht="18" customHeight="1" x14ac:dyDescent="0.2">
      <c r="A19" s="14">
        <v>12</v>
      </c>
      <c r="B19" s="15">
        <v>30</v>
      </c>
      <c r="C19" s="16">
        <v>35</v>
      </c>
      <c r="D19" s="17">
        <v>65</v>
      </c>
    </row>
    <row r="20" spans="1:4" ht="18" customHeight="1" x14ac:dyDescent="0.2">
      <c r="A20" s="14">
        <v>13</v>
      </c>
      <c r="B20" s="15">
        <v>21</v>
      </c>
      <c r="C20" s="16">
        <v>19</v>
      </c>
      <c r="D20" s="17">
        <v>40</v>
      </c>
    </row>
    <row r="21" spans="1:4" ht="18" customHeight="1" x14ac:dyDescent="0.2">
      <c r="A21" s="14">
        <v>14</v>
      </c>
      <c r="B21" s="15">
        <v>35</v>
      </c>
      <c r="C21" s="16">
        <v>26</v>
      </c>
      <c r="D21" s="17">
        <v>61</v>
      </c>
    </row>
    <row r="22" spans="1:4" ht="18" customHeight="1" x14ac:dyDescent="0.2">
      <c r="A22" s="18" t="s">
        <v>50</v>
      </c>
      <c r="B22" s="15">
        <v>140</v>
      </c>
      <c r="C22" s="16">
        <v>124</v>
      </c>
      <c r="D22" s="17">
        <v>264</v>
      </c>
    </row>
    <row r="23" spans="1:4" ht="18" customHeight="1" x14ac:dyDescent="0.2">
      <c r="A23" s="18" t="s">
        <v>51</v>
      </c>
      <c r="B23" s="15">
        <v>376</v>
      </c>
      <c r="C23" s="16">
        <v>364</v>
      </c>
      <c r="D23" s="17">
        <v>740</v>
      </c>
    </row>
    <row r="24" spans="1:4" ht="18" customHeight="1" x14ac:dyDescent="0.2">
      <c r="A24" s="14">
        <v>15</v>
      </c>
      <c r="B24" s="15">
        <v>34</v>
      </c>
      <c r="C24" s="16">
        <v>24</v>
      </c>
      <c r="D24" s="17">
        <v>58</v>
      </c>
    </row>
    <row r="25" spans="1:4" ht="18" customHeight="1" x14ac:dyDescent="0.2">
      <c r="A25" s="14">
        <v>16</v>
      </c>
      <c r="B25" s="15">
        <v>28</v>
      </c>
      <c r="C25" s="16">
        <v>28</v>
      </c>
      <c r="D25" s="17">
        <v>56</v>
      </c>
    </row>
    <row r="26" spans="1:4" ht="18" customHeight="1" x14ac:dyDescent="0.2">
      <c r="A26" s="14">
        <v>17</v>
      </c>
      <c r="B26" s="15">
        <v>27</v>
      </c>
      <c r="C26" s="16">
        <v>24</v>
      </c>
      <c r="D26" s="17">
        <v>51</v>
      </c>
    </row>
    <row r="27" spans="1:4" ht="18" customHeight="1" x14ac:dyDescent="0.2">
      <c r="A27" s="14">
        <v>18</v>
      </c>
      <c r="B27" s="15">
        <v>30</v>
      </c>
      <c r="C27" s="16">
        <v>30</v>
      </c>
      <c r="D27" s="17">
        <v>60</v>
      </c>
    </row>
    <row r="28" spans="1:4" ht="18" customHeight="1" x14ac:dyDescent="0.2">
      <c r="A28" s="14">
        <v>19</v>
      </c>
      <c r="B28" s="15">
        <v>32</v>
      </c>
      <c r="C28" s="16">
        <v>40</v>
      </c>
      <c r="D28" s="17">
        <v>72</v>
      </c>
    </row>
    <row r="29" spans="1:4" ht="18" customHeight="1" x14ac:dyDescent="0.2">
      <c r="A29" s="18" t="s">
        <v>52</v>
      </c>
      <c r="B29" s="15">
        <v>151</v>
      </c>
      <c r="C29" s="16">
        <v>146</v>
      </c>
      <c r="D29" s="17">
        <v>297</v>
      </c>
    </row>
    <row r="30" spans="1:4" ht="18" customHeight="1" x14ac:dyDescent="0.2">
      <c r="A30" s="14">
        <v>20</v>
      </c>
      <c r="B30" s="15">
        <v>37</v>
      </c>
      <c r="C30" s="16">
        <v>25</v>
      </c>
      <c r="D30" s="17">
        <v>62</v>
      </c>
    </row>
    <row r="31" spans="1:4" ht="18" customHeight="1" x14ac:dyDescent="0.2">
      <c r="A31" s="14">
        <v>21</v>
      </c>
      <c r="B31" s="15">
        <v>43</v>
      </c>
      <c r="C31" s="16">
        <v>18</v>
      </c>
      <c r="D31" s="17">
        <v>61</v>
      </c>
    </row>
    <row r="32" spans="1:4" ht="18" customHeight="1" x14ac:dyDescent="0.2">
      <c r="A32" s="14">
        <v>22</v>
      </c>
      <c r="B32" s="15">
        <v>34</v>
      </c>
      <c r="C32" s="16">
        <v>28</v>
      </c>
      <c r="D32" s="17">
        <v>62</v>
      </c>
    </row>
    <row r="33" spans="1:4" ht="18" customHeight="1" x14ac:dyDescent="0.2">
      <c r="A33" s="14">
        <v>23</v>
      </c>
      <c r="B33" s="15">
        <v>24</v>
      </c>
      <c r="C33" s="16">
        <v>24</v>
      </c>
      <c r="D33" s="17">
        <v>48</v>
      </c>
    </row>
    <row r="34" spans="1:4" ht="18" customHeight="1" x14ac:dyDescent="0.2">
      <c r="A34" s="14">
        <v>24</v>
      </c>
      <c r="B34" s="15">
        <v>28</v>
      </c>
      <c r="C34" s="16">
        <v>26</v>
      </c>
      <c r="D34" s="17">
        <v>54</v>
      </c>
    </row>
    <row r="35" spans="1:4" ht="18" customHeight="1" x14ac:dyDescent="0.2">
      <c r="A35" s="18" t="s">
        <v>53</v>
      </c>
      <c r="B35" s="15">
        <v>166</v>
      </c>
      <c r="C35" s="16">
        <v>121</v>
      </c>
      <c r="D35" s="17">
        <v>287</v>
      </c>
    </row>
    <row r="36" spans="1:4" ht="18" customHeight="1" x14ac:dyDescent="0.2">
      <c r="A36" s="14">
        <v>25</v>
      </c>
      <c r="B36" s="15">
        <v>21</v>
      </c>
      <c r="C36" s="16">
        <v>19</v>
      </c>
      <c r="D36" s="17">
        <v>40</v>
      </c>
    </row>
    <row r="37" spans="1:4" ht="18" customHeight="1" x14ac:dyDescent="0.2">
      <c r="A37" s="14">
        <v>26</v>
      </c>
      <c r="B37" s="15">
        <v>23</v>
      </c>
      <c r="C37" s="16">
        <v>23</v>
      </c>
      <c r="D37" s="17">
        <v>46</v>
      </c>
    </row>
    <row r="38" spans="1:4" ht="18" customHeight="1" x14ac:dyDescent="0.2">
      <c r="A38" s="14">
        <v>27</v>
      </c>
      <c r="B38" s="15">
        <v>20</v>
      </c>
      <c r="C38" s="16">
        <v>23</v>
      </c>
      <c r="D38" s="17">
        <v>43</v>
      </c>
    </row>
    <row r="39" spans="1:4" ht="18" customHeight="1" x14ac:dyDescent="0.2">
      <c r="A39" s="14">
        <v>28</v>
      </c>
      <c r="B39" s="15">
        <v>24</v>
      </c>
      <c r="C39" s="16">
        <v>21</v>
      </c>
      <c r="D39" s="17">
        <v>45</v>
      </c>
    </row>
    <row r="40" spans="1:4" ht="18" customHeight="1" x14ac:dyDescent="0.2">
      <c r="A40" s="14">
        <v>29</v>
      </c>
      <c r="B40" s="15">
        <v>31</v>
      </c>
      <c r="C40" s="16">
        <v>27</v>
      </c>
      <c r="D40" s="17">
        <v>58</v>
      </c>
    </row>
    <row r="41" spans="1:4" ht="18" customHeight="1" x14ac:dyDescent="0.2">
      <c r="A41" s="18" t="s">
        <v>54</v>
      </c>
      <c r="B41" s="15">
        <v>119</v>
      </c>
      <c r="C41" s="16">
        <v>113</v>
      </c>
      <c r="D41" s="17">
        <v>232</v>
      </c>
    </row>
    <row r="42" spans="1:4" ht="18" customHeight="1" x14ac:dyDescent="0.2">
      <c r="A42" s="14">
        <v>30</v>
      </c>
      <c r="B42" s="15">
        <v>33</v>
      </c>
      <c r="C42" s="16">
        <v>29</v>
      </c>
      <c r="D42" s="17">
        <v>62</v>
      </c>
    </row>
    <row r="43" spans="1:4" ht="18" customHeight="1" x14ac:dyDescent="0.2">
      <c r="A43" s="14">
        <v>31</v>
      </c>
      <c r="B43" s="15">
        <v>21</v>
      </c>
      <c r="C43" s="16">
        <v>26</v>
      </c>
      <c r="D43" s="17">
        <v>47</v>
      </c>
    </row>
    <row r="44" spans="1:4" ht="18" customHeight="1" x14ac:dyDescent="0.2">
      <c r="A44" s="14">
        <v>32</v>
      </c>
      <c r="B44" s="15">
        <v>29</v>
      </c>
      <c r="C44" s="16">
        <v>31</v>
      </c>
      <c r="D44" s="17">
        <v>60</v>
      </c>
    </row>
    <row r="45" spans="1:4" ht="18" customHeight="1" x14ac:dyDescent="0.2">
      <c r="A45" s="14">
        <v>33</v>
      </c>
      <c r="B45" s="15">
        <v>33</v>
      </c>
      <c r="C45" s="16">
        <v>28</v>
      </c>
      <c r="D45" s="17">
        <v>61</v>
      </c>
    </row>
    <row r="46" spans="1:4" ht="18" customHeight="1" x14ac:dyDescent="0.2">
      <c r="A46" s="14">
        <v>34</v>
      </c>
      <c r="B46" s="15">
        <v>24</v>
      </c>
      <c r="C46" s="16">
        <v>27</v>
      </c>
      <c r="D46" s="17">
        <v>51</v>
      </c>
    </row>
    <row r="47" spans="1:4" ht="18" customHeight="1" x14ac:dyDescent="0.2">
      <c r="A47" s="18" t="s">
        <v>55</v>
      </c>
      <c r="B47" s="15">
        <v>140</v>
      </c>
      <c r="C47" s="16">
        <v>141</v>
      </c>
      <c r="D47" s="17">
        <v>281</v>
      </c>
    </row>
    <row r="48" spans="1:4" ht="18" customHeight="1" x14ac:dyDescent="0.2">
      <c r="A48" s="14">
        <v>35</v>
      </c>
      <c r="B48" s="15">
        <v>23</v>
      </c>
      <c r="C48" s="16">
        <v>31</v>
      </c>
      <c r="D48" s="17">
        <v>54</v>
      </c>
    </row>
    <row r="49" spans="1:4" ht="18" customHeight="1" x14ac:dyDescent="0.2">
      <c r="A49" s="14">
        <v>36</v>
      </c>
      <c r="B49" s="15">
        <v>31</v>
      </c>
      <c r="C49" s="16">
        <v>28</v>
      </c>
      <c r="D49" s="17">
        <v>59</v>
      </c>
    </row>
    <row r="50" spans="1:4" ht="18" customHeight="1" x14ac:dyDescent="0.2">
      <c r="A50" s="14">
        <v>37</v>
      </c>
      <c r="B50" s="15">
        <v>31</v>
      </c>
      <c r="C50" s="16">
        <v>39</v>
      </c>
      <c r="D50" s="17">
        <v>70</v>
      </c>
    </row>
    <row r="51" spans="1:4" ht="18" customHeight="1" x14ac:dyDescent="0.2">
      <c r="A51" s="14">
        <v>38</v>
      </c>
      <c r="B51" s="15">
        <v>31</v>
      </c>
      <c r="C51" s="16">
        <v>32</v>
      </c>
      <c r="D51" s="17">
        <v>63</v>
      </c>
    </row>
    <row r="52" spans="1:4" ht="18" customHeight="1" x14ac:dyDescent="0.2">
      <c r="A52" s="14">
        <v>39</v>
      </c>
      <c r="B52" s="15">
        <v>23</v>
      </c>
      <c r="C52" s="16">
        <v>33</v>
      </c>
      <c r="D52" s="17">
        <v>56</v>
      </c>
    </row>
    <row r="53" spans="1:4" ht="18" customHeight="1" x14ac:dyDescent="0.2">
      <c r="A53" s="18" t="s">
        <v>56</v>
      </c>
      <c r="B53" s="15">
        <v>139</v>
      </c>
      <c r="C53" s="16">
        <v>163</v>
      </c>
      <c r="D53" s="17">
        <v>302</v>
      </c>
    </row>
    <row r="54" spans="1:4" ht="18" customHeight="1" x14ac:dyDescent="0.2">
      <c r="A54" s="14">
        <v>40</v>
      </c>
      <c r="B54" s="15">
        <v>34</v>
      </c>
      <c r="C54" s="16">
        <v>27</v>
      </c>
      <c r="D54" s="17">
        <v>61</v>
      </c>
    </row>
    <row r="55" spans="1:4" ht="18" customHeight="1" x14ac:dyDescent="0.2">
      <c r="A55" s="14">
        <v>41</v>
      </c>
      <c r="B55" s="15">
        <v>38</v>
      </c>
      <c r="C55" s="16">
        <v>33</v>
      </c>
      <c r="D55" s="17">
        <v>71</v>
      </c>
    </row>
    <row r="56" spans="1:4" ht="18" customHeight="1" x14ac:dyDescent="0.2">
      <c r="A56" s="14">
        <v>42</v>
      </c>
      <c r="B56" s="15">
        <v>27</v>
      </c>
      <c r="C56" s="16">
        <v>43</v>
      </c>
      <c r="D56" s="17">
        <v>70</v>
      </c>
    </row>
    <row r="57" spans="1:4" ht="18" customHeight="1" x14ac:dyDescent="0.2">
      <c r="A57" s="14">
        <v>43</v>
      </c>
      <c r="B57" s="15">
        <v>52</v>
      </c>
      <c r="C57" s="16">
        <v>36</v>
      </c>
      <c r="D57" s="17">
        <v>88</v>
      </c>
    </row>
    <row r="58" spans="1:4" ht="18" customHeight="1" x14ac:dyDescent="0.2">
      <c r="A58" s="14">
        <v>44</v>
      </c>
      <c r="B58" s="15">
        <v>47</v>
      </c>
      <c r="C58" s="16">
        <v>40</v>
      </c>
      <c r="D58" s="17">
        <v>87</v>
      </c>
    </row>
    <row r="59" spans="1:4" ht="18" customHeight="1" x14ac:dyDescent="0.2">
      <c r="A59" s="18" t="s">
        <v>57</v>
      </c>
      <c r="B59" s="15">
        <v>198</v>
      </c>
      <c r="C59" s="16">
        <v>179</v>
      </c>
      <c r="D59" s="17">
        <v>377</v>
      </c>
    </row>
    <row r="60" spans="1:4" ht="18" customHeight="1" x14ac:dyDescent="0.2">
      <c r="A60" s="14">
        <v>45</v>
      </c>
      <c r="B60" s="15">
        <v>49</v>
      </c>
      <c r="C60" s="16">
        <v>37</v>
      </c>
      <c r="D60" s="17">
        <v>86</v>
      </c>
    </row>
    <row r="61" spans="1:4" ht="18" customHeight="1" x14ac:dyDescent="0.2">
      <c r="A61" s="14">
        <v>46</v>
      </c>
      <c r="B61" s="15">
        <v>39</v>
      </c>
      <c r="C61" s="16">
        <v>52</v>
      </c>
      <c r="D61" s="17">
        <v>91</v>
      </c>
    </row>
    <row r="62" spans="1:4" ht="18" customHeight="1" x14ac:dyDescent="0.2">
      <c r="A62" s="14">
        <v>47</v>
      </c>
      <c r="B62" s="15">
        <v>52</v>
      </c>
      <c r="C62" s="16">
        <v>64</v>
      </c>
      <c r="D62" s="17">
        <v>116</v>
      </c>
    </row>
    <row r="63" spans="1:4" ht="18" customHeight="1" x14ac:dyDescent="0.2">
      <c r="A63" s="14">
        <v>48</v>
      </c>
      <c r="B63" s="15">
        <v>39</v>
      </c>
      <c r="C63" s="16">
        <v>39</v>
      </c>
      <c r="D63" s="17">
        <v>78</v>
      </c>
    </row>
    <row r="64" spans="1:4" ht="18" customHeight="1" x14ac:dyDescent="0.2">
      <c r="A64" s="14">
        <v>49</v>
      </c>
      <c r="B64" s="15">
        <v>47</v>
      </c>
      <c r="C64" s="16">
        <v>41</v>
      </c>
      <c r="D64" s="17">
        <v>88</v>
      </c>
    </row>
    <row r="65" spans="1:4" ht="18" customHeight="1" x14ac:dyDescent="0.2">
      <c r="A65" s="18" t="s">
        <v>58</v>
      </c>
      <c r="B65" s="15">
        <v>226</v>
      </c>
      <c r="C65" s="16">
        <v>233</v>
      </c>
      <c r="D65" s="17">
        <v>459</v>
      </c>
    </row>
    <row r="66" spans="1:4" ht="18" customHeight="1" x14ac:dyDescent="0.2">
      <c r="A66" s="14">
        <v>50</v>
      </c>
      <c r="B66" s="15">
        <v>41</v>
      </c>
      <c r="C66" s="16">
        <v>38</v>
      </c>
      <c r="D66" s="17">
        <v>79</v>
      </c>
    </row>
    <row r="67" spans="1:4" ht="18" customHeight="1" x14ac:dyDescent="0.2">
      <c r="A67" s="14">
        <v>51</v>
      </c>
      <c r="B67" s="15">
        <v>39</v>
      </c>
      <c r="C67" s="16">
        <v>34</v>
      </c>
      <c r="D67" s="17">
        <v>73</v>
      </c>
    </row>
    <row r="68" spans="1:4" ht="18" customHeight="1" x14ac:dyDescent="0.2">
      <c r="A68" s="14">
        <v>52</v>
      </c>
      <c r="B68" s="15">
        <v>43</v>
      </c>
      <c r="C68" s="16">
        <v>47</v>
      </c>
      <c r="D68" s="17">
        <v>90</v>
      </c>
    </row>
    <row r="69" spans="1:4" ht="18" customHeight="1" x14ac:dyDescent="0.2">
      <c r="A69" s="14">
        <v>53</v>
      </c>
      <c r="B69" s="15">
        <v>37</v>
      </c>
      <c r="C69" s="16">
        <v>28</v>
      </c>
      <c r="D69" s="17">
        <v>65</v>
      </c>
    </row>
    <row r="70" spans="1:4" ht="18" customHeight="1" x14ac:dyDescent="0.2">
      <c r="A70" s="14">
        <v>54</v>
      </c>
      <c r="B70" s="15">
        <v>39</v>
      </c>
      <c r="C70" s="16">
        <v>38</v>
      </c>
      <c r="D70" s="17">
        <v>77</v>
      </c>
    </row>
    <row r="71" spans="1:4" ht="18" customHeight="1" x14ac:dyDescent="0.2">
      <c r="A71" s="18" t="s">
        <v>59</v>
      </c>
      <c r="B71" s="15">
        <v>199</v>
      </c>
      <c r="C71" s="16">
        <v>185</v>
      </c>
      <c r="D71" s="17">
        <v>384</v>
      </c>
    </row>
    <row r="72" spans="1:4" ht="18" customHeight="1" x14ac:dyDescent="0.2">
      <c r="A72" s="14">
        <v>55</v>
      </c>
      <c r="B72" s="15">
        <v>36</v>
      </c>
      <c r="C72" s="16">
        <v>40</v>
      </c>
      <c r="D72" s="17">
        <v>76</v>
      </c>
    </row>
    <row r="73" spans="1:4" ht="18" customHeight="1" x14ac:dyDescent="0.2">
      <c r="A73" s="14">
        <v>56</v>
      </c>
      <c r="B73" s="15">
        <v>32</v>
      </c>
      <c r="C73" s="16">
        <v>38</v>
      </c>
      <c r="D73" s="17">
        <v>70</v>
      </c>
    </row>
    <row r="74" spans="1:4" ht="18" customHeight="1" x14ac:dyDescent="0.2">
      <c r="A74" s="14">
        <v>57</v>
      </c>
      <c r="B74" s="15">
        <v>39</v>
      </c>
      <c r="C74" s="16">
        <v>24</v>
      </c>
      <c r="D74" s="17">
        <v>63</v>
      </c>
    </row>
    <row r="75" spans="1:4" ht="18" customHeight="1" x14ac:dyDescent="0.2">
      <c r="A75" s="14">
        <v>58</v>
      </c>
      <c r="B75" s="15">
        <v>43</v>
      </c>
      <c r="C75" s="16">
        <v>33</v>
      </c>
      <c r="D75" s="17">
        <v>76</v>
      </c>
    </row>
    <row r="76" spans="1:4" ht="18" customHeight="1" x14ac:dyDescent="0.2">
      <c r="A76" s="14">
        <v>59</v>
      </c>
      <c r="B76" s="15">
        <v>45</v>
      </c>
      <c r="C76" s="16">
        <v>37</v>
      </c>
      <c r="D76" s="17">
        <v>82</v>
      </c>
    </row>
    <row r="77" spans="1:4" ht="18" customHeight="1" x14ac:dyDescent="0.2">
      <c r="A77" s="18" t="s">
        <v>60</v>
      </c>
      <c r="B77" s="15">
        <v>195</v>
      </c>
      <c r="C77" s="16">
        <v>172</v>
      </c>
      <c r="D77" s="17">
        <v>367</v>
      </c>
    </row>
    <row r="78" spans="1:4" ht="18" customHeight="1" x14ac:dyDescent="0.2">
      <c r="A78" s="14">
        <v>60</v>
      </c>
      <c r="B78" s="15">
        <v>38</v>
      </c>
      <c r="C78" s="16">
        <v>32</v>
      </c>
      <c r="D78" s="17">
        <v>70</v>
      </c>
    </row>
    <row r="79" spans="1:4" ht="18" customHeight="1" x14ac:dyDescent="0.2">
      <c r="A79" s="14">
        <v>61</v>
      </c>
      <c r="B79" s="15">
        <v>28</v>
      </c>
      <c r="C79" s="16">
        <v>36</v>
      </c>
      <c r="D79" s="17">
        <v>64</v>
      </c>
    </row>
    <row r="80" spans="1:4" ht="18" customHeight="1" x14ac:dyDescent="0.2">
      <c r="A80" s="14">
        <v>62</v>
      </c>
      <c r="B80" s="15">
        <v>31</v>
      </c>
      <c r="C80" s="16">
        <v>31</v>
      </c>
      <c r="D80" s="17">
        <v>62</v>
      </c>
    </row>
    <row r="81" spans="1:4" ht="18" customHeight="1" x14ac:dyDescent="0.2">
      <c r="A81" s="14">
        <v>63</v>
      </c>
      <c r="B81" s="15">
        <v>22</v>
      </c>
      <c r="C81" s="16">
        <v>37</v>
      </c>
      <c r="D81" s="17">
        <v>59</v>
      </c>
    </row>
    <row r="82" spans="1:4" ht="18" customHeight="1" x14ac:dyDescent="0.2">
      <c r="A82" s="14">
        <v>64</v>
      </c>
      <c r="B82" s="15">
        <v>29</v>
      </c>
      <c r="C82" s="16">
        <v>36</v>
      </c>
      <c r="D82" s="17">
        <v>65</v>
      </c>
    </row>
    <row r="83" spans="1:4" ht="18" customHeight="1" x14ac:dyDescent="0.2">
      <c r="A83" s="18" t="s">
        <v>61</v>
      </c>
      <c r="B83" s="15">
        <v>148</v>
      </c>
      <c r="C83" s="16">
        <v>172</v>
      </c>
      <c r="D83" s="17">
        <v>320</v>
      </c>
    </row>
    <row r="84" spans="1:4" ht="18" customHeight="1" x14ac:dyDescent="0.2">
      <c r="A84" s="18" t="s">
        <v>62</v>
      </c>
      <c r="B84" s="15">
        <v>1681</v>
      </c>
      <c r="C84" s="16">
        <v>1625</v>
      </c>
      <c r="D84" s="17">
        <v>3306</v>
      </c>
    </row>
    <row r="85" spans="1:4" ht="18" customHeight="1" x14ac:dyDescent="0.2">
      <c r="A85" s="14">
        <v>65</v>
      </c>
      <c r="B85" s="15">
        <v>43</v>
      </c>
      <c r="C85" s="16">
        <v>39</v>
      </c>
      <c r="D85" s="17">
        <v>82</v>
      </c>
    </row>
    <row r="86" spans="1:4" ht="18" customHeight="1" x14ac:dyDescent="0.2">
      <c r="A86" s="14">
        <v>66</v>
      </c>
      <c r="B86" s="15">
        <v>34</v>
      </c>
      <c r="C86" s="16">
        <v>24</v>
      </c>
      <c r="D86" s="17">
        <v>58</v>
      </c>
    </row>
    <row r="87" spans="1:4" ht="18" customHeight="1" x14ac:dyDescent="0.2">
      <c r="A87" s="14">
        <v>67</v>
      </c>
      <c r="B87" s="15">
        <v>34</v>
      </c>
      <c r="C87" s="16">
        <v>42</v>
      </c>
      <c r="D87" s="17">
        <v>76</v>
      </c>
    </row>
    <row r="88" spans="1:4" ht="18" customHeight="1" x14ac:dyDescent="0.2">
      <c r="A88" s="14">
        <v>68</v>
      </c>
      <c r="B88" s="15">
        <v>37</v>
      </c>
      <c r="C88" s="16">
        <v>34</v>
      </c>
      <c r="D88" s="17">
        <v>71</v>
      </c>
    </row>
    <row r="89" spans="1:4" ht="18" customHeight="1" x14ac:dyDescent="0.2">
      <c r="A89" s="14">
        <v>69</v>
      </c>
      <c r="B89" s="15">
        <v>32</v>
      </c>
      <c r="C89" s="16">
        <v>42</v>
      </c>
      <c r="D89" s="17">
        <v>74</v>
      </c>
    </row>
    <row r="90" spans="1:4" ht="18" customHeight="1" x14ac:dyDescent="0.2">
      <c r="A90" s="18" t="s">
        <v>63</v>
      </c>
      <c r="B90" s="15">
        <v>180</v>
      </c>
      <c r="C90" s="16">
        <v>181</v>
      </c>
      <c r="D90" s="17">
        <v>361</v>
      </c>
    </row>
    <row r="91" spans="1:4" ht="18" customHeight="1" x14ac:dyDescent="0.2">
      <c r="A91" s="14">
        <v>70</v>
      </c>
      <c r="B91" s="15">
        <v>38</v>
      </c>
      <c r="C91" s="16">
        <v>38</v>
      </c>
      <c r="D91" s="17">
        <v>76</v>
      </c>
    </row>
    <row r="92" spans="1:4" ht="18" customHeight="1" x14ac:dyDescent="0.2">
      <c r="A92" s="14">
        <v>71</v>
      </c>
      <c r="B92" s="15">
        <v>38</v>
      </c>
      <c r="C92" s="16">
        <v>51</v>
      </c>
      <c r="D92" s="17">
        <v>89</v>
      </c>
    </row>
    <row r="93" spans="1:4" ht="18" customHeight="1" x14ac:dyDescent="0.2">
      <c r="A93" s="14">
        <v>72</v>
      </c>
      <c r="B93" s="15">
        <v>41</v>
      </c>
      <c r="C93" s="16">
        <v>49</v>
      </c>
      <c r="D93" s="17">
        <v>90</v>
      </c>
    </row>
    <row r="94" spans="1:4" ht="18" customHeight="1" x14ac:dyDescent="0.2">
      <c r="A94" s="14">
        <v>73</v>
      </c>
      <c r="B94" s="15">
        <v>36</v>
      </c>
      <c r="C94" s="16">
        <v>47</v>
      </c>
      <c r="D94" s="17">
        <v>83</v>
      </c>
    </row>
    <row r="95" spans="1:4" ht="18" customHeight="1" x14ac:dyDescent="0.2">
      <c r="A95" s="14">
        <v>74</v>
      </c>
      <c r="B95" s="15">
        <v>19</v>
      </c>
      <c r="C95" s="16">
        <v>22</v>
      </c>
      <c r="D95" s="17">
        <v>41</v>
      </c>
    </row>
    <row r="96" spans="1:4" ht="18" customHeight="1" x14ac:dyDescent="0.2">
      <c r="A96" s="18" t="s">
        <v>64</v>
      </c>
      <c r="B96" s="15">
        <v>172</v>
      </c>
      <c r="C96" s="16">
        <v>207</v>
      </c>
      <c r="D96" s="17">
        <v>379</v>
      </c>
    </row>
    <row r="97" spans="1:4" ht="18" customHeight="1" x14ac:dyDescent="0.2">
      <c r="A97" s="14">
        <v>75</v>
      </c>
      <c r="B97" s="15">
        <v>28</v>
      </c>
      <c r="C97" s="16">
        <v>34</v>
      </c>
      <c r="D97" s="17">
        <v>62</v>
      </c>
    </row>
    <row r="98" spans="1:4" ht="18" customHeight="1" x14ac:dyDescent="0.2">
      <c r="A98" s="14">
        <v>76</v>
      </c>
      <c r="B98" s="15">
        <v>32</v>
      </c>
      <c r="C98" s="16">
        <v>37</v>
      </c>
      <c r="D98" s="17">
        <v>69</v>
      </c>
    </row>
    <row r="99" spans="1:4" ht="18" customHeight="1" x14ac:dyDescent="0.2">
      <c r="A99" s="14">
        <v>77</v>
      </c>
      <c r="B99" s="15">
        <v>35</v>
      </c>
      <c r="C99" s="16">
        <v>40</v>
      </c>
      <c r="D99" s="17">
        <v>75</v>
      </c>
    </row>
    <row r="100" spans="1:4" ht="18" customHeight="1" x14ac:dyDescent="0.2">
      <c r="A100" s="14">
        <v>78</v>
      </c>
      <c r="B100" s="15">
        <v>31</v>
      </c>
      <c r="C100" s="16">
        <v>30</v>
      </c>
      <c r="D100" s="17">
        <v>61</v>
      </c>
    </row>
    <row r="101" spans="1:4" ht="18" customHeight="1" x14ac:dyDescent="0.2">
      <c r="A101" s="14">
        <v>79</v>
      </c>
      <c r="B101" s="15">
        <v>27</v>
      </c>
      <c r="C101" s="16">
        <v>34</v>
      </c>
      <c r="D101" s="17">
        <v>61</v>
      </c>
    </row>
    <row r="102" spans="1:4" ht="18" customHeight="1" x14ac:dyDescent="0.2">
      <c r="A102" s="18" t="s">
        <v>65</v>
      </c>
      <c r="B102" s="15">
        <v>153</v>
      </c>
      <c r="C102" s="16">
        <v>175</v>
      </c>
      <c r="D102" s="17">
        <v>328</v>
      </c>
    </row>
    <row r="103" spans="1:4" ht="18" customHeight="1" x14ac:dyDescent="0.2">
      <c r="A103" s="14">
        <v>80</v>
      </c>
      <c r="B103" s="15">
        <v>21</v>
      </c>
      <c r="C103" s="16">
        <v>35</v>
      </c>
      <c r="D103" s="17">
        <v>56</v>
      </c>
    </row>
    <row r="104" spans="1:4" ht="18" customHeight="1" x14ac:dyDescent="0.2">
      <c r="A104" s="14">
        <v>81</v>
      </c>
      <c r="B104" s="15">
        <v>13</v>
      </c>
      <c r="C104" s="16">
        <v>21</v>
      </c>
      <c r="D104" s="17">
        <v>34</v>
      </c>
    </row>
    <row r="105" spans="1:4" ht="18" customHeight="1" x14ac:dyDescent="0.2">
      <c r="A105" s="14">
        <v>82</v>
      </c>
      <c r="B105" s="15">
        <v>13</v>
      </c>
      <c r="C105" s="16">
        <v>30</v>
      </c>
      <c r="D105" s="17">
        <v>43</v>
      </c>
    </row>
    <row r="106" spans="1:4" ht="18" customHeight="1" x14ac:dyDescent="0.2">
      <c r="A106" s="14">
        <v>83</v>
      </c>
      <c r="B106" s="15">
        <v>18</v>
      </c>
      <c r="C106" s="16">
        <v>28</v>
      </c>
      <c r="D106" s="17">
        <v>46</v>
      </c>
    </row>
    <row r="107" spans="1:4" ht="18" customHeight="1" x14ac:dyDescent="0.2">
      <c r="A107" s="14">
        <v>84</v>
      </c>
      <c r="B107" s="15">
        <v>16</v>
      </c>
      <c r="C107" s="16">
        <v>36</v>
      </c>
      <c r="D107" s="17">
        <v>52</v>
      </c>
    </row>
    <row r="108" spans="1:4" ht="18" customHeight="1" x14ac:dyDescent="0.2">
      <c r="A108" s="18" t="s">
        <v>66</v>
      </c>
      <c r="B108" s="15">
        <v>81</v>
      </c>
      <c r="C108" s="16">
        <v>150</v>
      </c>
      <c r="D108" s="17">
        <v>231</v>
      </c>
    </row>
    <row r="109" spans="1:4" ht="18" customHeight="1" x14ac:dyDescent="0.2">
      <c r="A109" s="14">
        <v>85</v>
      </c>
      <c r="B109" s="15">
        <v>5</v>
      </c>
      <c r="C109" s="16">
        <v>22</v>
      </c>
      <c r="D109" s="17">
        <v>27</v>
      </c>
    </row>
    <row r="110" spans="1:4" ht="18" customHeight="1" x14ac:dyDescent="0.2">
      <c r="A110" s="14">
        <v>86</v>
      </c>
      <c r="B110" s="15">
        <v>15</v>
      </c>
      <c r="C110" s="16">
        <v>34</v>
      </c>
      <c r="D110" s="17">
        <v>49</v>
      </c>
    </row>
    <row r="111" spans="1:4" ht="18" customHeight="1" x14ac:dyDescent="0.2">
      <c r="A111" s="14">
        <v>87</v>
      </c>
      <c r="B111" s="15">
        <v>16</v>
      </c>
      <c r="C111" s="16">
        <v>26</v>
      </c>
      <c r="D111" s="17">
        <v>42</v>
      </c>
    </row>
    <row r="112" spans="1:4" ht="18" customHeight="1" x14ac:dyDescent="0.2">
      <c r="A112" s="14">
        <v>88</v>
      </c>
      <c r="B112" s="15">
        <v>11</v>
      </c>
      <c r="C112" s="16">
        <v>26</v>
      </c>
      <c r="D112" s="17">
        <v>37</v>
      </c>
    </row>
    <row r="113" spans="1:4" ht="18" customHeight="1" x14ac:dyDescent="0.2">
      <c r="A113" s="14">
        <v>89</v>
      </c>
      <c r="B113" s="15">
        <v>15</v>
      </c>
      <c r="C113" s="16">
        <v>18</v>
      </c>
      <c r="D113" s="17">
        <v>33</v>
      </c>
    </row>
    <row r="114" spans="1:4" ht="18" customHeight="1" x14ac:dyDescent="0.2">
      <c r="A114" s="18" t="s">
        <v>67</v>
      </c>
      <c r="B114" s="15">
        <v>62</v>
      </c>
      <c r="C114" s="16">
        <v>126</v>
      </c>
      <c r="D114" s="17">
        <v>188</v>
      </c>
    </row>
    <row r="115" spans="1:4" ht="18" customHeight="1" x14ac:dyDescent="0.2">
      <c r="A115" s="14">
        <v>90</v>
      </c>
      <c r="B115" s="15">
        <v>6</v>
      </c>
      <c r="C115" s="16">
        <v>17</v>
      </c>
      <c r="D115" s="17">
        <v>23</v>
      </c>
    </row>
    <row r="116" spans="1:4" ht="18" customHeight="1" x14ac:dyDescent="0.2">
      <c r="A116" s="14">
        <v>91</v>
      </c>
      <c r="B116" s="15">
        <v>5</v>
      </c>
      <c r="C116" s="16">
        <v>11</v>
      </c>
      <c r="D116" s="17">
        <v>16</v>
      </c>
    </row>
    <row r="117" spans="1:4" ht="18" customHeight="1" x14ac:dyDescent="0.2">
      <c r="A117" s="14">
        <v>92</v>
      </c>
      <c r="B117" s="15">
        <v>4</v>
      </c>
      <c r="C117" s="16">
        <v>14</v>
      </c>
      <c r="D117" s="17">
        <v>18</v>
      </c>
    </row>
    <row r="118" spans="1:4" ht="18" customHeight="1" x14ac:dyDescent="0.2">
      <c r="A118" s="14">
        <v>93</v>
      </c>
      <c r="B118" s="15">
        <v>3</v>
      </c>
      <c r="C118" s="16">
        <v>11</v>
      </c>
      <c r="D118" s="17">
        <v>14</v>
      </c>
    </row>
    <row r="119" spans="1:4" ht="18" customHeight="1" x14ac:dyDescent="0.2">
      <c r="A119" s="14">
        <v>94</v>
      </c>
      <c r="B119" s="15">
        <v>3</v>
      </c>
      <c r="C119" s="16">
        <v>9</v>
      </c>
      <c r="D119" s="17">
        <v>12</v>
      </c>
    </row>
    <row r="120" spans="1:4" ht="18" customHeight="1" x14ac:dyDescent="0.2">
      <c r="A120" s="18" t="s">
        <v>68</v>
      </c>
      <c r="B120" s="15">
        <v>21</v>
      </c>
      <c r="C120" s="16">
        <v>62</v>
      </c>
      <c r="D120" s="17">
        <v>83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21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670</v>
      </c>
      <c r="C130" s="5">
        <v>924</v>
      </c>
      <c r="D130" s="6">
        <v>1594</v>
      </c>
    </row>
    <row r="131" spans="1:4" ht="18" customHeight="1" x14ac:dyDescent="0.2">
      <c r="A131" s="20" t="s">
        <v>47</v>
      </c>
      <c r="B131" s="7">
        <v>2727</v>
      </c>
      <c r="C131" s="8">
        <v>2913</v>
      </c>
      <c r="D131" s="9">
        <v>564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2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0</v>
      </c>
      <c r="C5" s="12">
        <v>26</v>
      </c>
      <c r="D5" s="13">
        <v>66</v>
      </c>
    </row>
    <row r="6" spans="1:4" ht="18" customHeight="1" x14ac:dyDescent="0.2">
      <c r="A6" s="14">
        <v>1</v>
      </c>
      <c r="B6" s="15">
        <v>24</v>
      </c>
      <c r="C6" s="16">
        <v>29</v>
      </c>
      <c r="D6" s="17">
        <v>53</v>
      </c>
    </row>
    <row r="7" spans="1:4" ht="18" customHeight="1" x14ac:dyDescent="0.2">
      <c r="A7" s="14">
        <v>2</v>
      </c>
      <c r="B7" s="15">
        <v>23</v>
      </c>
      <c r="C7" s="16">
        <v>31</v>
      </c>
      <c r="D7" s="17">
        <v>54</v>
      </c>
    </row>
    <row r="8" spans="1:4" ht="18" customHeight="1" x14ac:dyDescent="0.2">
      <c r="A8" s="14">
        <v>3</v>
      </c>
      <c r="B8" s="15">
        <v>23</v>
      </c>
      <c r="C8" s="16">
        <v>27</v>
      </c>
      <c r="D8" s="17">
        <v>50</v>
      </c>
    </row>
    <row r="9" spans="1:4" ht="18" customHeight="1" x14ac:dyDescent="0.2">
      <c r="A9" s="14">
        <v>4</v>
      </c>
      <c r="B9" s="15">
        <v>31</v>
      </c>
      <c r="C9" s="16">
        <v>26</v>
      </c>
      <c r="D9" s="17">
        <v>57</v>
      </c>
    </row>
    <row r="10" spans="1:4" ht="18" customHeight="1" x14ac:dyDescent="0.2">
      <c r="A10" s="18" t="s">
        <v>48</v>
      </c>
      <c r="B10" s="15">
        <v>141</v>
      </c>
      <c r="C10" s="16">
        <v>139</v>
      </c>
      <c r="D10" s="17">
        <v>280</v>
      </c>
    </row>
    <row r="11" spans="1:4" ht="18" customHeight="1" x14ac:dyDescent="0.2">
      <c r="A11" s="14">
        <v>5</v>
      </c>
      <c r="B11" s="15">
        <v>31</v>
      </c>
      <c r="C11" s="16">
        <v>29</v>
      </c>
      <c r="D11" s="17">
        <v>60</v>
      </c>
    </row>
    <row r="12" spans="1:4" ht="18" customHeight="1" x14ac:dyDescent="0.2">
      <c r="A12" s="14">
        <v>6</v>
      </c>
      <c r="B12" s="15">
        <v>33</v>
      </c>
      <c r="C12" s="16">
        <v>38</v>
      </c>
      <c r="D12" s="17">
        <v>71</v>
      </c>
    </row>
    <row r="13" spans="1:4" ht="18" customHeight="1" x14ac:dyDescent="0.2">
      <c r="A13" s="14">
        <v>7</v>
      </c>
      <c r="B13" s="15">
        <v>32</v>
      </c>
      <c r="C13" s="16">
        <v>30</v>
      </c>
      <c r="D13" s="17">
        <v>62</v>
      </c>
    </row>
    <row r="14" spans="1:4" ht="18" customHeight="1" x14ac:dyDescent="0.2">
      <c r="A14" s="14">
        <v>8</v>
      </c>
      <c r="B14" s="15">
        <v>42</v>
      </c>
      <c r="C14" s="16">
        <v>36</v>
      </c>
      <c r="D14" s="17">
        <v>78</v>
      </c>
    </row>
    <row r="15" spans="1:4" ht="18" customHeight="1" x14ac:dyDescent="0.2">
      <c r="A15" s="14">
        <v>9</v>
      </c>
      <c r="B15" s="15">
        <v>35</v>
      </c>
      <c r="C15" s="16">
        <v>40</v>
      </c>
      <c r="D15" s="17">
        <v>75</v>
      </c>
    </row>
    <row r="16" spans="1:4" ht="18" customHeight="1" x14ac:dyDescent="0.2">
      <c r="A16" s="18" t="s">
        <v>49</v>
      </c>
      <c r="B16" s="15">
        <v>173</v>
      </c>
      <c r="C16" s="16">
        <v>173</v>
      </c>
      <c r="D16" s="17">
        <v>346</v>
      </c>
    </row>
    <row r="17" spans="1:4" ht="18" customHeight="1" x14ac:dyDescent="0.2">
      <c r="A17" s="14">
        <v>10</v>
      </c>
      <c r="B17" s="15">
        <v>31</v>
      </c>
      <c r="C17" s="16">
        <v>42</v>
      </c>
      <c r="D17" s="17">
        <v>73</v>
      </c>
    </row>
    <row r="18" spans="1:4" ht="18" customHeight="1" x14ac:dyDescent="0.2">
      <c r="A18" s="14">
        <v>11</v>
      </c>
      <c r="B18" s="15">
        <v>43</v>
      </c>
      <c r="C18" s="16">
        <v>46</v>
      </c>
      <c r="D18" s="17">
        <v>89</v>
      </c>
    </row>
    <row r="19" spans="1:4" ht="18" customHeight="1" x14ac:dyDescent="0.2">
      <c r="A19" s="14">
        <v>12</v>
      </c>
      <c r="B19" s="15">
        <v>43</v>
      </c>
      <c r="C19" s="16">
        <v>36</v>
      </c>
      <c r="D19" s="17">
        <v>79</v>
      </c>
    </row>
    <row r="20" spans="1:4" ht="18" customHeight="1" x14ac:dyDescent="0.2">
      <c r="A20" s="14">
        <v>13</v>
      </c>
      <c r="B20" s="15">
        <v>40</v>
      </c>
      <c r="C20" s="16">
        <v>49</v>
      </c>
      <c r="D20" s="17">
        <v>89</v>
      </c>
    </row>
    <row r="21" spans="1:4" ht="18" customHeight="1" x14ac:dyDescent="0.2">
      <c r="A21" s="14">
        <v>14</v>
      </c>
      <c r="B21" s="15">
        <v>37</v>
      </c>
      <c r="C21" s="16">
        <v>30</v>
      </c>
      <c r="D21" s="17">
        <v>67</v>
      </c>
    </row>
    <row r="22" spans="1:4" ht="18" customHeight="1" x14ac:dyDescent="0.2">
      <c r="A22" s="18" t="s">
        <v>50</v>
      </c>
      <c r="B22" s="15">
        <v>194</v>
      </c>
      <c r="C22" s="16">
        <v>203</v>
      </c>
      <c r="D22" s="17">
        <v>397</v>
      </c>
    </row>
    <row r="23" spans="1:4" ht="18" customHeight="1" x14ac:dyDescent="0.2">
      <c r="A23" s="18" t="s">
        <v>51</v>
      </c>
      <c r="B23" s="15">
        <v>508</v>
      </c>
      <c r="C23" s="16">
        <v>515</v>
      </c>
      <c r="D23" s="17">
        <v>1023</v>
      </c>
    </row>
    <row r="24" spans="1:4" ht="18" customHeight="1" x14ac:dyDescent="0.2">
      <c r="A24" s="14">
        <v>15</v>
      </c>
      <c r="B24" s="15">
        <v>48</v>
      </c>
      <c r="C24" s="16">
        <v>37</v>
      </c>
      <c r="D24" s="17">
        <v>85</v>
      </c>
    </row>
    <row r="25" spans="1:4" ht="18" customHeight="1" x14ac:dyDescent="0.2">
      <c r="A25" s="14">
        <v>16</v>
      </c>
      <c r="B25" s="15">
        <v>48</v>
      </c>
      <c r="C25" s="16">
        <v>46</v>
      </c>
      <c r="D25" s="17">
        <v>94</v>
      </c>
    </row>
    <row r="26" spans="1:4" ht="18" customHeight="1" x14ac:dyDescent="0.2">
      <c r="A26" s="14">
        <v>17</v>
      </c>
      <c r="B26" s="15">
        <v>41</v>
      </c>
      <c r="C26" s="16">
        <v>33</v>
      </c>
      <c r="D26" s="17">
        <v>74</v>
      </c>
    </row>
    <row r="27" spans="1:4" ht="18" customHeight="1" x14ac:dyDescent="0.2">
      <c r="A27" s="14">
        <v>18</v>
      </c>
      <c r="B27" s="15">
        <v>114</v>
      </c>
      <c r="C27" s="16">
        <v>62</v>
      </c>
      <c r="D27" s="17">
        <v>176</v>
      </c>
    </row>
    <row r="28" spans="1:4" ht="18" customHeight="1" x14ac:dyDescent="0.2">
      <c r="A28" s="14">
        <v>19</v>
      </c>
      <c r="B28" s="15">
        <v>170</v>
      </c>
      <c r="C28" s="16">
        <v>85</v>
      </c>
      <c r="D28" s="17">
        <v>255</v>
      </c>
    </row>
    <row r="29" spans="1:4" ht="18" customHeight="1" x14ac:dyDescent="0.2">
      <c r="A29" s="18" t="s">
        <v>52</v>
      </c>
      <c r="B29" s="15">
        <v>421</v>
      </c>
      <c r="C29" s="16">
        <v>263</v>
      </c>
      <c r="D29" s="17">
        <v>684</v>
      </c>
    </row>
    <row r="30" spans="1:4" ht="18" customHeight="1" x14ac:dyDescent="0.2">
      <c r="A30" s="14">
        <v>20</v>
      </c>
      <c r="B30" s="15">
        <v>210</v>
      </c>
      <c r="C30" s="16">
        <v>100</v>
      </c>
      <c r="D30" s="17">
        <v>310</v>
      </c>
    </row>
    <row r="31" spans="1:4" ht="18" customHeight="1" x14ac:dyDescent="0.2">
      <c r="A31" s="14">
        <v>21</v>
      </c>
      <c r="B31" s="15">
        <v>215</v>
      </c>
      <c r="C31" s="16">
        <v>110</v>
      </c>
      <c r="D31" s="17">
        <v>325</v>
      </c>
    </row>
    <row r="32" spans="1:4" ht="18" customHeight="1" x14ac:dyDescent="0.2">
      <c r="A32" s="14">
        <v>22</v>
      </c>
      <c r="B32" s="15">
        <v>147</v>
      </c>
      <c r="C32" s="16">
        <v>86</v>
      </c>
      <c r="D32" s="17">
        <v>233</v>
      </c>
    </row>
    <row r="33" spans="1:4" ht="18" customHeight="1" x14ac:dyDescent="0.2">
      <c r="A33" s="14">
        <v>23</v>
      </c>
      <c r="B33" s="15">
        <v>122</v>
      </c>
      <c r="C33" s="16">
        <v>88</v>
      </c>
      <c r="D33" s="17">
        <v>210</v>
      </c>
    </row>
    <row r="34" spans="1:4" ht="18" customHeight="1" x14ac:dyDescent="0.2">
      <c r="A34" s="14">
        <v>24</v>
      </c>
      <c r="B34" s="15">
        <v>116</v>
      </c>
      <c r="C34" s="16">
        <v>76</v>
      </c>
      <c r="D34" s="17">
        <v>192</v>
      </c>
    </row>
    <row r="35" spans="1:4" ht="18" customHeight="1" x14ac:dyDescent="0.2">
      <c r="A35" s="18" t="s">
        <v>53</v>
      </c>
      <c r="B35" s="15">
        <v>810</v>
      </c>
      <c r="C35" s="16">
        <v>460</v>
      </c>
      <c r="D35" s="17">
        <v>1270</v>
      </c>
    </row>
    <row r="36" spans="1:4" ht="18" customHeight="1" x14ac:dyDescent="0.2">
      <c r="A36" s="14">
        <v>25</v>
      </c>
      <c r="B36" s="15">
        <v>86</v>
      </c>
      <c r="C36" s="16">
        <v>73</v>
      </c>
      <c r="D36" s="17">
        <v>159</v>
      </c>
    </row>
    <row r="37" spans="1:4" ht="18" customHeight="1" x14ac:dyDescent="0.2">
      <c r="A37" s="14">
        <v>26</v>
      </c>
      <c r="B37" s="15">
        <v>63</v>
      </c>
      <c r="C37" s="16">
        <v>46</v>
      </c>
      <c r="D37" s="17">
        <v>109</v>
      </c>
    </row>
    <row r="38" spans="1:4" ht="18" customHeight="1" x14ac:dyDescent="0.2">
      <c r="A38" s="14">
        <v>27</v>
      </c>
      <c r="B38" s="15">
        <v>56</v>
      </c>
      <c r="C38" s="16">
        <v>57</v>
      </c>
      <c r="D38" s="17">
        <v>113</v>
      </c>
    </row>
    <row r="39" spans="1:4" ht="18" customHeight="1" x14ac:dyDescent="0.2">
      <c r="A39" s="14">
        <v>28</v>
      </c>
      <c r="B39" s="15">
        <v>64</v>
      </c>
      <c r="C39" s="16">
        <v>43</v>
      </c>
      <c r="D39" s="17">
        <v>107</v>
      </c>
    </row>
    <row r="40" spans="1:4" ht="18" customHeight="1" x14ac:dyDescent="0.2">
      <c r="A40" s="14">
        <v>29</v>
      </c>
      <c r="B40" s="15">
        <v>69</v>
      </c>
      <c r="C40" s="16">
        <v>41</v>
      </c>
      <c r="D40" s="17">
        <v>110</v>
      </c>
    </row>
    <row r="41" spans="1:4" ht="18" customHeight="1" x14ac:dyDescent="0.2">
      <c r="A41" s="18" t="s">
        <v>54</v>
      </c>
      <c r="B41" s="15">
        <v>338</v>
      </c>
      <c r="C41" s="16">
        <v>260</v>
      </c>
      <c r="D41" s="17">
        <v>598</v>
      </c>
    </row>
    <row r="42" spans="1:4" ht="18" customHeight="1" x14ac:dyDescent="0.2">
      <c r="A42" s="14">
        <v>30</v>
      </c>
      <c r="B42" s="15">
        <v>58</v>
      </c>
      <c r="C42" s="16">
        <v>26</v>
      </c>
      <c r="D42" s="17">
        <v>84</v>
      </c>
    </row>
    <row r="43" spans="1:4" ht="18" customHeight="1" x14ac:dyDescent="0.2">
      <c r="A43" s="14">
        <v>31</v>
      </c>
      <c r="B43" s="15">
        <v>54</v>
      </c>
      <c r="C43" s="16">
        <v>46</v>
      </c>
      <c r="D43" s="17">
        <v>100</v>
      </c>
    </row>
    <row r="44" spans="1:4" ht="18" customHeight="1" x14ac:dyDescent="0.2">
      <c r="A44" s="14">
        <v>32</v>
      </c>
      <c r="B44" s="15">
        <v>71</v>
      </c>
      <c r="C44" s="16">
        <v>40</v>
      </c>
      <c r="D44" s="17">
        <v>111</v>
      </c>
    </row>
    <row r="45" spans="1:4" ht="18" customHeight="1" x14ac:dyDescent="0.2">
      <c r="A45" s="14">
        <v>33</v>
      </c>
      <c r="B45" s="15">
        <v>66</v>
      </c>
      <c r="C45" s="16">
        <v>50</v>
      </c>
      <c r="D45" s="17">
        <v>116</v>
      </c>
    </row>
    <row r="46" spans="1:4" ht="18" customHeight="1" x14ac:dyDescent="0.2">
      <c r="A46" s="14">
        <v>34</v>
      </c>
      <c r="B46" s="15">
        <v>43</v>
      </c>
      <c r="C46" s="16">
        <v>46</v>
      </c>
      <c r="D46" s="17">
        <v>89</v>
      </c>
    </row>
    <row r="47" spans="1:4" ht="18" customHeight="1" x14ac:dyDescent="0.2">
      <c r="A47" s="18" t="s">
        <v>55</v>
      </c>
      <c r="B47" s="15">
        <v>292</v>
      </c>
      <c r="C47" s="16">
        <v>208</v>
      </c>
      <c r="D47" s="17">
        <v>500</v>
      </c>
    </row>
    <row r="48" spans="1:4" ht="18" customHeight="1" x14ac:dyDescent="0.2">
      <c r="A48" s="14">
        <v>35</v>
      </c>
      <c r="B48" s="15">
        <v>58</v>
      </c>
      <c r="C48" s="16">
        <v>44</v>
      </c>
      <c r="D48" s="17">
        <v>102</v>
      </c>
    </row>
    <row r="49" spans="1:4" ht="18" customHeight="1" x14ac:dyDescent="0.2">
      <c r="A49" s="14">
        <v>36</v>
      </c>
      <c r="B49" s="15">
        <v>52</v>
      </c>
      <c r="C49" s="16">
        <v>44</v>
      </c>
      <c r="D49" s="17">
        <v>96</v>
      </c>
    </row>
    <row r="50" spans="1:4" ht="18" customHeight="1" x14ac:dyDescent="0.2">
      <c r="A50" s="14">
        <v>37</v>
      </c>
      <c r="B50" s="15">
        <v>44</v>
      </c>
      <c r="C50" s="16">
        <v>45</v>
      </c>
      <c r="D50" s="17">
        <v>89</v>
      </c>
    </row>
    <row r="51" spans="1:4" ht="18" customHeight="1" x14ac:dyDescent="0.2">
      <c r="A51" s="14">
        <v>38</v>
      </c>
      <c r="B51" s="15">
        <v>52</v>
      </c>
      <c r="C51" s="16">
        <v>55</v>
      </c>
      <c r="D51" s="17">
        <v>107</v>
      </c>
    </row>
    <row r="52" spans="1:4" ht="18" customHeight="1" x14ac:dyDescent="0.2">
      <c r="A52" s="14">
        <v>39</v>
      </c>
      <c r="B52" s="15">
        <v>57</v>
      </c>
      <c r="C52" s="16">
        <v>48</v>
      </c>
      <c r="D52" s="17">
        <v>105</v>
      </c>
    </row>
    <row r="53" spans="1:4" ht="18" customHeight="1" x14ac:dyDescent="0.2">
      <c r="A53" s="18" t="s">
        <v>56</v>
      </c>
      <c r="B53" s="15">
        <v>263</v>
      </c>
      <c r="C53" s="16">
        <v>236</v>
      </c>
      <c r="D53" s="17">
        <v>499</v>
      </c>
    </row>
    <row r="54" spans="1:4" ht="18" customHeight="1" x14ac:dyDescent="0.2">
      <c r="A54" s="14">
        <v>40</v>
      </c>
      <c r="B54" s="15">
        <v>62</v>
      </c>
      <c r="C54" s="16">
        <v>55</v>
      </c>
      <c r="D54" s="17">
        <v>117</v>
      </c>
    </row>
    <row r="55" spans="1:4" ht="18" customHeight="1" x14ac:dyDescent="0.2">
      <c r="A55" s="14">
        <v>41</v>
      </c>
      <c r="B55" s="15">
        <v>72</v>
      </c>
      <c r="C55" s="16">
        <v>64</v>
      </c>
      <c r="D55" s="17">
        <v>136</v>
      </c>
    </row>
    <row r="56" spans="1:4" ht="18" customHeight="1" x14ac:dyDescent="0.2">
      <c r="A56" s="14">
        <v>42</v>
      </c>
      <c r="B56" s="15">
        <v>57</v>
      </c>
      <c r="C56" s="16">
        <v>63</v>
      </c>
      <c r="D56" s="17">
        <v>120</v>
      </c>
    </row>
    <row r="57" spans="1:4" ht="18" customHeight="1" x14ac:dyDescent="0.2">
      <c r="A57" s="14">
        <v>43</v>
      </c>
      <c r="B57" s="15">
        <v>57</v>
      </c>
      <c r="C57" s="16">
        <v>57</v>
      </c>
      <c r="D57" s="17">
        <v>114</v>
      </c>
    </row>
    <row r="58" spans="1:4" ht="18" customHeight="1" x14ac:dyDescent="0.2">
      <c r="A58" s="14">
        <v>44</v>
      </c>
      <c r="B58" s="15">
        <v>79</v>
      </c>
      <c r="C58" s="16">
        <v>55</v>
      </c>
      <c r="D58" s="17">
        <v>134</v>
      </c>
    </row>
    <row r="59" spans="1:4" ht="18" customHeight="1" x14ac:dyDescent="0.2">
      <c r="A59" s="18" t="s">
        <v>57</v>
      </c>
      <c r="B59" s="15">
        <v>327</v>
      </c>
      <c r="C59" s="16">
        <v>294</v>
      </c>
      <c r="D59" s="17">
        <v>621</v>
      </c>
    </row>
    <row r="60" spans="1:4" ht="18" customHeight="1" x14ac:dyDescent="0.2">
      <c r="A60" s="14">
        <v>45</v>
      </c>
      <c r="B60" s="15">
        <v>72</v>
      </c>
      <c r="C60" s="16">
        <v>77</v>
      </c>
      <c r="D60" s="17">
        <v>149</v>
      </c>
    </row>
    <row r="61" spans="1:4" ht="18" customHeight="1" x14ac:dyDescent="0.2">
      <c r="A61" s="14">
        <v>46</v>
      </c>
      <c r="B61" s="15">
        <v>71</v>
      </c>
      <c r="C61" s="16">
        <v>81</v>
      </c>
      <c r="D61" s="17">
        <v>152</v>
      </c>
    </row>
    <row r="62" spans="1:4" ht="18" customHeight="1" x14ac:dyDescent="0.2">
      <c r="A62" s="14">
        <v>47</v>
      </c>
      <c r="B62" s="15">
        <v>83</v>
      </c>
      <c r="C62" s="16">
        <v>92</v>
      </c>
      <c r="D62" s="17">
        <v>175</v>
      </c>
    </row>
    <row r="63" spans="1:4" ht="18" customHeight="1" x14ac:dyDescent="0.2">
      <c r="A63" s="14">
        <v>48</v>
      </c>
      <c r="B63" s="15">
        <v>97</v>
      </c>
      <c r="C63" s="16">
        <v>78</v>
      </c>
      <c r="D63" s="17">
        <v>175</v>
      </c>
    </row>
    <row r="64" spans="1:4" ht="18" customHeight="1" x14ac:dyDescent="0.2">
      <c r="A64" s="14">
        <v>49</v>
      </c>
      <c r="B64" s="15">
        <v>89</v>
      </c>
      <c r="C64" s="16">
        <v>60</v>
      </c>
      <c r="D64" s="17">
        <v>149</v>
      </c>
    </row>
    <row r="65" spans="1:4" ht="18" customHeight="1" x14ac:dyDescent="0.2">
      <c r="A65" s="18" t="s">
        <v>58</v>
      </c>
      <c r="B65" s="15">
        <v>412</v>
      </c>
      <c r="C65" s="16">
        <v>388</v>
      </c>
      <c r="D65" s="17">
        <v>800</v>
      </c>
    </row>
    <row r="66" spans="1:4" ht="18" customHeight="1" x14ac:dyDescent="0.2">
      <c r="A66" s="14">
        <v>50</v>
      </c>
      <c r="B66" s="15">
        <v>65</v>
      </c>
      <c r="C66" s="16">
        <v>69</v>
      </c>
      <c r="D66" s="17">
        <v>134</v>
      </c>
    </row>
    <row r="67" spans="1:4" ht="18" customHeight="1" x14ac:dyDescent="0.2">
      <c r="A67" s="14">
        <v>51</v>
      </c>
      <c r="B67" s="15">
        <v>62</v>
      </c>
      <c r="C67" s="16">
        <v>75</v>
      </c>
      <c r="D67" s="17">
        <v>137</v>
      </c>
    </row>
    <row r="68" spans="1:4" ht="18" customHeight="1" x14ac:dyDescent="0.2">
      <c r="A68" s="14">
        <v>52</v>
      </c>
      <c r="B68" s="15">
        <v>62</v>
      </c>
      <c r="C68" s="16">
        <v>85</v>
      </c>
      <c r="D68" s="17">
        <v>147</v>
      </c>
    </row>
    <row r="69" spans="1:4" ht="18" customHeight="1" x14ac:dyDescent="0.2">
      <c r="A69" s="14">
        <v>53</v>
      </c>
      <c r="B69" s="15">
        <v>67</v>
      </c>
      <c r="C69" s="16">
        <v>66</v>
      </c>
      <c r="D69" s="17">
        <v>133</v>
      </c>
    </row>
    <row r="70" spans="1:4" ht="18" customHeight="1" x14ac:dyDescent="0.2">
      <c r="A70" s="14">
        <v>54</v>
      </c>
      <c r="B70" s="15">
        <v>54</v>
      </c>
      <c r="C70" s="16">
        <v>37</v>
      </c>
      <c r="D70" s="17">
        <v>91</v>
      </c>
    </row>
    <row r="71" spans="1:4" ht="18" customHeight="1" x14ac:dyDescent="0.2">
      <c r="A71" s="18" t="s">
        <v>59</v>
      </c>
      <c r="B71" s="15">
        <v>310</v>
      </c>
      <c r="C71" s="16">
        <v>332</v>
      </c>
      <c r="D71" s="17">
        <v>642</v>
      </c>
    </row>
    <row r="72" spans="1:4" ht="18" customHeight="1" x14ac:dyDescent="0.2">
      <c r="A72" s="14">
        <v>55</v>
      </c>
      <c r="B72" s="15">
        <v>53</v>
      </c>
      <c r="C72" s="16">
        <v>51</v>
      </c>
      <c r="D72" s="17">
        <v>104</v>
      </c>
    </row>
    <row r="73" spans="1:4" ht="18" customHeight="1" x14ac:dyDescent="0.2">
      <c r="A73" s="14">
        <v>56</v>
      </c>
      <c r="B73" s="15">
        <v>60</v>
      </c>
      <c r="C73" s="16">
        <v>47</v>
      </c>
      <c r="D73" s="17">
        <v>107</v>
      </c>
    </row>
    <row r="74" spans="1:4" ht="18" customHeight="1" x14ac:dyDescent="0.2">
      <c r="A74" s="14">
        <v>57</v>
      </c>
      <c r="B74" s="15">
        <v>73</v>
      </c>
      <c r="C74" s="16">
        <v>55</v>
      </c>
      <c r="D74" s="17">
        <v>128</v>
      </c>
    </row>
    <row r="75" spans="1:4" ht="18" customHeight="1" x14ac:dyDescent="0.2">
      <c r="A75" s="14">
        <v>58</v>
      </c>
      <c r="B75" s="15">
        <v>56</v>
      </c>
      <c r="C75" s="16">
        <v>52</v>
      </c>
      <c r="D75" s="17">
        <v>108</v>
      </c>
    </row>
    <row r="76" spans="1:4" ht="18" customHeight="1" x14ac:dyDescent="0.2">
      <c r="A76" s="14">
        <v>59</v>
      </c>
      <c r="B76" s="15">
        <v>48</v>
      </c>
      <c r="C76" s="16">
        <v>53</v>
      </c>
      <c r="D76" s="17">
        <v>101</v>
      </c>
    </row>
    <row r="77" spans="1:4" ht="18" customHeight="1" x14ac:dyDescent="0.2">
      <c r="A77" s="18" t="s">
        <v>60</v>
      </c>
      <c r="B77" s="15">
        <v>290</v>
      </c>
      <c r="C77" s="16">
        <v>258</v>
      </c>
      <c r="D77" s="17">
        <v>548</v>
      </c>
    </row>
    <row r="78" spans="1:4" ht="18" customHeight="1" x14ac:dyDescent="0.2">
      <c r="A78" s="14">
        <v>60</v>
      </c>
      <c r="B78" s="15">
        <v>62</v>
      </c>
      <c r="C78" s="16">
        <v>58</v>
      </c>
      <c r="D78" s="17">
        <v>120</v>
      </c>
    </row>
    <row r="79" spans="1:4" ht="18" customHeight="1" x14ac:dyDescent="0.2">
      <c r="A79" s="14">
        <v>61</v>
      </c>
      <c r="B79" s="15">
        <v>58</v>
      </c>
      <c r="C79" s="16">
        <v>48</v>
      </c>
      <c r="D79" s="17">
        <v>106</v>
      </c>
    </row>
    <row r="80" spans="1:4" ht="18" customHeight="1" x14ac:dyDescent="0.2">
      <c r="A80" s="14">
        <v>62</v>
      </c>
      <c r="B80" s="15">
        <v>40</v>
      </c>
      <c r="C80" s="16">
        <v>36</v>
      </c>
      <c r="D80" s="17">
        <v>76</v>
      </c>
    </row>
    <row r="81" spans="1:4" ht="18" customHeight="1" x14ac:dyDescent="0.2">
      <c r="A81" s="14">
        <v>63</v>
      </c>
      <c r="B81" s="15">
        <v>63</v>
      </c>
      <c r="C81" s="16">
        <v>43</v>
      </c>
      <c r="D81" s="17">
        <v>106</v>
      </c>
    </row>
    <row r="82" spans="1:4" ht="18" customHeight="1" x14ac:dyDescent="0.2">
      <c r="A82" s="14">
        <v>64</v>
      </c>
      <c r="B82" s="15">
        <v>45</v>
      </c>
      <c r="C82" s="16">
        <v>53</v>
      </c>
      <c r="D82" s="17">
        <v>98</v>
      </c>
    </row>
    <row r="83" spans="1:4" ht="18" customHeight="1" x14ac:dyDescent="0.2">
      <c r="A83" s="18" t="s">
        <v>61</v>
      </c>
      <c r="B83" s="15">
        <v>268</v>
      </c>
      <c r="C83" s="16">
        <v>238</v>
      </c>
      <c r="D83" s="17">
        <v>506</v>
      </c>
    </row>
    <row r="84" spans="1:4" ht="18" customHeight="1" x14ac:dyDescent="0.2">
      <c r="A84" s="18" t="s">
        <v>62</v>
      </c>
      <c r="B84" s="15">
        <v>3731</v>
      </c>
      <c r="C84" s="16">
        <v>2937</v>
      </c>
      <c r="D84" s="17">
        <v>6668</v>
      </c>
    </row>
    <row r="85" spans="1:4" ht="18" customHeight="1" x14ac:dyDescent="0.2">
      <c r="A85" s="14">
        <v>65</v>
      </c>
      <c r="B85" s="15">
        <v>49</v>
      </c>
      <c r="C85" s="16">
        <v>52</v>
      </c>
      <c r="D85" s="17">
        <v>101</v>
      </c>
    </row>
    <row r="86" spans="1:4" ht="18" customHeight="1" x14ac:dyDescent="0.2">
      <c r="A86" s="14">
        <v>66</v>
      </c>
      <c r="B86" s="15">
        <v>39</v>
      </c>
      <c r="C86" s="16">
        <v>54</v>
      </c>
      <c r="D86" s="17">
        <v>93</v>
      </c>
    </row>
    <row r="87" spans="1:4" ht="18" customHeight="1" x14ac:dyDescent="0.2">
      <c r="A87" s="14">
        <v>67</v>
      </c>
      <c r="B87" s="15">
        <v>51</v>
      </c>
      <c r="C87" s="16">
        <v>57</v>
      </c>
      <c r="D87" s="17">
        <v>108</v>
      </c>
    </row>
    <row r="88" spans="1:4" ht="18" customHeight="1" x14ac:dyDescent="0.2">
      <c r="A88" s="14">
        <v>68</v>
      </c>
      <c r="B88" s="15">
        <v>53</v>
      </c>
      <c r="C88" s="16">
        <v>57</v>
      </c>
      <c r="D88" s="17">
        <v>110</v>
      </c>
    </row>
    <row r="89" spans="1:4" ht="18" customHeight="1" x14ac:dyDescent="0.2">
      <c r="A89" s="14">
        <v>69</v>
      </c>
      <c r="B89" s="15">
        <v>52</v>
      </c>
      <c r="C89" s="16">
        <v>55</v>
      </c>
      <c r="D89" s="17">
        <v>107</v>
      </c>
    </row>
    <row r="90" spans="1:4" ht="18" customHeight="1" x14ac:dyDescent="0.2">
      <c r="A90" s="18" t="s">
        <v>63</v>
      </c>
      <c r="B90" s="15">
        <v>244</v>
      </c>
      <c r="C90" s="16">
        <v>275</v>
      </c>
      <c r="D90" s="17">
        <v>519</v>
      </c>
    </row>
    <row r="91" spans="1:4" ht="18" customHeight="1" x14ac:dyDescent="0.2">
      <c r="A91" s="14">
        <v>70</v>
      </c>
      <c r="B91" s="15">
        <v>56</v>
      </c>
      <c r="C91" s="16">
        <v>62</v>
      </c>
      <c r="D91" s="17">
        <v>118</v>
      </c>
    </row>
    <row r="92" spans="1:4" ht="18" customHeight="1" x14ac:dyDescent="0.2">
      <c r="A92" s="14">
        <v>71</v>
      </c>
      <c r="B92" s="15">
        <v>66</v>
      </c>
      <c r="C92" s="16">
        <v>78</v>
      </c>
      <c r="D92" s="17">
        <v>144</v>
      </c>
    </row>
    <row r="93" spans="1:4" ht="18" customHeight="1" x14ac:dyDescent="0.2">
      <c r="A93" s="14">
        <v>72</v>
      </c>
      <c r="B93" s="15">
        <v>75</v>
      </c>
      <c r="C93" s="16">
        <v>87</v>
      </c>
      <c r="D93" s="17">
        <v>162</v>
      </c>
    </row>
    <row r="94" spans="1:4" ht="18" customHeight="1" x14ac:dyDescent="0.2">
      <c r="A94" s="14">
        <v>73</v>
      </c>
      <c r="B94" s="15">
        <v>86</v>
      </c>
      <c r="C94" s="16">
        <v>72</v>
      </c>
      <c r="D94" s="17">
        <v>158</v>
      </c>
    </row>
    <row r="95" spans="1:4" ht="18" customHeight="1" x14ac:dyDescent="0.2">
      <c r="A95" s="14">
        <v>74</v>
      </c>
      <c r="B95" s="15">
        <v>44</v>
      </c>
      <c r="C95" s="16">
        <v>35</v>
      </c>
      <c r="D95" s="17">
        <v>79</v>
      </c>
    </row>
    <row r="96" spans="1:4" ht="18" customHeight="1" x14ac:dyDescent="0.2">
      <c r="A96" s="18" t="s">
        <v>64</v>
      </c>
      <c r="B96" s="15">
        <v>327</v>
      </c>
      <c r="C96" s="16">
        <v>334</v>
      </c>
      <c r="D96" s="17">
        <v>661</v>
      </c>
    </row>
    <row r="97" spans="1:4" ht="18" customHeight="1" x14ac:dyDescent="0.2">
      <c r="A97" s="14">
        <v>75</v>
      </c>
      <c r="B97" s="15">
        <v>40</v>
      </c>
      <c r="C97" s="16">
        <v>48</v>
      </c>
      <c r="D97" s="17">
        <v>88</v>
      </c>
    </row>
    <row r="98" spans="1:4" ht="18" customHeight="1" x14ac:dyDescent="0.2">
      <c r="A98" s="14">
        <v>76</v>
      </c>
      <c r="B98" s="15">
        <v>51</v>
      </c>
      <c r="C98" s="16">
        <v>60</v>
      </c>
      <c r="D98" s="17">
        <v>111</v>
      </c>
    </row>
    <row r="99" spans="1:4" ht="18" customHeight="1" x14ac:dyDescent="0.2">
      <c r="A99" s="14">
        <v>77</v>
      </c>
      <c r="B99" s="15">
        <v>34</v>
      </c>
      <c r="C99" s="16">
        <v>54</v>
      </c>
      <c r="D99" s="17">
        <v>88</v>
      </c>
    </row>
    <row r="100" spans="1:4" ht="18" customHeight="1" x14ac:dyDescent="0.2">
      <c r="A100" s="14">
        <v>78</v>
      </c>
      <c r="B100" s="15">
        <v>51</v>
      </c>
      <c r="C100" s="16">
        <v>49</v>
      </c>
      <c r="D100" s="17">
        <v>100</v>
      </c>
    </row>
    <row r="101" spans="1:4" ht="18" customHeight="1" x14ac:dyDescent="0.2">
      <c r="A101" s="14">
        <v>79</v>
      </c>
      <c r="B101" s="15">
        <v>47</v>
      </c>
      <c r="C101" s="16">
        <v>38</v>
      </c>
      <c r="D101" s="17">
        <v>85</v>
      </c>
    </row>
    <row r="102" spans="1:4" ht="18" customHeight="1" x14ac:dyDescent="0.2">
      <c r="A102" s="18" t="s">
        <v>65</v>
      </c>
      <c r="B102" s="15">
        <v>223</v>
      </c>
      <c r="C102" s="16">
        <v>249</v>
      </c>
      <c r="D102" s="17">
        <v>472</v>
      </c>
    </row>
    <row r="103" spans="1:4" ht="18" customHeight="1" x14ac:dyDescent="0.2">
      <c r="A103" s="14">
        <v>80</v>
      </c>
      <c r="B103" s="15">
        <v>30</v>
      </c>
      <c r="C103" s="16">
        <v>37</v>
      </c>
      <c r="D103" s="17">
        <v>67</v>
      </c>
    </row>
    <row r="104" spans="1:4" ht="18" customHeight="1" x14ac:dyDescent="0.2">
      <c r="A104" s="14">
        <v>81</v>
      </c>
      <c r="B104" s="15">
        <v>21</v>
      </c>
      <c r="C104" s="16">
        <v>36</v>
      </c>
      <c r="D104" s="17">
        <v>57</v>
      </c>
    </row>
    <row r="105" spans="1:4" ht="18" customHeight="1" x14ac:dyDescent="0.2">
      <c r="A105" s="14">
        <v>82</v>
      </c>
      <c r="B105" s="15">
        <v>18</v>
      </c>
      <c r="C105" s="16">
        <v>44</v>
      </c>
      <c r="D105" s="17">
        <v>62</v>
      </c>
    </row>
    <row r="106" spans="1:4" ht="18" customHeight="1" x14ac:dyDescent="0.2">
      <c r="A106" s="14">
        <v>83</v>
      </c>
      <c r="B106" s="15">
        <v>23</v>
      </c>
      <c r="C106" s="16">
        <v>40</v>
      </c>
      <c r="D106" s="17">
        <v>63</v>
      </c>
    </row>
    <row r="107" spans="1:4" ht="18" customHeight="1" x14ac:dyDescent="0.2">
      <c r="A107" s="14">
        <v>84</v>
      </c>
      <c r="B107" s="15">
        <v>15</v>
      </c>
      <c r="C107" s="16">
        <v>46</v>
      </c>
      <c r="D107" s="17">
        <v>61</v>
      </c>
    </row>
    <row r="108" spans="1:4" ht="18" customHeight="1" x14ac:dyDescent="0.2">
      <c r="A108" s="18" t="s">
        <v>66</v>
      </c>
      <c r="B108" s="15">
        <v>107</v>
      </c>
      <c r="C108" s="16">
        <v>203</v>
      </c>
      <c r="D108" s="17">
        <v>310</v>
      </c>
    </row>
    <row r="109" spans="1:4" ht="18" customHeight="1" x14ac:dyDescent="0.2">
      <c r="A109" s="14">
        <v>85</v>
      </c>
      <c r="B109" s="15">
        <v>20</v>
      </c>
      <c r="C109" s="16">
        <v>35</v>
      </c>
      <c r="D109" s="17">
        <v>55</v>
      </c>
    </row>
    <row r="110" spans="1:4" ht="18" customHeight="1" x14ac:dyDescent="0.2">
      <c r="A110" s="14">
        <v>86</v>
      </c>
      <c r="B110" s="15">
        <v>17</v>
      </c>
      <c r="C110" s="16">
        <v>49</v>
      </c>
      <c r="D110" s="17">
        <v>66</v>
      </c>
    </row>
    <row r="111" spans="1:4" ht="18" customHeight="1" x14ac:dyDescent="0.2">
      <c r="A111" s="14">
        <v>87</v>
      </c>
      <c r="B111" s="15">
        <v>17</v>
      </c>
      <c r="C111" s="16">
        <v>45</v>
      </c>
      <c r="D111" s="17">
        <v>62</v>
      </c>
    </row>
    <row r="112" spans="1:4" ht="18" customHeight="1" x14ac:dyDescent="0.2">
      <c r="A112" s="14">
        <v>88</v>
      </c>
      <c r="B112" s="15">
        <v>13</v>
      </c>
      <c r="C112" s="16">
        <v>23</v>
      </c>
      <c r="D112" s="17">
        <v>36</v>
      </c>
    </row>
    <row r="113" spans="1:4" ht="18" customHeight="1" x14ac:dyDescent="0.2">
      <c r="A113" s="14">
        <v>89</v>
      </c>
      <c r="B113" s="15">
        <v>10</v>
      </c>
      <c r="C113" s="16">
        <v>19</v>
      </c>
      <c r="D113" s="17">
        <v>29</v>
      </c>
    </row>
    <row r="114" spans="1:4" ht="18" customHeight="1" x14ac:dyDescent="0.2">
      <c r="A114" s="18" t="s">
        <v>67</v>
      </c>
      <c r="B114" s="15">
        <v>77</v>
      </c>
      <c r="C114" s="16">
        <v>171</v>
      </c>
      <c r="D114" s="17">
        <v>248</v>
      </c>
    </row>
    <row r="115" spans="1:4" ht="18" customHeight="1" x14ac:dyDescent="0.2">
      <c r="A115" s="14">
        <v>90</v>
      </c>
      <c r="B115" s="15">
        <v>11</v>
      </c>
      <c r="C115" s="16">
        <v>22</v>
      </c>
      <c r="D115" s="17">
        <v>33</v>
      </c>
    </row>
    <row r="116" spans="1:4" ht="18" customHeight="1" x14ac:dyDescent="0.2">
      <c r="A116" s="14">
        <v>91</v>
      </c>
      <c r="B116" s="15">
        <v>10</v>
      </c>
      <c r="C116" s="16">
        <v>13</v>
      </c>
      <c r="D116" s="17">
        <v>23</v>
      </c>
    </row>
    <row r="117" spans="1:4" ht="18" customHeight="1" x14ac:dyDescent="0.2">
      <c r="A117" s="14">
        <v>92</v>
      </c>
      <c r="B117" s="15">
        <v>6</v>
      </c>
      <c r="C117" s="16">
        <v>14</v>
      </c>
      <c r="D117" s="17">
        <v>20</v>
      </c>
    </row>
    <row r="118" spans="1:4" ht="18" customHeight="1" x14ac:dyDescent="0.2">
      <c r="A118" s="14">
        <v>93</v>
      </c>
      <c r="B118" s="15">
        <v>6</v>
      </c>
      <c r="C118" s="16">
        <v>16</v>
      </c>
      <c r="D118" s="17">
        <v>22</v>
      </c>
    </row>
    <row r="119" spans="1:4" ht="18" customHeight="1" x14ac:dyDescent="0.2">
      <c r="A119" s="14">
        <v>94</v>
      </c>
      <c r="B119" s="15">
        <v>3</v>
      </c>
      <c r="C119" s="16">
        <v>15</v>
      </c>
      <c r="D119" s="17">
        <v>18</v>
      </c>
    </row>
    <row r="120" spans="1:4" ht="18" customHeight="1" x14ac:dyDescent="0.2">
      <c r="A120" s="18" t="s">
        <v>68</v>
      </c>
      <c r="B120" s="15">
        <v>36</v>
      </c>
      <c r="C120" s="16">
        <v>80</v>
      </c>
      <c r="D120" s="17">
        <v>116</v>
      </c>
    </row>
    <row r="121" spans="1:4" ht="18" customHeight="1" x14ac:dyDescent="0.2">
      <c r="A121" s="14">
        <v>95</v>
      </c>
      <c r="B121" s="15">
        <v>5</v>
      </c>
      <c r="C121" s="16">
        <v>9</v>
      </c>
      <c r="D121" s="17">
        <v>14</v>
      </c>
    </row>
    <row r="122" spans="1:4" ht="18" customHeight="1" x14ac:dyDescent="0.2">
      <c r="A122" s="14">
        <v>96</v>
      </c>
      <c r="B122" s="15">
        <v>1</v>
      </c>
      <c r="C122" s="16">
        <v>10</v>
      </c>
      <c r="D122" s="17">
        <v>11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7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7</v>
      </c>
      <c r="C126" s="16">
        <v>35</v>
      </c>
      <c r="D126" s="17">
        <v>42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7</v>
      </c>
      <c r="D129" s="17">
        <v>7</v>
      </c>
    </row>
    <row r="130" spans="1:4" ht="18" customHeight="1" x14ac:dyDescent="0.2">
      <c r="A130" s="18" t="s">
        <v>72</v>
      </c>
      <c r="B130" s="4">
        <v>1021</v>
      </c>
      <c r="C130" s="5">
        <v>1354</v>
      </c>
      <c r="D130" s="6">
        <v>2375</v>
      </c>
    </row>
    <row r="131" spans="1:4" ht="18" customHeight="1" x14ac:dyDescent="0.2">
      <c r="A131" s="20" t="s">
        <v>47</v>
      </c>
      <c r="B131" s="7">
        <v>5260</v>
      </c>
      <c r="C131" s="8">
        <v>4806</v>
      </c>
      <c r="D131" s="9">
        <v>1006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2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2</v>
      </c>
      <c r="C5" s="12">
        <v>19</v>
      </c>
      <c r="D5" s="13">
        <v>31</v>
      </c>
    </row>
    <row r="6" spans="1:4" ht="18" customHeight="1" x14ac:dyDescent="0.2">
      <c r="A6" s="14">
        <v>1</v>
      </c>
      <c r="B6" s="15">
        <v>18</v>
      </c>
      <c r="C6" s="16">
        <v>13</v>
      </c>
      <c r="D6" s="17">
        <v>31</v>
      </c>
    </row>
    <row r="7" spans="1:4" ht="18" customHeight="1" x14ac:dyDescent="0.2">
      <c r="A7" s="14">
        <v>2</v>
      </c>
      <c r="B7" s="15">
        <v>13</v>
      </c>
      <c r="C7" s="16">
        <v>26</v>
      </c>
      <c r="D7" s="17">
        <v>39</v>
      </c>
    </row>
    <row r="8" spans="1:4" ht="18" customHeight="1" x14ac:dyDescent="0.2">
      <c r="A8" s="14">
        <v>3</v>
      </c>
      <c r="B8" s="15">
        <v>14</v>
      </c>
      <c r="C8" s="16">
        <v>12</v>
      </c>
      <c r="D8" s="17">
        <v>26</v>
      </c>
    </row>
    <row r="9" spans="1:4" ht="18" customHeight="1" x14ac:dyDescent="0.2">
      <c r="A9" s="14">
        <v>4</v>
      </c>
      <c r="B9" s="15">
        <v>10</v>
      </c>
      <c r="C9" s="16">
        <v>20</v>
      </c>
      <c r="D9" s="17">
        <v>30</v>
      </c>
    </row>
    <row r="10" spans="1:4" ht="18" customHeight="1" x14ac:dyDescent="0.2">
      <c r="A10" s="18" t="s">
        <v>48</v>
      </c>
      <c r="B10" s="15">
        <v>67</v>
      </c>
      <c r="C10" s="16">
        <v>90</v>
      </c>
      <c r="D10" s="17">
        <v>157</v>
      </c>
    </row>
    <row r="11" spans="1:4" ht="18" customHeight="1" x14ac:dyDescent="0.2">
      <c r="A11" s="14">
        <v>5</v>
      </c>
      <c r="B11" s="15">
        <v>16</v>
      </c>
      <c r="C11" s="16">
        <v>16</v>
      </c>
      <c r="D11" s="17">
        <v>32</v>
      </c>
    </row>
    <row r="12" spans="1:4" ht="18" customHeight="1" x14ac:dyDescent="0.2">
      <c r="A12" s="14">
        <v>6</v>
      </c>
      <c r="B12" s="15">
        <v>17</v>
      </c>
      <c r="C12" s="16">
        <v>14</v>
      </c>
      <c r="D12" s="17">
        <v>31</v>
      </c>
    </row>
    <row r="13" spans="1:4" ht="18" customHeight="1" x14ac:dyDescent="0.2">
      <c r="A13" s="14">
        <v>7</v>
      </c>
      <c r="B13" s="15">
        <v>11</v>
      </c>
      <c r="C13" s="16">
        <v>21</v>
      </c>
      <c r="D13" s="17">
        <v>32</v>
      </c>
    </row>
    <row r="14" spans="1:4" ht="18" customHeight="1" x14ac:dyDescent="0.2">
      <c r="A14" s="14">
        <v>8</v>
      </c>
      <c r="B14" s="15">
        <v>25</v>
      </c>
      <c r="C14" s="16">
        <v>16</v>
      </c>
      <c r="D14" s="17">
        <v>41</v>
      </c>
    </row>
    <row r="15" spans="1:4" ht="18" customHeight="1" x14ac:dyDescent="0.2">
      <c r="A15" s="14">
        <v>9</v>
      </c>
      <c r="B15" s="15">
        <v>10</v>
      </c>
      <c r="C15" s="16">
        <v>13</v>
      </c>
      <c r="D15" s="17">
        <v>23</v>
      </c>
    </row>
    <row r="16" spans="1:4" ht="18" customHeight="1" x14ac:dyDescent="0.2">
      <c r="A16" s="18" t="s">
        <v>49</v>
      </c>
      <c r="B16" s="15">
        <v>79</v>
      </c>
      <c r="C16" s="16">
        <v>80</v>
      </c>
      <c r="D16" s="17">
        <v>159</v>
      </c>
    </row>
    <row r="17" spans="1:4" ht="18" customHeight="1" x14ac:dyDescent="0.2">
      <c r="A17" s="14">
        <v>10</v>
      </c>
      <c r="B17" s="15">
        <v>20</v>
      </c>
      <c r="C17" s="16">
        <v>20</v>
      </c>
      <c r="D17" s="17">
        <v>40</v>
      </c>
    </row>
    <row r="18" spans="1:4" ht="18" customHeight="1" x14ac:dyDescent="0.2">
      <c r="A18" s="14">
        <v>11</v>
      </c>
      <c r="B18" s="15">
        <v>19</v>
      </c>
      <c r="C18" s="16">
        <v>16</v>
      </c>
      <c r="D18" s="17">
        <v>35</v>
      </c>
    </row>
    <row r="19" spans="1:4" ht="18" customHeight="1" x14ac:dyDescent="0.2">
      <c r="A19" s="14">
        <v>12</v>
      </c>
      <c r="B19" s="15">
        <v>19</v>
      </c>
      <c r="C19" s="16">
        <v>16</v>
      </c>
      <c r="D19" s="17">
        <v>35</v>
      </c>
    </row>
    <row r="20" spans="1:4" ht="18" customHeight="1" x14ac:dyDescent="0.2">
      <c r="A20" s="14">
        <v>13</v>
      </c>
      <c r="B20" s="15">
        <v>21</v>
      </c>
      <c r="C20" s="16">
        <v>18</v>
      </c>
      <c r="D20" s="17">
        <v>39</v>
      </c>
    </row>
    <row r="21" spans="1:4" ht="18" customHeight="1" x14ac:dyDescent="0.2">
      <c r="A21" s="14">
        <v>14</v>
      </c>
      <c r="B21" s="15">
        <v>19</v>
      </c>
      <c r="C21" s="16">
        <v>22</v>
      </c>
      <c r="D21" s="17">
        <v>41</v>
      </c>
    </row>
    <row r="22" spans="1:4" ht="18" customHeight="1" x14ac:dyDescent="0.2">
      <c r="A22" s="18" t="s">
        <v>50</v>
      </c>
      <c r="B22" s="15">
        <v>98</v>
      </c>
      <c r="C22" s="16">
        <v>92</v>
      </c>
      <c r="D22" s="17">
        <v>190</v>
      </c>
    </row>
    <row r="23" spans="1:4" ht="18" customHeight="1" x14ac:dyDescent="0.2">
      <c r="A23" s="18" t="s">
        <v>51</v>
      </c>
      <c r="B23" s="15">
        <v>244</v>
      </c>
      <c r="C23" s="16">
        <v>262</v>
      </c>
      <c r="D23" s="17">
        <v>506</v>
      </c>
    </row>
    <row r="24" spans="1:4" ht="18" customHeight="1" x14ac:dyDescent="0.2">
      <c r="A24" s="14">
        <v>15</v>
      </c>
      <c r="B24" s="15">
        <v>19</v>
      </c>
      <c r="C24" s="16">
        <v>22</v>
      </c>
      <c r="D24" s="17">
        <v>41</v>
      </c>
    </row>
    <row r="25" spans="1:4" ht="18" customHeight="1" x14ac:dyDescent="0.2">
      <c r="A25" s="14">
        <v>16</v>
      </c>
      <c r="B25" s="15">
        <v>27</v>
      </c>
      <c r="C25" s="16">
        <v>26</v>
      </c>
      <c r="D25" s="17">
        <v>53</v>
      </c>
    </row>
    <row r="26" spans="1:4" ht="18" customHeight="1" x14ac:dyDescent="0.2">
      <c r="A26" s="14">
        <v>17</v>
      </c>
      <c r="B26" s="15">
        <v>24</v>
      </c>
      <c r="C26" s="16">
        <v>26</v>
      </c>
      <c r="D26" s="17">
        <v>50</v>
      </c>
    </row>
    <row r="27" spans="1:4" ht="18" customHeight="1" x14ac:dyDescent="0.2">
      <c r="A27" s="14">
        <v>18</v>
      </c>
      <c r="B27" s="15">
        <v>27</v>
      </c>
      <c r="C27" s="16">
        <v>25</v>
      </c>
      <c r="D27" s="17">
        <v>52</v>
      </c>
    </row>
    <row r="28" spans="1:4" ht="18" customHeight="1" x14ac:dyDescent="0.2">
      <c r="A28" s="14">
        <v>19</v>
      </c>
      <c r="B28" s="15">
        <v>29</v>
      </c>
      <c r="C28" s="16">
        <v>33</v>
      </c>
      <c r="D28" s="17">
        <v>62</v>
      </c>
    </row>
    <row r="29" spans="1:4" ht="18" customHeight="1" x14ac:dyDescent="0.2">
      <c r="A29" s="18" t="s">
        <v>52</v>
      </c>
      <c r="B29" s="15">
        <v>126</v>
      </c>
      <c r="C29" s="16">
        <v>132</v>
      </c>
      <c r="D29" s="17">
        <v>258</v>
      </c>
    </row>
    <row r="30" spans="1:4" ht="18" customHeight="1" x14ac:dyDescent="0.2">
      <c r="A30" s="14">
        <v>20</v>
      </c>
      <c r="B30" s="15">
        <v>20</v>
      </c>
      <c r="C30" s="16">
        <v>24</v>
      </c>
      <c r="D30" s="17">
        <v>44</v>
      </c>
    </row>
    <row r="31" spans="1:4" ht="18" customHeight="1" x14ac:dyDescent="0.2">
      <c r="A31" s="14">
        <v>21</v>
      </c>
      <c r="B31" s="15">
        <v>17</v>
      </c>
      <c r="C31" s="16">
        <v>22</v>
      </c>
      <c r="D31" s="17">
        <v>39</v>
      </c>
    </row>
    <row r="32" spans="1:4" ht="18" customHeight="1" x14ac:dyDescent="0.2">
      <c r="A32" s="14">
        <v>22</v>
      </c>
      <c r="B32" s="15">
        <v>16</v>
      </c>
      <c r="C32" s="16">
        <v>16</v>
      </c>
      <c r="D32" s="17">
        <v>32</v>
      </c>
    </row>
    <row r="33" spans="1:4" ht="18" customHeight="1" x14ac:dyDescent="0.2">
      <c r="A33" s="14">
        <v>23</v>
      </c>
      <c r="B33" s="15">
        <v>24</v>
      </c>
      <c r="C33" s="16">
        <v>19</v>
      </c>
      <c r="D33" s="17">
        <v>43</v>
      </c>
    </row>
    <row r="34" spans="1:4" ht="18" customHeight="1" x14ac:dyDescent="0.2">
      <c r="A34" s="14">
        <v>24</v>
      </c>
      <c r="B34" s="15">
        <v>23</v>
      </c>
      <c r="C34" s="16">
        <v>14</v>
      </c>
      <c r="D34" s="17">
        <v>37</v>
      </c>
    </row>
    <row r="35" spans="1:4" ht="18" customHeight="1" x14ac:dyDescent="0.2">
      <c r="A35" s="18" t="s">
        <v>53</v>
      </c>
      <c r="B35" s="15">
        <v>100</v>
      </c>
      <c r="C35" s="16">
        <v>95</v>
      </c>
      <c r="D35" s="17">
        <v>195</v>
      </c>
    </row>
    <row r="36" spans="1:4" ht="18" customHeight="1" x14ac:dyDescent="0.2">
      <c r="A36" s="14">
        <v>25</v>
      </c>
      <c r="B36" s="15">
        <v>18</v>
      </c>
      <c r="C36" s="16">
        <v>19</v>
      </c>
      <c r="D36" s="17">
        <v>37</v>
      </c>
    </row>
    <row r="37" spans="1:4" ht="18" customHeight="1" x14ac:dyDescent="0.2">
      <c r="A37" s="14">
        <v>26</v>
      </c>
      <c r="B37" s="15">
        <v>14</v>
      </c>
      <c r="C37" s="16">
        <v>19</v>
      </c>
      <c r="D37" s="17">
        <v>33</v>
      </c>
    </row>
    <row r="38" spans="1:4" ht="18" customHeight="1" x14ac:dyDescent="0.2">
      <c r="A38" s="14">
        <v>27</v>
      </c>
      <c r="B38" s="15">
        <v>21</v>
      </c>
      <c r="C38" s="16">
        <v>16</v>
      </c>
      <c r="D38" s="17">
        <v>37</v>
      </c>
    </row>
    <row r="39" spans="1:4" ht="18" customHeight="1" x14ac:dyDescent="0.2">
      <c r="A39" s="14">
        <v>28</v>
      </c>
      <c r="B39" s="15">
        <v>23</v>
      </c>
      <c r="C39" s="16">
        <v>27</v>
      </c>
      <c r="D39" s="17">
        <v>50</v>
      </c>
    </row>
    <row r="40" spans="1:4" ht="18" customHeight="1" x14ac:dyDescent="0.2">
      <c r="A40" s="14">
        <v>29</v>
      </c>
      <c r="B40" s="15">
        <v>31</v>
      </c>
      <c r="C40" s="16">
        <v>13</v>
      </c>
      <c r="D40" s="17">
        <v>44</v>
      </c>
    </row>
    <row r="41" spans="1:4" ht="18" customHeight="1" x14ac:dyDescent="0.2">
      <c r="A41" s="18" t="s">
        <v>54</v>
      </c>
      <c r="B41" s="15">
        <v>107</v>
      </c>
      <c r="C41" s="16">
        <v>94</v>
      </c>
      <c r="D41" s="17">
        <v>201</v>
      </c>
    </row>
    <row r="42" spans="1:4" ht="18" customHeight="1" x14ac:dyDescent="0.2">
      <c r="A42" s="14">
        <v>30</v>
      </c>
      <c r="B42" s="15">
        <v>21</v>
      </c>
      <c r="C42" s="16">
        <v>26</v>
      </c>
      <c r="D42" s="17">
        <v>47</v>
      </c>
    </row>
    <row r="43" spans="1:4" ht="18" customHeight="1" x14ac:dyDescent="0.2">
      <c r="A43" s="14">
        <v>31</v>
      </c>
      <c r="B43" s="15">
        <v>32</v>
      </c>
      <c r="C43" s="16">
        <v>22</v>
      </c>
      <c r="D43" s="17">
        <v>54</v>
      </c>
    </row>
    <row r="44" spans="1:4" ht="18" customHeight="1" x14ac:dyDescent="0.2">
      <c r="A44" s="14">
        <v>32</v>
      </c>
      <c r="B44" s="15">
        <v>18</v>
      </c>
      <c r="C44" s="16">
        <v>15</v>
      </c>
      <c r="D44" s="17">
        <v>33</v>
      </c>
    </row>
    <row r="45" spans="1:4" ht="18" customHeight="1" x14ac:dyDescent="0.2">
      <c r="A45" s="14">
        <v>33</v>
      </c>
      <c r="B45" s="15">
        <v>26</v>
      </c>
      <c r="C45" s="16">
        <v>25</v>
      </c>
      <c r="D45" s="17">
        <v>51</v>
      </c>
    </row>
    <row r="46" spans="1:4" ht="18" customHeight="1" x14ac:dyDescent="0.2">
      <c r="A46" s="14">
        <v>34</v>
      </c>
      <c r="B46" s="15">
        <v>23</v>
      </c>
      <c r="C46" s="16">
        <v>26</v>
      </c>
      <c r="D46" s="17">
        <v>49</v>
      </c>
    </row>
    <row r="47" spans="1:4" ht="18" customHeight="1" x14ac:dyDescent="0.2">
      <c r="A47" s="18" t="s">
        <v>55</v>
      </c>
      <c r="B47" s="15">
        <v>120</v>
      </c>
      <c r="C47" s="16">
        <v>114</v>
      </c>
      <c r="D47" s="17">
        <v>234</v>
      </c>
    </row>
    <row r="48" spans="1:4" ht="18" customHeight="1" x14ac:dyDescent="0.2">
      <c r="A48" s="14">
        <v>35</v>
      </c>
      <c r="B48" s="15">
        <v>18</v>
      </c>
      <c r="C48" s="16">
        <v>22</v>
      </c>
      <c r="D48" s="17">
        <v>40</v>
      </c>
    </row>
    <row r="49" spans="1:4" ht="18" customHeight="1" x14ac:dyDescent="0.2">
      <c r="A49" s="14">
        <v>36</v>
      </c>
      <c r="B49" s="15">
        <v>22</v>
      </c>
      <c r="C49" s="16">
        <v>24</v>
      </c>
      <c r="D49" s="17">
        <v>46</v>
      </c>
    </row>
    <row r="50" spans="1:4" ht="18" customHeight="1" x14ac:dyDescent="0.2">
      <c r="A50" s="14">
        <v>37</v>
      </c>
      <c r="B50" s="15">
        <v>22</v>
      </c>
      <c r="C50" s="16">
        <v>18</v>
      </c>
      <c r="D50" s="17">
        <v>40</v>
      </c>
    </row>
    <row r="51" spans="1:4" ht="18" customHeight="1" x14ac:dyDescent="0.2">
      <c r="A51" s="14">
        <v>38</v>
      </c>
      <c r="B51" s="15">
        <v>21</v>
      </c>
      <c r="C51" s="16">
        <v>20</v>
      </c>
      <c r="D51" s="17">
        <v>41</v>
      </c>
    </row>
    <row r="52" spans="1:4" ht="18" customHeight="1" x14ac:dyDescent="0.2">
      <c r="A52" s="14">
        <v>39</v>
      </c>
      <c r="B52" s="15">
        <v>30</v>
      </c>
      <c r="C52" s="16">
        <v>22</v>
      </c>
      <c r="D52" s="17">
        <v>52</v>
      </c>
    </row>
    <row r="53" spans="1:4" ht="18" customHeight="1" x14ac:dyDescent="0.2">
      <c r="A53" s="18" t="s">
        <v>56</v>
      </c>
      <c r="B53" s="15">
        <v>113</v>
      </c>
      <c r="C53" s="16">
        <v>106</v>
      </c>
      <c r="D53" s="17">
        <v>219</v>
      </c>
    </row>
    <row r="54" spans="1:4" ht="18" customHeight="1" x14ac:dyDescent="0.2">
      <c r="A54" s="14">
        <v>40</v>
      </c>
      <c r="B54" s="15">
        <v>20</v>
      </c>
      <c r="C54" s="16">
        <v>27</v>
      </c>
      <c r="D54" s="17">
        <v>47</v>
      </c>
    </row>
    <row r="55" spans="1:4" ht="18" customHeight="1" x14ac:dyDescent="0.2">
      <c r="A55" s="14">
        <v>41</v>
      </c>
      <c r="B55" s="15">
        <v>25</v>
      </c>
      <c r="C55" s="16">
        <v>25</v>
      </c>
      <c r="D55" s="17">
        <v>50</v>
      </c>
    </row>
    <row r="56" spans="1:4" ht="18" customHeight="1" x14ac:dyDescent="0.2">
      <c r="A56" s="14">
        <v>42</v>
      </c>
      <c r="B56" s="15">
        <v>29</v>
      </c>
      <c r="C56" s="16">
        <v>23</v>
      </c>
      <c r="D56" s="17">
        <v>52</v>
      </c>
    </row>
    <row r="57" spans="1:4" ht="18" customHeight="1" x14ac:dyDescent="0.2">
      <c r="A57" s="14">
        <v>43</v>
      </c>
      <c r="B57" s="15">
        <v>27</v>
      </c>
      <c r="C57" s="16">
        <v>33</v>
      </c>
      <c r="D57" s="17">
        <v>60</v>
      </c>
    </row>
    <row r="58" spans="1:4" ht="18" customHeight="1" x14ac:dyDescent="0.2">
      <c r="A58" s="14">
        <v>44</v>
      </c>
      <c r="B58" s="15">
        <v>27</v>
      </c>
      <c r="C58" s="16">
        <v>39</v>
      </c>
      <c r="D58" s="17">
        <v>66</v>
      </c>
    </row>
    <row r="59" spans="1:4" ht="18" customHeight="1" x14ac:dyDescent="0.2">
      <c r="A59" s="18" t="s">
        <v>57</v>
      </c>
      <c r="B59" s="15">
        <v>128</v>
      </c>
      <c r="C59" s="16">
        <v>147</v>
      </c>
      <c r="D59" s="17">
        <v>275</v>
      </c>
    </row>
    <row r="60" spans="1:4" ht="18" customHeight="1" x14ac:dyDescent="0.2">
      <c r="A60" s="14">
        <v>45</v>
      </c>
      <c r="B60" s="15">
        <v>38</v>
      </c>
      <c r="C60" s="16">
        <v>25</v>
      </c>
      <c r="D60" s="17">
        <v>63</v>
      </c>
    </row>
    <row r="61" spans="1:4" ht="18" customHeight="1" x14ac:dyDescent="0.2">
      <c r="A61" s="14">
        <v>46</v>
      </c>
      <c r="B61" s="15">
        <v>37</v>
      </c>
      <c r="C61" s="16">
        <v>42</v>
      </c>
      <c r="D61" s="17">
        <v>79</v>
      </c>
    </row>
    <row r="62" spans="1:4" ht="18" customHeight="1" x14ac:dyDescent="0.2">
      <c r="A62" s="14">
        <v>47</v>
      </c>
      <c r="B62" s="15">
        <v>43</v>
      </c>
      <c r="C62" s="16">
        <v>44</v>
      </c>
      <c r="D62" s="17">
        <v>87</v>
      </c>
    </row>
    <row r="63" spans="1:4" ht="18" customHeight="1" x14ac:dyDescent="0.2">
      <c r="A63" s="14">
        <v>48</v>
      </c>
      <c r="B63" s="15">
        <v>31</v>
      </c>
      <c r="C63" s="16">
        <v>38</v>
      </c>
      <c r="D63" s="17">
        <v>69</v>
      </c>
    </row>
    <row r="64" spans="1:4" ht="18" customHeight="1" x14ac:dyDescent="0.2">
      <c r="A64" s="14">
        <v>49</v>
      </c>
      <c r="B64" s="15">
        <v>29</v>
      </c>
      <c r="C64" s="16">
        <v>28</v>
      </c>
      <c r="D64" s="17">
        <v>57</v>
      </c>
    </row>
    <row r="65" spans="1:4" ht="18" customHeight="1" x14ac:dyDescent="0.2">
      <c r="A65" s="18" t="s">
        <v>58</v>
      </c>
      <c r="B65" s="15">
        <v>178</v>
      </c>
      <c r="C65" s="16">
        <v>177</v>
      </c>
      <c r="D65" s="17">
        <v>355</v>
      </c>
    </row>
    <row r="66" spans="1:4" ht="18" customHeight="1" x14ac:dyDescent="0.2">
      <c r="A66" s="14">
        <v>50</v>
      </c>
      <c r="B66" s="15">
        <v>30</v>
      </c>
      <c r="C66" s="16">
        <v>29</v>
      </c>
      <c r="D66" s="17">
        <v>59</v>
      </c>
    </row>
    <row r="67" spans="1:4" ht="18" customHeight="1" x14ac:dyDescent="0.2">
      <c r="A67" s="14">
        <v>51</v>
      </c>
      <c r="B67" s="15">
        <v>24</v>
      </c>
      <c r="C67" s="16">
        <v>40</v>
      </c>
      <c r="D67" s="17">
        <v>64</v>
      </c>
    </row>
    <row r="68" spans="1:4" ht="18" customHeight="1" x14ac:dyDescent="0.2">
      <c r="A68" s="14">
        <v>52</v>
      </c>
      <c r="B68" s="15">
        <v>19</v>
      </c>
      <c r="C68" s="16">
        <v>24</v>
      </c>
      <c r="D68" s="17">
        <v>43</v>
      </c>
    </row>
    <row r="69" spans="1:4" ht="18" customHeight="1" x14ac:dyDescent="0.2">
      <c r="A69" s="14">
        <v>53</v>
      </c>
      <c r="B69" s="15">
        <v>41</v>
      </c>
      <c r="C69" s="16">
        <v>38</v>
      </c>
      <c r="D69" s="17">
        <v>79</v>
      </c>
    </row>
    <row r="70" spans="1:4" ht="18" customHeight="1" x14ac:dyDescent="0.2">
      <c r="A70" s="14">
        <v>54</v>
      </c>
      <c r="B70" s="15">
        <v>32</v>
      </c>
      <c r="C70" s="16">
        <v>28</v>
      </c>
      <c r="D70" s="17">
        <v>60</v>
      </c>
    </row>
    <row r="71" spans="1:4" ht="18" customHeight="1" x14ac:dyDescent="0.2">
      <c r="A71" s="18" t="s">
        <v>59</v>
      </c>
      <c r="B71" s="15">
        <v>146</v>
      </c>
      <c r="C71" s="16">
        <v>159</v>
      </c>
      <c r="D71" s="17">
        <v>305</v>
      </c>
    </row>
    <row r="72" spans="1:4" ht="18" customHeight="1" x14ac:dyDescent="0.2">
      <c r="A72" s="14">
        <v>55</v>
      </c>
      <c r="B72" s="15">
        <v>27</v>
      </c>
      <c r="C72" s="16">
        <v>34</v>
      </c>
      <c r="D72" s="17">
        <v>61</v>
      </c>
    </row>
    <row r="73" spans="1:4" ht="18" customHeight="1" x14ac:dyDescent="0.2">
      <c r="A73" s="14">
        <v>56</v>
      </c>
      <c r="B73" s="15">
        <v>26</v>
      </c>
      <c r="C73" s="16">
        <v>29</v>
      </c>
      <c r="D73" s="17">
        <v>55</v>
      </c>
    </row>
    <row r="74" spans="1:4" ht="18" customHeight="1" x14ac:dyDescent="0.2">
      <c r="A74" s="14">
        <v>57</v>
      </c>
      <c r="B74" s="15">
        <v>36</v>
      </c>
      <c r="C74" s="16">
        <v>23</v>
      </c>
      <c r="D74" s="17">
        <v>59</v>
      </c>
    </row>
    <row r="75" spans="1:4" ht="18" customHeight="1" x14ac:dyDescent="0.2">
      <c r="A75" s="14">
        <v>58</v>
      </c>
      <c r="B75" s="15">
        <v>20</v>
      </c>
      <c r="C75" s="16">
        <v>23</v>
      </c>
      <c r="D75" s="17">
        <v>43</v>
      </c>
    </row>
    <row r="76" spans="1:4" ht="18" customHeight="1" x14ac:dyDescent="0.2">
      <c r="A76" s="14">
        <v>59</v>
      </c>
      <c r="B76" s="15">
        <v>32</v>
      </c>
      <c r="C76" s="16">
        <v>37</v>
      </c>
      <c r="D76" s="17">
        <v>69</v>
      </c>
    </row>
    <row r="77" spans="1:4" ht="18" customHeight="1" x14ac:dyDescent="0.2">
      <c r="A77" s="18" t="s">
        <v>60</v>
      </c>
      <c r="B77" s="15">
        <v>141</v>
      </c>
      <c r="C77" s="16">
        <v>146</v>
      </c>
      <c r="D77" s="17">
        <v>287</v>
      </c>
    </row>
    <row r="78" spans="1:4" ht="18" customHeight="1" x14ac:dyDescent="0.2">
      <c r="A78" s="14">
        <v>60</v>
      </c>
      <c r="B78" s="15">
        <v>28</v>
      </c>
      <c r="C78" s="16">
        <v>19</v>
      </c>
      <c r="D78" s="17">
        <v>47</v>
      </c>
    </row>
    <row r="79" spans="1:4" ht="18" customHeight="1" x14ac:dyDescent="0.2">
      <c r="A79" s="14">
        <v>61</v>
      </c>
      <c r="B79" s="15">
        <v>26</v>
      </c>
      <c r="C79" s="16">
        <v>33</v>
      </c>
      <c r="D79" s="17">
        <v>59</v>
      </c>
    </row>
    <row r="80" spans="1:4" ht="18" customHeight="1" x14ac:dyDescent="0.2">
      <c r="A80" s="14">
        <v>62</v>
      </c>
      <c r="B80" s="15">
        <v>16</v>
      </c>
      <c r="C80" s="16">
        <v>21</v>
      </c>
      <c r="D80" s="17">
        <v>37</v>
      </c>
    </row>
    <row r="81" spans="1:4" ht="18" customHeight="1" x14ac:dyDescent="0.2">
      <c r="A81" s="14">
        <v>63</v>
      </c>
      <c r="B81" s="15">
        <v>19</v>
      </c>
      <c r="C81" s="16">
        <v>23</v>
      </c>
      <c r="D81" s="17">
        <v>42</v>
      </c>
    </row>
    <row r="82" spans="1:4" ht="18" customHeight="1" x14ac:dyDescent="0.2">
      <c r="A82" s="14">
        <v>64</v>
      </c>
      <c r="B82" s="15">
        <v>14</v>
      </c>
      <c r="C82" s="16">
        <v>21</v>
      </c>
      <c r="D82" s="17">
        <v>35</v>
      </c>
    </row>
    <row r="83" spans="1:4" ht="18" customHeight="1" x14ac:dyDescent="0.2">
      <c r="A83" s="18" t="s">
        <v>61</v>
      </c>
      <c r="B83" s="15">
        <v>103</v>
      </c>
      <c r="C83" s="16">
        <v>117</v>
      </c>
      <c r="D83" s="17">
        <v>220</v>
      </c>
    </row>
    <row r="84" spans="1:4" ht="18" customHeight="1" x14ac:dyDescent="0.2">
      <c r="A84" s="18" t="s">
        <v>62</v>
      </c>
      <c r="B84" s="15">
        <v>1262</v>
      </c>
      <c r="C84" s="16">
        <v>1287</v>
      </c>
      <c r="D84" s="17">
        <v>2549</v>
      </c>
    </row>
    <row r="85" spans="1:4" ht="18" customHeight="1" x14ac:dyDescent="0.2">
      <c r="A85" s="14">
        <v>65</v>
      </c>
      <c r="B85" s="15">
        <v>29</v>
      </c>
      <c r="C85" s="16">
        <v>30</v>
      </c>
      <c r="D85" s="17">
        <v>59</v>
      </c>
    </row>
    <row r="86" spans="1:4" ht="18" customHeight="1" x14ac:dyDescent="0.2">
      <c r="A86" s="14">
        <v>66</v>
      </c>
      <c r="B86" s="15">
        <v>24</v>
      </c>
      <c r="C86" s="16">
        <v>24</v>
      </c>
      <c r="D86" s="17">
        <v>48</v>
      </c>
    </row>
    <row r="87" spans="1:4" ht="18" customHeight="1" x14ac:dyDescent="0.2">
      <c r="A87" s="14">
        <v>67</v>
      </c>
      <c r="B87" s="15">
        <v>28</v>
      </c>
      <c r="C87" s="16">
        <v>24</v>
      </c>
      <c r="D87" s="17">
        <v>52</v>
      </c>
    </row>
    <row r="88" spans="1:4" ht="18" customHeight="1" x14ac:dyDescent="0.2">
      <c r="A88" s="14">
        <v>68</v>
      </c>
      <c r="B88" s="15">
        <v>31</v>
      </c>
      <c r="C88" s="16">
        <v>31</v>
      </c>
      <c r="D88" s="17">
        <v>62</v>
      </c>
    </row>
    <row r="89" spans="1:4" ht="18" customHeight="1" x14ac:dyDescent="0.2">
      <c r="A89" s="14">
        <v>69</v>
      </c>
      <c r="B89" s="15">
        <v>26</v>
      </c>
      <c r="C89" s="16">
        <v>34</v>
      </c>
      <c r="D89" s="17">
        <v>60</v>
      </c>
    </row>
    <row r="90" spans="1:4" ht="18" customHeight="1" x14ac:dyDescent="0.2">
      <c r="A90" s="18" t="s">
        <v>63</v>
      </c>
      <c r="B90" s="15">
        <v>138</v>
      </c>
      <c r="C90" s="16">
        <v>143</v>
      </c>
      <c r="D90" s="17">
        <v>281</v>
      </c>
    </row>
    <row r="91" spans="1:4" ht="18" customHeight="1" x14ac:dyDescent="0.2">
      <c r="A91" s="14">
        <v>70</v>
      </c>
      <c r="B91" s="15">
        <v>40</v>
      </c>
      <c r="C91" s="16">
        <v>41</v>
      </c>
      <c r="D91" s="17">
        <v>81</v>
      </c>
    </row>
    <row r="92" spans="1:4" ht="18" customHeight="1" x14ac:dyDescent="0.2">
      <c r="A92" s="14">
        <v>71</v>
      </c>
      <c r="B92" s="15">
        <v>28</v>
      </c>
      <c r="C92" s="16">
        <v>39</v>
      </c>
      <c r="D92" s="17">
        <v>67</v>
      </c>
    </row>
    <row r="93" spans="1:4" ht="18" customHeight="1" x14ac:dyDescent="0.2">
      <c r="A93" s="14">
        <v>72</v>
      </c>
      <c r="B93" s="15">
        <v>29</v>
      </c>
      <c r="C93" s="16">
        <v>37</v>
      </c>
      <c r="D93" s="17">
        <v>66</v>
      </c>
    </row>
    <row r="94" spans="1:4" ht="18" customHeight="1" x14ac:dyDescent="0.2">
      <c r="A94" s="14">
        <v>73</v>
      </c>
      <c r="B94" s="15">
        <v>22</v>
      </c>
      <c r="C94" s="16">
        <v>41</v>
      </c>
      <c r="D94" s="17">
        <v>63</v>
      </c>
    </row>
    <row r="95" spans="1:4" ht="18" customHeight="1" x14ac:dyDescent="0.2">
      <c r="A95" s="14">
        <v>74</v>
      </c>
      <c r="B95" s="15">
        <v>14</v>
      </c>
      <c r="C95" s="16">
        <v>17</v>
      </c>
      <c r="D95" s="17">
        <v>31</v>
      </c>
    </row>
    <row r="96" spans="1:4" ht="18" customHeight="1" x14ac:dyDescent="0.2">
      <c r="A96" s="18" t="s">
        <v>64</v>
      </c>
      <c r="B96" s="15">
        <v>133</v>
      </c>
      <c r="C96" s="16">
        <v>175</v>
      </c>
      <c r="D96" s="17">
        <v>308</v>
      </c>
    </row>
    <row r="97" spans="1:4" ht="18" customHeight="1" x14ac:dyDescent="0.2">
      <c r="A97" s="14">
        <v>75</v>
      </c>
      <c r="B97" s="15">
        <v>13</v>
      </c>
      <c r="C97" s="16">
        <v>23</v>
      </c>
      <c r="D97" s="17">
        <v>36</v>
      </c>
    </row>
    <row r="98" spans="1:4" ht="18" customHeight="1" x14ac:dyDescent="0.2">
      <c r="A98" s="14">
        <v>76</v>
      </c>
      <c r="B98" s="15">
        <v>20</v>
      </c>
      <c r="C98" s="16">
        <v>33</v>
      </c>
      <c r="D98" s="17">
        <v>53</v>
      </c>
    </row>
    <row r="99" spans="1:4" ht="18" customHeight="1" x14ac:dyDescent="0.2">
      <c r="A99" s="14">
        <v>77</v>
      </c>
      <c r="B99" s="15">
        <v>19</v>
      </c>
      <c r="C99" s="16">
        <v>41</v>
      </c>
      <c r="D99" s="17">
        <v>60</v>
      </c>
    </row>
    <row r="100" spans="1:4" ht="18" customHeight="1" x14ac:dyDescent="0.2">
      <c r="A100" s="14">
        <v>78</v>
      </c>
      <c r="B100" s="15">
        <v>24</v>
      </c>
      <c r="C100" s="16">
        <v>29</v>
      </c>
      <c r="D100" s="17">
        <v>53</v>
      </c>
    </row>
    <row r="101" spans="1:4" ht="18" customHeight="1" x14ac:dyDescent="0.2">
      <c r="A101" s="14">
        <v>79</v>
      </c>
      <c r="B101" s="15">
        <v>20</v>
      </c>
      <c r="C101" s="16">
        <v>30</v>
      </c>
      <c r="D101" s="17">
        <v>50</v>
      </c>
    </row>
    <row r="102" spans="1:4" ht="18" customHeight="1" x14ac:dyDescent="0.2">
      <c r="A102" s="18" t="s">
        <v>65</v>
      </c>
      <c r="B102" s="15">
        <v>96</v>
      </c>
      <c r="C102" s="16">
        <v>156</v>
      </c>
      <c r="D102" s="17">
        <v>252</v>
      </c>
    </row>
    <row r="103" spans="1:4" ht="18" customHeight="1" x14ac:dyDescent="0.2">
      <c r="A103" s="14">
        <v>80</v>
      </c>
      <c r="B103" s="15">
        <v>28</v>
      </c>
      <c r="C103" s="16">
        <v>30</v>
      </c>
      <c r="D103" s="17">
        <v>58</v>
      </c>
    </row>
    <row r="104" spans="1:4" ht="18" customHeight="1" x14ac:dyDescent="0.2">
      <c r="A104" s="14">
        <v>81</v>
      </c>
      <c r="B104" s="15">
        <v>16</v>
      </c>
      <c r="C104" s="16">
        <v>18</v>
      </c>
      <c r="D104" s="17">
        <v>34</v>
      </c>
    </row>
    <row r="105" spans="1:4" ht="18" customHeight="1" x14ac:dyDescent="0.2">
      <c r="A105" s="14">
        <v>82</v>
      </c>
      <c r="B105" s="15">
        <v>20</v>
      </c>
      <c r="C105" s="16">
        <v>24</v>
      </c>
      <c r="D105" s="17">
        <v>44</v>
      </c>
    </row>
    <row r="106" spans="1:4" ht="18" customHeight="1" x14ac:dyDescent="0.2">
      <c r="A106" s="14">
        <v>83</v>
      </c>
      <c r="B106" s="15">
        <v>9</v>
      </c>
      <c r="C106" s="16">
        <v>15</v>
      </c>
      <c r="D106" s="17">
        <v>24</v>
      </c>
    </row>
    <row r="107" spans="1:4" ht="18" customHeight="1" x14ac:dyDescent="0.2">
      <c r="A107" s="14">
        <v>84</v>
      </c>
      <c r="B107" s="15">
        <v>13</v>
      </c>
      <c r="C107" s="16">
        <v>27</v>
      </c>
      <c r="D107" s="17">
        <v>40</v>
      </c>
    </row>
    <row r="108" spans="1:4" ht="18" customHeight="1" x14ac:dyDescent="0.2">
      <c r="A108" s="18" t="s">
        <v>66</v>
      </c>
      <c r="B108" s="15">
        <v>86</v>
      </c>
      <c r="C108" s="16">
        <v>114</v>
      </c>
      <c r="D108" s="17">
        <v>200</v>
      </c>
    </row>
    <row r="109" spans="1:4" ht="18" customHeight="1" x14ac:dyDescent="0.2">
      <c r="A109" s="14">
        <v>85</v>
      </c>
      <c r="B109" s="15">
        <v>11</v>
      </c>
      <c r="C109" s="16">
        <v>9</v>
      </c>
      <c r="D109" s="17">
        <v>20</v>
      </c>
    </row>
    <row r="110" spans="1:4" ht="18" customHeight="1" x14ac:dyDescent="0.2">
      <c r="A110" s="14">
        <v>86</v>
      </c>
      <c r="B110" s="15">
        <v>8</v>
      </c>
      <c r="C110" s="16">
        <v>13</v>
      </c>
      <c r="D110" s="17">
        <v>21</v>
      </c>
    </row>
    <row r="111" spans="1:4" ht="18" customHeight="1" x14ac:dyDescent="0.2">
      <c r="A111" s="14">
        <v>87</v>
      </c>
      <c r="B111" s="15">
        <v>14</v>
      </c>
      <c r="C111" s="16">
        <v>18</v>
      </c>
      <c r="D111" s="17">
        <v>32</v>
      </c>
    </row>
    <row r="112" spans="1:4" ht="18" customHeight="1" x14ac:dyDescent="0.2">
      <c r="A112" s="14">
        <v>88</v>
      </c>
      <c r="B112" s="15">
        <v>5</v>
      </c>
      <c r="C112" s="16">
        <v>14</v>
      </c>
      <c r="D112" s="17">
        <v>19</v>
      </c>
    </row>
    <row r="113" spans="1:4" ht="18" customHeight="1" x14ac:dyDescent="0.2">
      <c r="A113" s="14">
        <v>89</v>
      </c>
      <c r="B113" s="15">
        <v>5</v>
      </c>
      <c r="C113" s="16">
        <v>9</v>
      </c>
      <c r="D113" s="17">
        <v>14</v>
      </c>
    </row>
    <row r="114" spans="1:4" ht="18" customHeight="1" x14ac:dyDescent="0.2">
      <c r="A114" s="18" t="s">
        <v>67</v>
      </c>
      <c r="B114" s="15">
        <v>43</v>
      </c>
      <c r="C114" s="16">
        <v>63</v>
      </c>
      <c r="D114" s="17">
        <v>106</v>
      </c>
    </row>
    <row r="115" spans="1:4" ht="18" customHeight="1" x14ac:dyDescent="0.2">
      <c r="A115" s="14">
        <v>90</v>
      </c>
      <c r="B115" s="15">
        <v>2</v>
      </c>
      <c r="C115" s="16">
        <v>9</v>
      </c>
      <c r="D115" s="17">
        <v>11</v>
      </c>
    </row>
    <row r="116" spans="1:4" ht="18" customHeight="1" x14ac:dyDescent="0.2">
      <c r="A116" s="14">
        <v>91</v>
      </c>
      <c r="B116" s="15">
        <v>2</v>
      </c>
      <c r="C116" s="16">
        <v>6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13</v>
      </c>
      <c r="D117" s="17">
        <v>15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3</v>
      </c>
      <c r="C119" s="16">
        <v>6</v>
      </c>
      <c r="D119" s="17">
        <v>9</v>
      </c>
    </row>
    <row r="120" spans="1:4" ht="18" customHeight="1" x14ac:dyDescent="0.2">
      <c r="A120" s="18" t="s">
        <v>68</v>
      </c>
      <c r="B120" s="15">
        <v>10</v>
      </c>
      <c r="C120" s="16">
        <v>40</v>
      </c>
      <c r="D120" s="17">
        <v>50</v>
      </c>
    </row>
    <row r="121" spans="1:4" ht="18" customHeight="1" x14ac:dyDescent="0.2">
      <c r="A121" s="14">
        <v>95</v>
      </c>
      <c r="B121" s="15">
        <v>0</v>
      </c>
      <c r="C121" s="16">
        <v>7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13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507</v>
      </c>
      <c r="C130" s="5">
        <v>707</v>
      </c>
      <c r="D130" s="6">
        <v>1214</v>
      </c>
    </row>
    <row r="131" spans="1:4" ht="18" customHeight="1" x14ac:dyDescent="0.2">
      <c r="A131" s="20" t="s">
        <v>47</v>
      </c>
      <c r="B131" s="7">
        <v>2013</v>
      </c>
      <c r="C131" s="8">
        <v>2256</v>
      </c>
      <c r="D131" s="9">
        <v>426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2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11</v>
      </c>
      <c r="D5" s="13">
        <v>18</v>
      </c>
    </row>
    <row r="6" spans="1:4" ht="18" customHeight="1" x14ac:dyDescent="0.2">
      <c r="A6" s="14">
        <v>1</v>
      </c>
      <c r="B6" s="15">
        <v>8</v>
      </c>
      <c r="C6" s="16">
        <v>7</v>
      </c>
      <c r="D6" s="17">
        <v>15</v>
      </c>
    </row>
    <row r="7" spans="1:4" ht="18" customHeight="1" x14ac:dyDescent="0.2">
      <c r="A7" s="14">
        <v>2</v>
      </c>
      <c r="B7" s="15">
        <v>4</v>
      </c>
      <c r="C7" s="16">
        <v>5</v>
      </c>
      <c r="D7" s="17">
        <v>9</v>
      </c>
    </row>
    <row r="8" spans="1:4" ht="18" customHeight="1" x14ac:dyDescent="0.2">
      <c r="A8" s="14">
        <v>3</v>
      </c>
      <c r="B8" s="15">
        <v>8</v>
      </c>
      <c r="C8" s="16">
        <v>11</v>
      </c>
      <c r="D8" s="17">
        <v>19</v>
      </c>
    </row>
    <row r="9" spans="1:4" ht="18" customHeight="1" x14ac:dyDescent="0.2">
      <c r="A9" s="14">
        <v>4</v>
      </c>
      <c r="B9" s="15">
        <v>8</v>
      </c>
      <c r="C9" s="16">
        <v>12</v>
      </c>
      <c r="D9" s="17">
        <v>20</v>
      </c>
    </row>
    <row r="10" spans="1:4" ht="18" customHeight="1" x14ac:dyDescent="0.2">
      <c r="A10" s="18" t="s">
        <v>48</v>
      </c>
      <c r="B10" s="15">
        <v>35</v>
      </c>
      <c r="C10" s="16">
        <v>46</v>
      </c>
      <c r="D10" s="17">
        <v>81</v>
      </c>
    </row>
    <row r="11" spans="1:4" ht="18" customHeight="1" x14ac:dyDescent="0.2">
      <c r="A11" s="14">
        <v>5</v>
      </c>
      <c r="B11" s="15">
        <v>6</v>
      </c>
      <c r="C11" s="16">
        <v>4</v>
      </c>
      <c r="D11" s="17">
        <v>10</v>
      </c>
    </row>
    <row r="12" spans="1:4" ht="18" customHeight="1" x14ac:dyDescent="0.2">
      <c r="A12" s="14">
        <v>6</v>
      </c>
      <c r="B12" s="15">
        <v>8</v>
      </c>
      <c r="C12" s="16">
        <v>9</v>
      </c>
      <c r="D12" s="17">
        <v>17</v>
      </c>
    </row>
    <row r="13" spans="1:4" ht="18" customHeight="1" x14ac:dyDescent="0.2">
      <c r="A13" s="14">
        <v>7</v>
      </c>
      <c r="B13" s="15">
        <v>9</v>
      </c>
      <c r="C13" s="16">
        <v>5</v>
      </c>
      <c r="D13" s="17">
        <v>14</v>
      </c>
    </row>
    <row r="14" spans="1:4" ht="18" customHeight="1" x14ac:dyDescent="0.2">
      <c r="A14" s="14">
        <v>8</v>
      </c>
      <c r="B14" s="15">
        <v>5</v>
      </c>
      <c r="C14" s="16">
        <v>14</v>
      </c>
      <c r="D14" s="17">
        <v>19</v>
      </c>
    </row>
    <row r="15" spans="1:4" ht="18" customHeight="1" x14ac:dyDescent="0.2">
      <c r="A15" s="14">
        <v>9</v>
      </c>
      <c r="B15" s="15">
        <v>14</v>
      </c>
      <c r="C15" s="16">
        <v>14</v>
      </c>
      <c r="D15" s="17">
        <v>28</v>
      </c>
    </row>
    <row r="16" spans="1:4" ht="18" customHeight="1" x14ac:dyDescent="0.2">
      <c r="A16" s="18" t="s">
        <v>49</v>
      </c>
      <c r="B16" s="15">
        <v>42</v>
      </c>
      <c r="C16" s="16">
        <v>46</v>
      </c>
      <c r="D16" s="17">
        <v>88</v>
      </c>
    </row>
    <row r="17" spans="1:4" ht="18" customHeight="1" x14ac:dyDescent="0.2">
      <c r="A17" s="14">
        <v>10</v>
      </c>
      <c r="B17" s="15">
        <v>13</v>
      </c>
      <c r="C17" s="16">
        <v>6</v>
      </c>
      <c r="D17" s="17">
        <v>19</v>
      </c>
    </row>
    <row r="18" spans="1:4" ht="18" customHeight="1" x14ac:dyDescent="0.2">
      <c r="A18" s="14">
        <v>11</v>
      </c>
      <c r="B18" s="15">
        <v>7</v>
      </c>
      <c r="C18" s="16">
        <v>10</v>
      </c>
      <c r="D18" s="17">
        <v>17</v>
      </c>
    </row>
    <row r="19" spans="1:4" ht="18" customHeight="1" x14ac:dyDescent="0.2">
      <c r="A19" s="14">
        <v>12</v>
      </c>
      <c r="B19" s="15">
        <v>7</v>
      </c>
      <c r="C19" s="16">
        <v>9</v>
      </c>
      <c r="D19" s="17">
        <v>16</v>
      </c>
    </row>
    <row r="20" spans="1:4" ht="18" customHeight="1" x14ac:dyDescent="0.2">
      <c r="A20" s="14">
        <v>13</v>
      </c>
      <c r="B20" s="15">
        <v>10</v>
      </c>
      <c r="C20" s="16">
        <v>6</v>
      </c>
      <c r="D20" s="17">
        <v>16</v>
      </c>
    </row>
    <row r="21" spans="1:4" ht="18" customHeight="1" x14ac:dyDescent="0.2">
      <c r="A21" s="14">
        <v>14</v>
      </c>
      <c r="B21" s="15">
        <v>12</v>
      </c>
      <c r="C21" s="16">
        <v>8</v>
      </c>
      <c r="D21" s="17">
        <v>20</v>
      </c>
    </row>
    <row r="22" spans="1:4" ht="18" customHeight="1" x14ac:dyDescent="0.2">
      <c r="A22" s="18" t="s">
        <v>50</v>
      </c>
      <c r="B22" s="15">
        <v>49</v>
      </c>
      <c r="C22" s="16">
        <v>39</v>
      </c>
      <c r="D22" s="17">
        <v>88</v>
      </c>
    </row>
    <row r="23" spans="1:4" ht="18" customHeight="1" x14ac:dyDescent="0.2">
      <c r="A23" s="18" t="s">
        <v>51</v>
      </c>
      <c r="B23" s="15">
        <v>126</v>
      </c>
      <c r="C23" s="16">
        <v>131</v>
      </c>
      <c r="D23" s="17">
        <v>257</v>
      </c>
    </row>
    <row r="24" spans="1:4" ht="18" customHeight="1" x14ac:dyDescent="0.2">
      <c r="A24" s="14">
        <v>15</v>
      </c>
      <c r="B24" s="15">
        <v>9</v>
      </c>
      <c r="C24" s="16">
        <v>11</v>
      </c>
      <c r="D24" s="17">
        <v>20</v>
      </c>
    </row>
    <row r="25" spans="1:4" ht="18" customHeight="1" x14ac:dyDescent="0.2">
      <c r="A25" s="14">
        <v>16</v>
      </c>
      <c r="B25" s="15">
        <v>9</v>
      </c>
      <c r="C25" s="16">
        <v>11</v>
      </c>
      <c r="D25" s="17">
        <v>20</v>
      </c>
    </row>
    <row r="26" spans="1:4" ht="18" customHeight="1" x14ac:dyDescent="0.2">
      <c r="A26" s="14">
        <v>17</v>
      </c>
      <c r="B26" s="15">
        <v>12</v>
      </c>
      <c r="C26" s="16">
        <v>7</v>
      </c>
      <c r="D26" s="17">
        <v>19</v>
      </c>
    </row>
    <row r="27" spans="1:4" ht="18" customHeight="1" x14ac:dyDescent="0.2">
      <c r="A27" s="14">
        <v>18</v>
      </c>
      <c r="B27" s="15">
        <v>15</v>
      </c>
      <c r="C27" s="16">
        <v>15</v>
      </c>
      <c r="D27" s="17">
        <v>30</v>
      </c>
    </row>
    <row r="28" spans="1:4" ht="18" customHeight="1" x14ac:dyDescent="0.2">
      <c r="A28" s="14">
        <v>19</v>
      </c>
      <c r="B28" s="15">
        <v>15</v>
      </c>
      <c r="C28" s="16">
        <v>13</v>
      </c>
      <c r="D28" s="17">
        <v>28</v>
      </c>
    </row>
    <row r="29" spans="1:4" ht="18" customHeight="1" x14ac:dyDescent="0.2">
      <c r="A29" s="18" t="s">
        <v>52</v>
      </c>
      <c r="B29" s="15">
        <v>60</v>
      </c>
      <c r="C29" s="16">
        <v>57</v>
      </c>
      <c r="D29" s="17">
        <v>117</v>
      </c>
    </row>
    <row r="30" spans="1:4" ht="18" customHeight="1" x14ac:dyDescent="0.2">
      <c r="A30" s="14">
        <v>20</v>
      </c>
      <c r="B30" s="15">
        <v>14</v>
      </c>
      <c r="C30" s="16">
        <v>15</v>
      </c>
      <c r="D30" s="17">
        <v>29</v>
      </c>
    </row>
    <row r="31" spans="1:4" ht="18" customHeight="1" x14ac:dyDescent="0.2">
      <c r="A31" s="14">
        <v>21</v>
      </c>
      <c r="B31" s="15">
        <v>15</v>
      </c>
      <c r="C31" s="16">
        <v>12</v>
      </c>
      <c r="D31" s="17">
        <v>27</v>
      </c>
    </row>
    <row r="32" spans="1:4" ht="18" customHeight="1" x14ac:dyDescent="0.2">
      <c r="A32" s="14">
        <v>22</v>
      </c>
      <c r="B32" s="15">
        <v>14</v>
      </c>
      <c r="C32" s="16">
        <v>13</v>
      </c>
      <c r="D32" s="17">
        <v>27</v>
      </c>
    </row>
    <row r="33" spans="1:4" ht="18" customHeight="1" x14ac:dyDescent="0.2">
      <c r="A33" s="14">
        <v>23</v>
      </c>
      <c r="B33" s="15">
        <v>8</v>
      </c>
      <c r="C33" s="16">
        <v>7</v>
      </c>
      <c r="D33" s="17">
        <v>15</v>
      </c>
    </row>
    <row r="34" spans="1:4" ht="18" customHeight="1" x14ac:dyDescent="0.2">
      <c r="A34" s="14">
        <v>24</v>
      </c>
      <c r="B34" s="15">
        <v>15</v>
      </c>
      <c r="C34" s="16">
        <v>8</v>
      </c>
      <c r="D34" s="17">
        <v>23</v>
      </c>
    </row>
    <row r="35" spans="1:4" ht="18" customHeight="1" x14ac:dyDescent="0.2">
      <c r="A35" s="18" t="s">
        <v>53</v>
      </c>
      <c r="B35" s="15">
        <v>66</v>
      </c>
      <c r="C35" s="16">
        <v>55</v>
      </c>
      <c r="D35" s="17">
        <v>121</v>
      </c>
    </row>
    <row r="36" spans="1:4" ht="18" customHeight="1" x14ac:dyDescent="0.2">
      <c r="A36" s="14">
        <v>25</v>
      </c>
      <c r="B36" s="15">
        <v>16</v>
      </c>
      <c r="C36" s="16">
        <v>5</v>
      </c>
      <c r="D36" s="17">
        <v>21</v>
      </c>
    </row>
    <row r="37" spans="1:4" ht="18" customHeight="1" x14ac:dyDescent="0.2">
      <c r="A37" s="14">
        <v>26</v>
      </c>
      <c r="B37" s="15">
        <v>13</v>
      </c>
      <c r="C37" s="16">
        <v>9</v>
      </c>
      <c r="D37" s="17">
        <v>22</v>
      </c>
    </row>
    <row r="38" spans="1:4" ht="18" customHeight="1" x14ac:dyDescent="0.2">
      <c r="A38" s="14">
        <v>27</v>
      </c>
      <c r="B38" s="15">
        <v>13</v>
      </c>
      <c r="C38" s="16">
        <v>7</v>
      </c>
      <c r="D38" s="17">
        <v>20</v>
      </c>
    </row>
    <row r="39" spans="1:4" ht="18" customHeight="1" x14ac:dyDescent="0.2">
      <c r="A39" s="14">
        <v>28</v>
      </c>
      <c r="B39" s="15">
        <v>14</v>
      </c>
      <c r="C39" s="16">
        <v>14</v>
      </c>
      <c r="D39" s="17">
        <v>28</v>
      </c>
    </row>
    <row r="40" spans="1:4" ht="18" customHeight="1" x14ac:dyDescent="0.2">
      <c r="A40" s="14">
        <v>29</v>
      </c>
      <c r="B40" s="15">
        <v>17</v>
      </c>
      <c r="C40" s="16">
        <v>9</v>
      </c>
      <c r="D40" s="17">
        <v>26</v>
      </c>
    </row>
    <row r="41" spans="1:4" ht="18" customHeight="1" x14ac:dyDescent="0.2">
      <c r="A41" s="18" t="s">
        <v>54</v>
      </c>
      <c r="B41" s="15">
        <v>73</v>
      </c>
      <c r="C41" s="16">
        <v>44</v>
      </c>
      <c r="D41" s="17">
        <v>117</v>
      </c>
    </row>
    <row r="42" spans="1:4" ht="18" customHeight="1" x14ac:dyDescent="0.2">
      <c r="A42" s="14">
        <v>30</v>
      </c>
      <c r="B42" s="15">
        <v>6</v>
      </c>
      <c r="C42" s="16">
        <v>19</v>
      </c>
      <c r="D42" s="17">
        <v>25</v>
      </c>
    </row>
    <row r="43" spans="1:4" ht="18" customHeight="1" x14ac:dyDescent="0.2">
      <c r="A43" s="14">
        <v>31</v>
      </c>
      <c r="B43" s="15">
        <v>21</v>
      </c>
      <c r="C43" s="16">
        <v>5</v>
      </c>
      <c r="D43" s="17">
        <v>26</v>
      </c>
    </row>
    <row r="44" spans="1:4" ht="18" customHeight="1" x14ac:dyDescent="0.2">
      <c r="A44" s="14">
        <v>32</v>
      </c>
      <c r="B44" s="15">
        <v>13</v>
      </c>
      <c r="C44" s="16">
        <v>14</v>
      </c>
      <c r="D44" s="17">
        <v>27</v>
      </c>
    </row>
    <row r="45" spans="1:4" ht="18" customHeight="1" x14ac:dyDescent="0.2">
      <c r="A45" s="14">
        <v>33</v>
      </c>
      <c r="B45" s="15">
        <v>6</v>
      </c>
      <c r="C45" s="16">
        <v>14</v>
      </c>
      <c r="D45" s="17">
        <v>20</v>
      </c>
    </row>
    <row r="46" spans="1:4" ht="18" customHeight="1" x14ac:dyDescent="0.2">
      <c r="A46" s="14">
        <v>34</v>
      </c>
      <c r="B46" s="15">
        <v>9</v>
      </c>
      <c r="C46" s="16">
        <v>16</v>
      </c>
      <c r="D46" s="17">
        <v>25</v>
      </c>
    </row>
    <row r="47" spans="1:4" ht="18" customHeight="1" x14ac:dyDescent="0.2">
      <c r="A47" s="18" t="s">
        <v>55</v>
      </c>
      <c r="B47" s="15">
        <v>55</v>
      </c>
      <c r="C47" s="16">
        <v>68</v>
      </c>
      <c r="D47" s="17">
        <v>123</v>
      </c>
    </row>
    <row r="48" spans="1:4" ht="18" customHeight="1" x14ac:dyDescent="0.2">
      <c r="A48" s="14">
        <v>35</v>
      </c>
      <c r="B48" s="15">
        <v>12</v>
      </c>
      <c r="C48" s="16">
        <v>13</v>
      </c>
      <c r="D48" s="17">
        <v>25</v>
      </c>
    </row>
    <row r="49" spans="1:4" ht="18" customHeight="1" x14ac:dyDescent="0.2">
      <c r="A49" s="14">
        <v>36</v>
      </c>
      <c r="B49" s="15">
        <v>16</v>
      </c>
      <c r="C49" s="16">
        <v>13</v>
      </c>
      <c r="D49" s="17">
        <v>29</v>
      </c>
    </row>
    <row r="50" spans="1:4" ht="18" customHeight="1" x14ac:dyDescent="0.2">
      <c r="A50" s="14">
        <v>37</v>
      </c>
      <c r="B50" s="15">
        <v>13</v>
      </c>
      <c r="C50" s="16">
        <v>7</v>
      </c>
      <c r="D50" s="17">
        <v>20</v>
      </c>
    </row>
    <row r="51" spans="1:4" ht="18" customHeight="1" x14ac:dyDescent="0.2">
      <c r="A51" s="14">
        <v>38</v>
      </c>
      <c r="B51" s="15">
        <v>14</v>
      </c>
      <c r="C51" s="16">
        <v>11</v>
      </c>
      <c r="D51" s="17">
        <v>25</v>
      </c>
    </row>
    <row r="52" spans="1:4" ht="18" customHeight="1" x14ac:dyDescent="0.2">
      <c r="A52" s="14">
        <v>39</v>
      </c>
      <c r="B52" s="15">
        <v>15</v>
      </c>
      <c r="C52" s="16">
        <v>9</v>
      </c>
      <c r="D52" s="17">
        <v>24</v>
      </c>
    </row>
    <row r="53" spans="1:4" ht="18" customHeight="1" x14ac:dyDescent="0.2">
      <c r="A53" s="18" t="s">
        <v>56</v>
      </c>
      <c r="B53" s="15">
        <v>70</v>
      </c>
      <c r="C53" s="16">
        <v>53</v>
      </c>
      <c r="D53" s="17">
        <v>123</v>
      </c>
    </row>
    <row r="54" spans="1:4" ht="18" customHeight="1" x14ac:dyDescent="0.2">
      <c r="A54" s="14">
        <v>40</v>
      </c>
      <c r="B54" s="15">
        <v>10</v>
      </c>
      <c r="C54" s="16">
        <v>15</v>
      </c>
      <c r="D54" s="17">
        <v>25</v>
      </c>
    </row>
    <row r="55" spans="1:4" ht="18" customHeight="1" x14ac:dyDescent="0.2">
      <c r="A55" s="14">
        <v>41</v>
      </c>
      <c r="B55" s="15">
        <v>24</v>
      </c>
      <c r="C55" s="16">
        <v>14</v>
      </c>
      <c r="D55" s="17">
        <v>38</v>
      </c>
    </row>
    <row r="56" spans="1:4" ht="18" customHeight="1" x14ac:dyDescent="0.2">
      <c r="A56" s="14">
        <v>42</v>
      </c>
      <c r="B56" s="15">
        <v>25</v>
      </c>
      <c r="C56" s="16">
        <v>18</v>
      </c>
      <c r="D56" s="17">
        <v>43</v>
      </c>
    </row>
    <row r="57" spans="1:4" ht="18" customHeight="1" x14ac:dyDescent="0.2">
      <c r="A57" s="14">
        <v>43</v>
      </c>
      <c r="B57" s="15">
        <v>23</v>
      </c>
      <c r="C57" s="16">
        <v>25</v>
      </c>
      <c r="D57" s="17">
        <v>48</v>
      </c>
    </row>
    <row r="58" spans="1:4" ht="18" customHeight="1" x14ac:dyDescent="0.2">
      <c r="A58" s="14">
        <v>44</v>
      </c>
      <c r="B58" s="15">
        <v>24</v>
      </c>
      <c r="C58" s="16">
        <v>15</v>
      </c>
      <c r="D58" s="17">
        <v>39</v>
      </c>
    </row>
    <row r="59" spans="1:4" ht="18" customHeight="1" x14ac:dyDescent="0.2">
      <c r="A59" s="18" t="s">
        <v>57</v>
      </c>
      <c r="B59" s="15">
        <v>106</v>
      </c>
      <c r="C59" s="16">
        <v>87</v>
      </c>
      <c r="D59" s="17">
        <v>193</v>
      </c>
    </row>
    <row r="60" spans="1:4" ht="18" customHeight="1" x14ac:dyDescent="0.2">
      <c r="A60" s="14">
        <v>45</v>
      </c>
      <c r="B60" s="15">
        <v>29</v>
      </c>
      <c r="C60" s="16">
        <v>19</v>
      </c>
      <c r="D60" s="17">
        <v>48</v>
      </c>
    </row>
    <row r="61" spans="1:4" ht="18" customHeight="1" x14ac:dyDescent="0.2">
      <c r="A61" s="14">
        <v>46</v>
      </c>
      <c r="B61" s="15">
        <v>22</v>
      </c>
      <c r="C61" s="16">
        <v>23</v>
      </c>
      <c r="D61" s="17">
        <v>45</v>
      </c>
    </row>
    <row r="62" spans="1:4" ht="18" customHeight="1" x14ac:dyDescent="0.2">
      <c r="A62" s="14">
        <v>47</v>
      </c>
      <c r="B62" s="15">
        <v>18</v>
      </c>
      <c r="C62" s="16">
        <v>15</v>
      </c>
      <c r="D62" s="17">
        <v>33</v>
      </c>
    </row>
    <row r="63" spans="1:4" ht="18" customHeight="1" x14ac:dyDescent="0.2">
      <c r="A63" s="14">
        <v>48</v>
      </c>
      <c r="B63" s="15">
        <v>22</v>
      </c>
      <c r="C63" s="16">
        <v>26</v>
      </c>
      <c r="D63" s="17">
        <v>48</v>
      </c>
    </row>
    <row r="64" spans="1:4" ht="18" customHeight="1" x14ac:dyDescent="0.2">
      <c r="A64" s="14">
        <v>49</v>
      </c>
      <c r="B64" s="15">
        <v>20</v>
      </c>
      <c r="C64" s="16">
        <v>24</v>
      </c>
      <c r="D64" s="17">
        <v>44</v>
      </c>
    </row>
    <row r="65" spans="1:4" ht="18" customHeight="1" x14ac:dyDescent="0.2">
      <c r="A65" s="18" t="s">
        <v>58</v>
      </c>
      <c r="B65" s="15">
        <v>111</v>
      </c>
      <c r="C65" s="16">
        <v>107</v>
      </c>
      <c r="D65" s="17">
        <v>218</v>
      </c>
    </row>
    <row r="66" spans="1:4" ht="18" customHeight="1" x14ac:dyDescent="0.2">
      <c r="A66" s="14">
        <v>50</v>
      </c>
      <c r="B66" s="15">
        <v>30</v>
      </c>
      <c r="C66" s="16">
        <v>23</v>
      </c>
      <c r="D66" s="17">
        <v>53</v>
      </c>
    </row>
    <row r="67" spans="1:4" ht="18" customHeight="1" x14ac:dyDescent="0.2">
      <c r="A67" s="14">
        <v>51</v>
      </c>
      <c r="B67" s="15">
        <v>27</v>
      </c>
      <c r="C67" s="16">
        <v>16</v>
      </c>
      <c r="D67" s="17">
        <v>43</v>
      </c>
    </row>
    <row r="68" spans="1:4" ht="18" customHeight="1" x14ac:dyDescent="0.2">
      <c r="A68" s="14">
        <v>52</v>
      </c>
      <c r="B68" s="15">
        <v>23</v>
      </c>
      <c r="C68" s="16">
        <v>16</v>
      </c>
      <c r="D68" s="17">
        <v>39</v>
      </c>
    </row>
    <row r="69" spans="1:4" ht="18" customHeight="1" x14ac:dyDescent="0.2">
      <c r="A69" s="14">
        <v>53</v>
      </c>
      <c r="B69" s="15">
        <v>7</v>
      </c>
      <c r="C69" s="16">
        <v>15</v>
      </c>
      <c r="D69" s="17">
        <v>22</v>
      </c>
    </row>
    <row r="70" spans="1:4" ht="18" customHeight="1" x14ac:dyDescent="0.2">
      <c r="A70" s="14">
        <v>54</v>
      </c>
      <c r="B70" s="15">
        <v>25</v>
      </c>
      <c r="C70" s="16">
        <v>26</v>
      </c>
      <c r="D70" s="17">
        <v>51</v>
      </c>
    </row>
    <row r="71" spans="1:4" ht="18" customHeight="1" x14ac:dyDescent="0.2">
      <c r="A71" s="18" t="s">
        <v>59</v>
      </c>
      <c r="B71" s="15">
        <v>112</v>
      </c>
      <c r="C71" s="16">
        <v>96</v>
      </c>
      <c r="D71" s="17">
        <v>208</v>
      </c>
    </row>
    <row r="72" spans="1:4" ht="18" customHeight="1" x14ac:dyDescent="0.2">
      <c r="A72" s="14">
        <v>55</v>
      </c>
      <c r="B72" s="15">
        <v>34</v>
      </c>
      <c r="C72" s="16">
        <v>15</v>
      </c>
      <c r="D72" s="17">
        <v>49</v>
      </c>
    </row>
    <row r="73" spans="1:4" ht="18" customHeight="1" x14ac:dyDescent="0.2">
      <c r="A73" s="14">
        <v>56</v>
      </c>
      <c r="B73" s="15">
        <v>23</v>
      </c>
      <c r="C73" s="16">
        <v>18</v>
      </c>
      <c r="D73" s="17">
        <v>41</v>
      </c>
    </row>
    <row r="74" spans="1:4" ht="18" customHeight="1" x14ac:dyDescent="0.2">
      <c r="A74" s="14">
        <v>57</v>
      </c>
      <c r="B74" s="15">
        <v>20</v>
      </c>
      <c r="C74" s="16">
        <v>21</v>
      </c>
      <c r="D74" s="17">
        <v>41</v>
      </c>
    </row>
    <row r="75" spans="1:4" ht="18" customHeight="1" x14ac:dyDescent="0.2">
      <c r="A75" s="14">
        <v>58</v>
      </c>
      <c r="B75" s="15">
        <v>23</v>
      </c>
      <c r="C75" s="16">
        <v>17</v>
      </c>
      <c r="D75" s="17">
        <v>40</v>
      </c>
    </row>
    <row r="76" spans="1:4" ht="18" customHeight="1" x14ac:dyDescent="0.2">
      <c r="A76" s="14">
        <v>59</v>
      </c>
      <c r="B76" s="15">
        <v>12</v>
      </c>
      <c r="C76" s="16">
        <v>21</v>
      </c>
      <c r="D76" s="17">
        <v>33</v>
      </c>
    </row>
    <row r="77" spans="1:4" ht="18" customHeight="1" x14ac:dyDescent="0.2">
      <c r="A77" s="18" t="s">
        <v>60</v>
      </c>
      <c r="B77" s="15">
        <v>112</v>
      </c>
      <c r="C77" s="16">
        <v>92</v>
      </c>
      <c r="D77" s="17">
        <v>204</v>
      </c>
    </row>
    <row r="78" spans="1:4" ht="18" customHeight="1" x14ac:dyDescent="0.2">
      <c r="A78" s="14">
        <v>60</v>
      </c>
      <c r="B78" s="15">
        <v>21</v>
      </c>
      <c r="C78" s="16">
        <v>22</v>
      </c>
      <c r="D78" s="17">
        <v>43</v>
      </c>
    </row>
    <row r="79" spans="1:4" ht="18" customHeight="1" x14ac:dyDescent="0.2">
      <c r="A79" s="14">
        <v>61</v>
      </c>
      <c r="B79" s="15">
        <v>15</v>
      </c>
      <c r="C79" s="16">
        <v>20</v>
      </c>
      <c r="D79" s="17">
        <v>35</v>
      </c>
    </row>
    <row r="80" spans="1:4" ht="18" customHeight="1" x14ac:dyDescent="0.2">
      <c r="A80" s="14">
        <v>62</v>
      </c>
      <c r="B80" s="15">
        <v>13</v>
      </c>
      <c r="C80" s="16">
        <v>14</v>
      </c>
      <c r="D80" s="17">
        <v>27</v>
      </c>
    </row>
    <row r="81" spans="1:4" ht="18" customHeight="1" x14ac:dyDescent="0.2">
      <c r="A81" s="14">
        <v>63</v>
      </c>
      <c r="B81" s="15">
        <v>13</v>
      </c>
      <c r="C81" s="16">
        <v>17</v>
      </c>
      <c r="D81" s="17">
        <v>30</v>
      </c>
    </row>
    <row r="82" spans="1:4" ht="18" customHeight="1" x14ac:dyDescent="0.2">
      <c r="A82" s="14">
        <v>64</v>
      </c>
      <c r="B82" s="15">
        <v>26</v>
      </c>
      <c r="C82" s="16">
        <v>14</v>
      </c>
      <c r="D82" s="17">
        <v>40</v>
      </c>
    </row>
    <row r="83" spans="1:4" ht="18" customHeight="1" x14ac:dyDescent="0.2">
      <c r="A83" s="18" t="s">
        <v>61</v>
      </c>
      <c r="B83" s="15">
        <v>88</v>
      </c>
      <c r="C83" s="16">
        <v>87</v>
      </c>
      <c r="D83" s="17">
        <v>175</v>
      </c>
    </row>
    <row r="84" spans="1:4" ht="18" customHeight="1" x14ac:dyDescent="0.2">
      <c r="A84" s="18" t="s">
        <v>62</v>
      </c>
      <c r="B84" s="15">
        <v>853</v>
      </c>
      <c r="C84" s="16">
        <v>746</v>
      </c>
      <c r="D84" s="17">
        <v>1599</v>
      </c>
    </row>
    <row r="85" spans="1:4" ht="18" customHeight="1" x14ac:dyDescent="0.2">
      <c r="A85" s="14">
        <v>65</v>
      </c>
      <c r="B85" s="15">
        <v>16</v>
      </c>
      <c r="C85" s="16">
        <v>18</v>
      </c>
      <c r="D85" s="17">
        <v>34</v>
      </c>
    </row>
    <row r="86" spans="1:4" ht="18" customHeight="1" x14ac:dyDescent="0.2">
      <c r="A86" s="14">
        <v>66</v>
      </c>
      <c r="B86" s="15">
        <v>14</v>
      </c>
      <c r="C86" s="16">
        <v>29</v>
      </c>
      <c r="D86" s="17">
        <v>43</v>
      </c>
    </row>
    <row r="87" spans="1:4" ht="18" customHeight="1" x14ac:dyDescent="0.2">
      <c r="A87" s="14">
        <v>67</v>
      </c>
      <c r="B87" s="15">
        <v>23</v>
      </c>
      <c r="C87" s="16">
        <v>37</v>
      </c>
      <c r="D87" s="17">
        <v>60</v>
      </c>
    </row>
    <row r="88" spans="1:4" ht="18" customHeight="1" x14ac:dyDescent="0.2">
      <c r="A88" s="14">
        <v>68</v>
      </c>
      <c r="B88" s="15">
        <v>20</v>
      </c>
      <c r="C88" s="16">
        <v>26</v>
      </c>
      <c r="D88" s="17">
        <v>46</v>
      </c>
    </row>
    <row r="89" spans="1:4" ht="18" customHeight="1" x14ac:dyDescent="0.2">
      <c r="A89" s="14">
        <v>69</v>
      </c>
      <c r="B89" s="15">
        <v>25</v>
      </c>
      <c r="C89" s="16">
        <v>29</v>
      </c>
      <c r="D89" s="17">
        <v>54</v>
      </c>
    </row>
    <row r="90" spans="1:4" ht="18" customHeight="1" x14ac:dyDescent="0.2">
      <c r="A90" s="18" t="s">
        <v>63</v>
      </c>
      <c r="B90" s="15">
        <v>98</v>
      </c>
      <c r="C90" s="16">
        <v>139</v>
      </c>
      <c r="D90" s="17">
        <v>237</v>
      </c>
    </row>
    <row r="91" spans="1:4" ht="18" customHeight="1" x14ac:dyDescent="0.2">
      <c r="A91" s="14">
        <v>70</v>
      </c>
      <c r="B91" s="15">
        <v>30</v>
      </c>
      <c r="C91" s="16">
        <v>34</v>
      </c>
      <c r="D91" s="17">
        <v>64</v>
      </c>
    </row>
    <row r="92" spans="1:4" ht="18" customHeight="1" x14ac:dyDescent="0.2">
      <c r="A92" s="14">
        <v>71</v>
      </c>
      <c r="B92" s="15">
        <v>45</v>
      </c>
      <c r="C92" s="16">
        <v>45</v>
      </c>
      <c r="D92" s="17">
        <v>90</v>
      </c>
    </row>
    <row r="93" spans="1:4" ht="18" customHeight="1" x14ac:dyDescent="0.2">
      <c r="A93" s="14">
        <v>72</v>
      </c>
      <c r="B93" s="15">
        <v>38</v>
      </c>
      <c r="C93" s="16">
        <v>36</v>
      </c>
      <c r="D93" s="17">
        <v>74</v>
      </c>
    </row>
    <row r="94" spans="1:4" ht="18" customHeight="1" x14ac:dyDescent="0.2">
      <c r="A94" s="14">
        <v>73</v>
      </c>
      <c r="B94" s="15">
        <v>42</v>
      </c>
      <c r="C94" s="16">
        <v>54</v>
      </c>
      <c r="D94" s="17">
        <v>96</v>
      </c>
    </row>
    <row r="95" spans="1:4" ht="18" customHeight="1" x14ac:dyDescent="0.2">
      <c r="A95" s="14">
        <v>74</v>
      </c>
      <c r="B95" s="15">
        <v>15</v>
      </c>
      <c r="C95" s="16">
        <v>20</v>
      </c>
      <c r="D95" s="17">
        <v>35</v>
      </c>
    </row>
    <row r="96" spans="1:4" ht="18" customHeight="1" x14ac:dyDescent="0.2">
      <c r="A96" s="18" t="s">
        <v>64</v>
      </c>
      <c r="B96" s="15">
        <v>170</v>
      </c>
      <c r="C96" s="16">
        <v>189</v>
      </c>
      <c r="D96" s="17">
        <v>359</v>
      </c>
    </row>
    <row r="97" spans="1:4" ht="18" customHeight="1" x14ac:dyDescent="0.2">
      <c r="A97" s="14">
        <v>75</v>
      </c>
      <c r="B97" s="15">
        <v>22</v>
      </c>
      <c r="C97" s="16">
        <v>41</v>
      </c>
      <c r="D97" s="17">
        <v>63</v>
      </c>
    </row>
    <row r="98" spans="1:4" ht="18" customHeight="1" x14ac:dyDescent="0.2">
      <c r="A98" s="14">
        <v>76</v>
      </c>
      <c r="B98" s="15">
        <v>23</v>
      </c>
      <c r="C98" s="16">
        <v>33</v>
      </c>
      <c r="D98" s="17">
        <v>56</v>
      </c>
    </row>
    <row r="99" spans="1:4" ht="18" customHeight="1" x14ac:dyDescent="0.2">
      <c r="A99" s="14">
        <v>77</v>
      </c>
      <c r="B99" s="15">
        <v>23</v>
      </c>
      <c r="C99" s="16">
        <v>35</v>
      </c>
      <c r="D99" s="17">
        <v>58</v>
      </c>
    </row>
    <row r="100" spans="1:4" ht="18" customHeight="1" x14ac:dyDescent="0.2">
      <c r="A100" s="14">
        <v>78</v>
      </c>
      <c r="B100" s="15">
        <v>25</v>
      </c>
      <c r="C100" s="16">
        <v>39</v>
      </c>
      <c r="D100" s="17">
        <v>64</v>
      </c>
    </row>
    <row r="101" spans="1:4" ht="18" customHeight="1" x14ac:dyDescent="0.2">
      <c r="A101" s="14">
        <v>79</v>
      </c>
      <c r="B101" s="15">
        <v>22</v>
      </c>
      <c r="C101" s="16">
        <v>32</v>
      </c>
      <c r="D101" s="17">
        <v>54</v>
      </c>
    </row>
    <row r="102" spans="1:4" ht="18" customHeight="1" x14ac:dyDescent="0.2">
      <c r="A102" s="18" t="s">
        <v>65</v>
      </c>
      <c r="B102" s="15">
        <v>115</v>
      </c>
      <c r="C102" s="16">
        <v>180</v>
      </c>
      <c r="D102" s="17">
        <v>295</v>
      </c>
    </row>
    <row r="103" spans="1:4" ht="18" customHeight="1" x14ac:dyDescent="0.2">
      <c r="A103" s="14">
        <v>80</v>
      </c>
      <c r="B103" s="15">
        <v>17</v>
      </c>
      <c r="C103" s="16">
        <v>24</v>
      </c>
      <c r="D103" s="17">
        <v>41</v>
      </c>
    </row>
    <row r="104" spans="1:4" ht="18" customHeight="1" x14ac:dyDescent="0.2">
      <c r="A104" s="14">
        <v>81</v>
      </c>
      <c r="B104" s="15">
        <v>12</v>
      </c>
      <c r="C104" s="16">
        <v>30</v>
      </c>
      <c r="D104" s="17">
        <v>42</v>
      </c>
    </row>
    <row r="105" spans="1:4" ht="18" customHeight="1" x14ac:dyDescent="0.2">
      <c r="A105" s="14">
        <v>82</v>
      </c>
      <c r="B105" s="15">
        <v>12</v>
      </c>
      <c r="C105" s="16">
        <v>29</v>
      </c>
      <c r="D105" s="17">
        <v>41</v>
      </c>
    </row>
    <row r="106" spans="1:4" ht="18" customHeight="1" x14ac:dyDescent="0.2">
      <c r="A106" s="14">
        <v>83</v>
      </c>
      <c r="B106" s="15">
        <v>24</v>
      </c>
      <c r="C106" s="16">
        <v>29</v>
      </c>
      <c r="D106" s="17">
        <v>53</v>
      </c>
    </row>
    <row r="107" spans="1:4" ht="18" customHeight="1" x14ac:dyDescent="0.2">
      <c r="A107" s="14">
        <v>84</v>
      </c>
      <c r="B107" s="15">
        <v>18</v>
      </c>
      <c r="C107" s="16">
        <v>34</v>
      </c>
      <c r="D107" s="17">
        <v>52</v>
      </c>
    </row>
    <row r="108" spans="1:4" ht="18" customHeight="1" x14ac:dyDescent="0.2">
      <c r="A108" s="18" t="s">
        <v>66</v>
      </c>
      <c r="B108" s="15">
        <v>83</v>
      </c>
      <c r="C108" s="16">
        <v>146</v>
      </c>
      <c r="D108" s="17">
        <v>229</v>
      </c>
    </row>
    <row r="109" spans="1:4" ht="18" customHeight="1" x14ac:dyDescent="0.2">
      <c r="A109" s="14">
        <v>85</v>
      </c>
      <c r="B109" s="15">
        <v>14</v>
      </c>
      <c r="C109" s="16">
        <v>25</v>
      </c>
      <c r="D109" s="17">
        <v>39</v>
      </c>
    </row>
    <row r="110" spans="1:4" ht="18" customHeight="1" x14ac:dyDescent="0.2">
      <c r="A110" s="14">
        <v>86</v>
      </c>
      <c r="B110" s="15">
        <v>13</v>
      </c>
      <c r="C110" s="16">
        <v>25</v>
      </c>
      <c r="D110" s="17">
        <v>38</v>
      </c>
    </row>
    <row r="111" spans="1:4" ht="18" customHeight="1" x14ac:dyDescent="0.2">
      <c r="A111" s="14">
        <v>87</v>
      </c>
      <c r="B111" s="15">
        <v>10</v>
      </c>
      <c r="C111" s="16">
        <v>23</v>
      </c>
      <c r="D111" s="17">
        <v>33</v>
      </c>
    </row>
    <row r="112" spans="1:4" ht="18" customHeight="1" x14ac:dyDescent="0.2">
      <c r="A112" s="14">
        <v>88</v>
      </c>
      <c r="B112" s="15">
        <v>10</v>
      </c>
      <c r="C112" s="16">
        <v>19</v>
      </c>
      <c r="D112" s="17">
        <v>29</v>
      </c>
    </row>
    <row r="113" spans="1:4" ht="18" customHeight="1" x14ac:dyDescent="0.2">
      <c r="A113" s="14">
        <v>89</v>
      </c>
      <c r="B113" s="15">
        <v>6</v>
      </c>
      <c r="C113" s="16">
        <v>17</v>
      </c>
      <c r="D113" s="17">
        <v>23</v>
      </c>
    </row>
    <row r="114" spans="1:4" ht="18" customHeight="1" x14ac:dyDescent="0.2">
      <c r="A114" s="18" t="s">
        <v>67</v>
      </c>
      <c r="B114" s="15">
        <v>53</v>
      </c>
      <c r="C114" s="16">
        <v>109</v>
      </c>
      <c r="D114" s="17">
        <v>162</v>
      </c>
    </row>
    <row r="115" spans="1:4" ht="18" customHeight="1" x14ac:dyDescent="0.2">
      <c r="A115" s="14">
        <v>90</v>
      </c>
      <c r="B115" s="15">
        <v>5</v>
      </c>
      <c r="C115" s="16">
        <v>14</v>
      </c>
      <c r="D115" s="17">
        <v>19</v>
      </c>
    </row>
    <row r="116" spans="1:4" ht="18" customHeight="1" x14ac:dyDescent="0.2">
      <c r="A116" s="14">
        <v>91</v>
      </c>
      <c r="B116" s="15">
        <v>4</v>
      </c>
      <c r="C116" s="16">
        <v>16</v>
      </c>
      <c r="D116" s="17">
        <v>20</v>
      </c>
    </row>
    <row r="117" spans="1:4" ht="18" customHeight="1" x14ac:dyDescent="0.2">
      <c r="A117" s="14">
        <v>92</v>
      </c>
      <c r="B117" s="15">
        <v>1</v>
      </c>
      <c r="C117" s="16">
        <v>15</v>
      </c>
      <c r="D117" s="17">
        <v>16</v>
      </c>
    </row>
    <row r="118" spans="1:4" ht="18" customHeight="1" x14ac:dyDescent="0.2">
      <c r="A118" s="14">
        <v>93</v>
      </c>
      <c r="B118" s="15">
        <v>2</v>
      </c>
      <c r="C118" s="16">
        <v>9</v>
      </c>
      <c r="D118" s="17">
        <v>11</v>
      </c>
    </row>
    <row r="119" spans="1:4" ht="18" customHeight="1" x14ac:dyDescent="0.2">
      <c r="A119" s="14">
        <v>94</v>
      </c>
      <c r="B119" s="15">
        <v>1</v>
      </c>
      <c r="C119" s="16">
        <v>11</v>
      </c>
      <c r="D119" s="17">
        <v>12</v>
      </c>
    </row>
    <row r="120" spans="1:4" ht="18" customHeight="1" x14ac:dyDescent="0.2">
      <c r="A120" s="18" t="s">
        <v>68</v>
      </c>
      <c r="B120" s="15">
        <v>13</v>
      </c>
      <c r="C120" s="16">
        <v>65</v>
      </c>
      <c r="D120" s="17">
        <v>78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2</v>
      </c>
      <c r="C122" s="16">
        <v>4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2</v>
      </c>
      <c r="C124" s="16">
        <v>2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5</v>
      </c>
      <c r="C126" s="16">
        <v>23</v>
      </c>
      <c r="D126" s="17">
        <v>2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537</v>
      </c>
      <c r="C130" s="5">
        <v>853</v>
      </c>
      <c r="D130" s="6">
        <v>1390</v>
      </c>
    </row>
    <row r="131" spans="1:4" ht="18" customHeight="1" x14ac:dyDescent="0.2">
      <c r="A131" s="20" t="s">
        <v>47</v>
      </c>
      <c r="B131" s="7">
        <v>1516</v>
      </c>
      <c r="C131" s="8">
        <v>1730</v>
      </c>
      <c r="D131" s="9">
        <v>324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3</v>
      </c>
      <c r="B1" s="53"/>
      <c r="C1" s="53"/>
      <c r="D1" s="53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45" t="s">
        <v>42</v>
      </c>
      <c r="C4" s="46" t="s">
        <v>43</v>
      </c>
      <c r="D4" s="47" t="s">
        <v>44</v>
      </c>
    </row>
    <row r="5" spans="1:4" ht="18" customHeight="1" x14ac:dyDescent="0.2">
      <c r="A5" s="10">
        <v>0</v>
      </c>
      <c r="B5" s="48">
        <v>16</v>
      </c>
      <c r="C5" s="12">
        <v>6</v>
      </c>
      <c r="D5" s="13">
        <v>22</v>
      </c>
    </row>
    <row r="6" spans="1:4" ht="18" customHeight="1" x14ac:dyDescent="0.2">
      <c r="A6" s="14">
        <v>1</v>
      </c>
      <c r="B6" s="42">
        <v>6</v>
      </c>
      <c r="C6" s="16">
        <v>12</v>
      </c>
      <c r="D6" s="17">
        <v>18</v>
      </c>
    </row>
    <row r="7" spans="1:4" ht="18" customHeight="1" x14ac:dyDescent="0.2">
      <c r="A7" s="14">
        <v>2</v>
      </c>
      <c r="B7" s="42">
        <v>11</v>
      </c>
      <c r="C7" s="16">
        <v>6</v>
      </c>
      <c r="D7" s="17">
        <v>17</v>
      </c>
    </row>
    <row r="8" spans="1:4" ht="18" customHeight="1" x14ac:dyDescent="0.2">
      <c r="A8" s="14">
        <v>3</v>
      </c>
      <c r="B8" s="42">
        <v>7</v>
      </c>
      <c r="C8" s="16">
        <v>13</v>
      </c>
      <c r="D8" s="17">
        <v>20</v>
      </c>
    </row>
    <row r="9" spans="1:4" ht="18" customHeight="1" x14ac:dyDescent="0.2">
      <c r="A9" s="14">
        <v>4</v>
      </c>
      <c r="B9" s="42">
        <v>8</v>
      </c>
      <c r="C9" s="16">
        <v>11</v>
      </c>
      <c r="D9" s="17">
        <v>19</v>
      </c>
    </row>
    <row r="10" spans="1:4" ht="18" customHeight="1" x14ac:dyDescent="0.2">
      <c r="A10" s="18" t="s">
        <v>48</v>
      </c>
      <c r="B10" s="42">
        <v>48</v>
      </c>
      <c r="C10" s="16">
        <v>48</v>
      </c>
      <c r="D10" s="17">
        <v>96</v>
      </c>
    </row>
    <row r="11" spans="1:4" ht="18" customHeight="1" x14ac:dyDescent="0.2">
      <c r="A11" s="14">
        <v>5</v>
      </c>
      <c r="B11" s="41">
        <v>6</v>
      </c>
      <c r="C11" s="28">
        <v>11</v>
      </c>
      <c r="D11" s="29">
        <v>17</v>
      </c>
    </row>
    <row r="12" spans="1:4" ht="18" customHeight="1" x14ac:dyDescent="0.2">
      <c r="A12" s="14">
        <v>6</v>
      </c>
      <c r="B12" s="41">
        <v>10</v>
      </c>
      <c r="C12" s="28">
        <v>11</v>
      </c>
      <c r="D12" s="29">
        <v>21</v>
      </c>
    </row>
    <row r="13" spans="1:4" ht="18" customHeight="1" x14ac:dyDescent="0.2">
      <c r="A13" s="14">
        <v>7</v>
      </c>
      <c r="B13" s="41">
        <v>6</v>
      </c>
      <c r="C13" s="28">
        <v>5</v>
      </c>
      <c r="D13" s="29">
        <v>11</v>
      </c>
    </row>
    <row r="14" spans="1:4" ht="18" customHeight="1" x14ac:dyDescent="0.2">
      <c r="A14" s="14">
        <v>8</v>
      </c>
      <c r="B14" s="41">
        <v>9</v>
      </c>
      <c r="C14" s="28">
        <v>9</v>
      </c>
      <c r="D14" s="29">
        <v>18</v>
      </c>
    </row>
    <row r="15" spans="1:4" ht="18" customHeight="1" x14ac:dyDescent="0.2">
      <c r="A15" s="14">
        <v>9</v>
      </c>
      <c r="B15" s="41">
        <v>10</v>
      </c>
      <c r="C15" s="28">
        <v>3</v>
      </c>
      <c r="D15" s="29">
        <v>13</v>
      </c>
    </row>
    <row r="16" spans="1:4" ht="18" customHeight="1" x14ac:dyDescent="0.2">
      <c r="A16" s="18" t="s">
        <v>49</v>
      </c>
      <c r="B16" s="42">
        <v>41</v>
      </c>
      <c r="C16" s="16">
        <v>39</v>
      </c>
      <c r="D16" s="17">
        <v>80</v>
      </c>
    </row>
    <row r="17" spans="1:4" ht="18" customHeight="1" x14ac:dyDescent="0.2">
      <c r="A17" s="14">
        <v>10</v>
      </c>
      <c r="B17" s="41">
        <v>11</v>
      </c>
      <c r="C17" s="28">
        <v>4</v>
      </c>
      <c r="D17" s="29">
        <v>15</v>
      </c>
    </row>
    <row r="18" spans="1:4" ht="18" customHeight="1" x14ac:dyDescent="0.2">
      <c r="A18" s="14">
        <v>11</v>
      </c>
      <c r="B18" s="41">
        <v>13</v>
      </c>
      <c r="C18" s="28">
        <v>7</v>
      </c>
      <c r="D18" s="29">
        <v>20</v>
      </c>
    </row>
    <row r="19" spans="1:4" ht="18" customHeight="1" x14ac:dyDescent="0.2">
      <c r="A19" s="14">
        <v>12</v>
      </c>
      <c r="B19" s="41">
        <v>9</v>
      </c>
      <c r="C19" s="28">
        <v>11</v>
      </c>
      <c r="D19" s="29">
        <v>20</v>
      </c>
    </row>
    <row r="20" spans="1:4" ht="18" customHeight="1" x14ac:dyDescent="0.2">
      <c r="A20" s="14">
        <v>13</v>
      </c>
      <c r="B20" s="41">
        <v>6</v>
      </c>
      <c r="C20" s="28">
        <v>10</v>
      </c>
      <c r="D20" s="29">
        <v>16</v>
      </c>
    </row>
    <row r="21" spans="1:4" ht="18" customHeight="1" x14ac:dyDescent="0.2">
      <c r="A21" s="14">
        <v>14</v>
      </c>
      <c r="B21" s="41">
        <v>7</v>
      </c>
      <c r="C21" s="28">
        <v>7</v>
      </c>
      <c r="D21" s="29">
        <v>14</v>
      </c>
    </row>
    <row r="22" spans="1:4" ht="18" customHeight="1" x14ac:dyDescent="0.2">
      <c r="A22" s="18" t="s">
        <v>50</v>
      </c>
      <c r="B22" s="42">
        <v>46</v>
      </c>
      <c r="C22" s="16">
        <v>39</v>
      </c>
      <c r="D22" s="17">
        <v>85</v>
      </c>
    </row>
    <row r="23" spans="1:4" ht="18" customHeight="1" x14ac:dyDescent="0.2">
      <c r="A23" s="18" t="s">
        <v>51</v>
      </c>
      <c r="B23" s="42">
        <v>135</v>
      </c>
      <c r="C23" s="16">
        <v>126</v>
      </c>
      <c r="D23" s="17">
        <v>261</v>
      </c>
    </row>
    <row r="24" spans="1:4" ht="18" customHeight="1" x14ac:dyDescent="0.2">
      <c r="A24" s="14">
        <v>15</v>
      </c>
      <c r="B24" s="41">
        <v>3</v>
      </c>
      <c r="C24" s="28">
        <v>8</v>
      </c>
      <c r="D24" s="29">
        <v>11</v>
      </c>
    </row>
    <row r="25" spans="1:4" ht="18" customHeight="1" x14ac:dyDescent="0.2">
      <c r="A25" s="14">
        <v>16</v>
      </c>
      <c r="B25" s="41">
        <v>4</v>
      </c>
      <c r="C25" s="28">
        <v>6</v>
      </c>
      <c r="D25" s="29">
        <v>10</v>
      </c>
    </row>
    <row r="26" spans="1:4" ht="18" customHeight="1" x14ac:dyDescent="0.2">
      <c r="A26" s="14">
        <v>17</v>
      </c>
      <c r="B26" s="41">
        <v>4</v>
      </c>
      <c r="C26" s="28">
        <v>10</v>
      </c>
      <c r="D26" s="29">
        <v>14</v>
      </c>
    </row>
    <row r="27" spans="1:4" ht="18" customHeight="1" x14ac:dyDescent="0.2">
      <c r="A27" s="14">
        <v>18</v>
      </c>
      <c r="B27" s="41">
        <v>6</v>
      </c>
      <c r="C27" s="28">
        <v>3</v>
      </c>
      <c r="D27" s="29">
        <v>9</v>
      </c>
    </row>
    <row r="28" spans="1:4" ht="18" customHeight="1" x14ac:dyDescent="0.2">
      <c r="A28" s="14">
        <v>19</v>
      </c>
      <c r="B28" s="41">
        <v>7</v>
      </c>
      <c r="C28" s="28">
        <v>10</v>
      </c>
      <c r="D28" s="29">
        <v>17</v>
      </c>
    </row>
    <row r="29" spans="1:4" ht="18" customHeight="1" x14ac:dyDescent="0.2">
      <c r="A29" s="18" t="s">
        <v>52</v>
      </c>
      <c r="B29" s="42">
        <v>24</v>
      </c>
      <c r="C29" s="16">
        <v>37</v>
      </c>
      <c r="D29" s="17">
        <v>61</v>
      </c>
    </row>
    <row r="30" spans="1:4" ht="18" customHeight="1" x14ac:dyDescent="0.2">
      <c r="A30" s="14">
        <v>20</v>
      </c>
      <c r="B30" s="41">
        <v>3</v>
      </c>
      <c r="C30" s="28">
        <v>4</v>
      </c>
      <c r="D30" s="29">
        <v>7</v>
      </c>
    </row>
    <row r="31" spans="1:4" ht="18" customHeight="1" x14ac:dyDescent="0.2">
      <c r="A31" s="14">
        <v>21</v>
      </c>
      <c r="B31" s="41">
        <v>9</v>
      </c>
      <c r="C31" s="28">
        <v>8</v>
      </c>
      <c r="D31" s="29">
        <v>17</v>
      </c>
    </row>
    <row r="32" spans="1:4" ht="18" customHeight="1" x14ac:dyDescent="0.2">
      <c r="A32" s="14">
        <v>22</v>
      </c>
      <c r="B32" s="41">
        <v>6</v>
      </c>
      <c r="C32" s="28">
        <v>3</v>
      </c>
      <c r="D32" s="29">
        <v>9</v>
      </c>
    </row>
    <row r="33" spans="1:4" ht="18" customHeight="1" x14ac:dyDescent="0.2">
      <c r="A33" s="14">
        <v>23</v>
      </c>
      <c r="B33" s="41">
        <v>4</v>
      </c>
      <c r="C33" s="28">
        <v>11</v>
      </c>
      <c r="D33" s="29">
        <v>15</v>
      </c>
    </row>
    <row r="34" spans="1:4" ht="18" customHeight="1" x14ac:dyDescent="0.2">
      <c r="A34" s="14">
        <v>24</v>
      </c>
      <c r="B34" s="41">
        <v>6</v>
      </c>
      <c r="C34" s="28">
        <v>6</v>
      </c>
      <c r="D34" s="29">
        <v>12</v>
      </c>
    </row>
    <row r="35" spans="1:4" ht="18" customHeight="1" x14ac:dyDescent="0.2">
      <c r="A35" s="18" t="s">
        <v>53</v>
      </c>
      <c r="B35" s="42">
        <v>28</v>
      </c>
      <c r="C35" s="16">
        <v>32</v>
      </c>
      <c r="D35" s="17">
        <v>60</v>
      </c>
    </row>
    <row r="36" spans="1:4" ht="18" customHeight="1" x14ac:dyDescent="0.2">
      <c r="A36" s="14">
        <v>25</v>
      </c>
      <c r="B36" s="41">
        <v>6</v>
      </c>
      <c r="C36" s="28">
        <v>8</v>
      </c>
      <c r="D36" s="29">
        <v>14</v>
      </c>
    </row>
    <row r="37" spans="1:4" ht="18" customHeight="1" x14ac:dyDescent="0.2">
      <c r="A37" s="14">
        <v>26</v>
      </c>
      <c r="B37" s="41">
        <v>8</v>
      </c>
      <c r="C37" s="28">
        <v>10</v>
      </c>
      <c r="D37" s="29">
        <v>18</v>
      </c>
    </row>
    <row r="38" spans="1:4" ht="18" customHeight="1" x14ac:dyDescent="0.2">
      <c r="A38" s="14">
        <v>27</v>
      </c>
      <c r="B38" s="41">
        <v>9</v>
      </c>
      <c r="C38" s="28">
        <v>11</v>
      </c>
      <c r="D38" s="29">
        <v>20</v>
      </c>
    </row>
    <row r="39" spans="1:4" ht="18" customHeight="1" x14ac:dyDescent="0.2">
      <c r="A39" s="14">
        <v>28</v>
      </c>
      <c r="B39" s="41">
        <v>11</v>
      </c>
      <c r="C39" s="28">
        <v>10</v>
      </c>
      <c r="D39" s="29">
        <v>21</v>
      </c>
    </row>
    <row r="40" spans="1:4" ht="18" customHeight="1" x14ac:dyDescent="0.2">
      <c r="A40" s="14">
        <v>29</v>
      </c>
      <c r="B40" s="41">
        <v>15</v>
      </c>
      <c r="C40" s="28">
        <v>12</v>
      </c>
      <c r="D40" s="29">
        <v>27</v>
      </c>
    </row>
    <row r="41" spans="1:4" ht="18" customHeight="1" x14ac:dyDescent="0.2">
      <c r="A41" s="18" t="s">
        <v>54</v>
      </c>
      <c r="B41" s="42">
        <v>49</v>
      </c>
      <c r="C41" s="16">
        <v>51</v>
      </c>
      <c r="D41" s="17">
        <v>100</v>
      </c>
    </row>
    <row r="42" spans="1:4" ht="18" customHeight="1" x14ac:dyDescent="0.2">
      <c r="A42" s="14">
        <v>30</v>
      </c>
      <c r="B42" s="41">
        <v>6</v>
      </c>
      <c r="C42" s="28">
        <v>13</v>
      </c>
      <c r="D42" s="29">
        <v>19</v>
      </c>
    </row>
    <row r="43" spans="1:4" ht="18" customHeight="1" x14ac:dyDescent="0.2">
      <c r="A43" s="14">
        <v>31</v>
      </c>
      <c r="B43" s="41">
        <v>8</v>
      </c>
      <c r="C43" s="28">
        <v>10</v>
      </c>
      <c r="D43" s="29">
        <v>18</v>
      </c>
    </row>
    <row r="44" spans="1:4" ht="18" customHeight="1" x14ac:dyDescent="0.2">
      <c r="A44" s="14">
        <v>32</v>
      </c>
      <c r="B44" s="41">
        <v>8</v>
      </c>
      <c r="C44" s="28">
        <v>15</v>
      </c>
      <c r="D44" s="29">
        <v>23</v>
      </c>
    </row>
    <row r="45" spans="1:4" ht="18" customHeight="1" x14ac:dyDescent="0.2">
      <c r="A45" s="14">
        <v>33</v>
      </c>
      <c r="B45" s="41">
        <v>20</v>
      </c>
      <c r="C45" s="28">
        <v>14</v>
      </c>
      <c r="D45" s="29">
        <v>34</v>
      </c>
    </row>
    <row r="46" spans="1:4" ht="18" customHeight="1" x14ac:dyDescent="0.2">
      <c r="A46" s="14">
        <v>34</v>
      </c>
      <c r="B46" s="41">
        <v>17</v>
      </c>
      <c r="C46" s="28">
        <v>8</v>
      </c>
      <c r="D46" s="29">
        <v>25</v>
      </c>
    </row>
    <row r="47" spans="1:4" ht="18" customHeight="1" x14ac:dyDescent="0.2">
      <c r="A47" s="18" t="s">
        <v>55</v>
      </c>
      <c r="B47" s="42">
        <v>59</v>
      </c>
      <c r="C47" s="16">
        <v>60</v>
      </c>
      <c r="D47" s="17">
        <v>119</v>
      </c>
    </row>
    <row r="48" spans="1:4" ht="18" customHeight="1" x14ac:dyDescent="0.2">
      <c r="A48" s="14">
        <v>35</v>
      </c>
      <c r="B48" s="41">
        <v>20</v>
      </c>
      <c r="C48" s="28">
        <v>15</v>
      </c>
      <c r="D48" s="29">
        <v>35</v>
      </c>
    </row>
    <row r="49" spans="1:4" ht="18" customHeight="1" x14ac:dyDescent="0.2">
      <c r="A49" s="14">
        <v>36</v>
      </c>
      <c r="B49" s="41">
        <v>16</v>
      </c>
      <c r="C49" s="28">
        <v>16</v>
      </c>
      <c r="D49" s="29">
        <v>32</v>
      </c>
    </row>
    <row r="50" spans="1:4" ht="18" customHeight="1" x14ac:dyDescent="0.2">
      <c r="A50" s="14">
        <v>37</v>
      </c>
      <c r="B50" s="41">
        <v>17</v>
      </c>
      <c r="C50" s="28">
        <v>10</v>
      </c>
      <c r="D50" s="29">
        <v>27</v>
      </c>
    </row>
    <row r="51" spans="1:4" ht="18" customHeight="1" x14ac:dyDescent="0.2">
      <c r="A51" s="14">
        <v>38</v>
      </c>
      <c r="B51" s="41">
        <v>18</v>
      </c>
      <c r="C51" s="28">
        <v>17</v>
      </c>
      <c r="D51" s="29">
        <v>35</v>
      </c>
    </row>
    <row r="52" spans="1:4" ht="18" customHeight="1" x14ac:dyDescent="0.2">
      <c r="A52" s="14">
        <v>39</v>
      </c>
      <c r="B52" s="41">
        <v>12</v>
      </c>
      <c r="C52" s="28">
        <v>11</v>
      </c>
      <c r="D52" s="29">
        <v>23</v>
      </c>
    </row>
    <row r="53" spans="1:4" ht="18" customHeight="1" x14ac:dyDescent="0.2">
      <c r="A53" s="18" t="s">
        <v>56</v>
      </c>
      <c r="B53" s="42">
        <v>83</v>
      </c>
      <c r="C53" s="16">
        <v>69</v>
      </c>
      <c r="D53" s="17">
        <v>152</v>
      </c>
    </row>
    <row r="54" spans="1:4" ht="18" customHeight="1" x14ac:dyDescent="0.2">
      <c r="A54" s="14">
        <v>40</v>
      </c>
      <c r="B54" s="41">
        <v>7</v>
      </c>
      <c r="C54" s="28">
        <v>18</v>
      </c>
      <c r="D54" s="29">
        <v>25</v>
      </c>
    </row>
    <row r="55" spans="1:4" ht="18" customHeight="1" x14ac:dyDescent="0.2">
      <c r="A55" s="14">
        <v>41</v>
      </c>
      <c r="B55" s="41">
        <v>16</v>
      </c>
      <c r="C55" s="28">
        <v>14</v>
      </c>
      <c r="D55" s="29">
        <v>30</v>
      </c>
    </row>
    <row r="56" spans="1:4" ht="18" customHeight="1" x14ac:dyDescent="0.2">
      <c r="A56" s="14">
        <v>42</v>
      </c>
      <c r="B56" s="41">
        <v>13</v>
      </c>
      <c r="C56" s="28">
        <v>19</v>
      </c>
      <c r="D56" s="29">
        <v>32</v>
      </c>
    </row>
    <row r="57" spans="1:4" ht="18" customHeight="1" x14ac:dyDescent="0.2">
      <c r="A57" s="14">
        <v>43</v>
      </c>
      <c r="B57" s="41">
        <v>22</v>
      </c>
      <c r="C57" s="28">
        <v>15</v>
      </c>
      <c r="D57" s="29">
        <v>37</v>
      </c>
    </row>
    <row r="58" spans="1:4" ht="18" customHeight="1" x14ac:dyDescent="0.2">
      <c r="A58" s="14">
        <v>44</v>
      </c>
      <c r="B58" s="41">
        <v>27</v>
      </c>
      <c r="C58" s="28">
        <v>14</v>
      </c>
      <c r="D58" s="29">
        <v>41</v>
      </c>
    </row>
    <row r="59" spans="1:4" ht="18" customHeight="1" x14ac:dyDescent="0.2">
      <c r="A59" s="18" t="s">
        <v>57</v>
      </c>
      <c r="B59" s="42">
        <v>85</v>
      </c>
      <c r="C59" s="16">
        <v>80</v>
      </c>
      <c r="D59" s="17">
        <v>165</v>
      </c>
    </row>
    <row r="60" spans="1:4" ht="18" customHeight="1" x14ac:dyDescent="0.2">
      <c r="A60" s="14">
        <v>45</v>
      </c>
      <c r="B60" s="41">
        <v>20</v>
      </c>
      <c r="C60" s="28">
        <v>23</v>
      </c>
      <c r="D60" s="29">
        <v>43</v>
      </c>
    </row>
    <row r="61" spans="1:4" ht="18" customHeight="1" x14ac:dyDescent="0.2">
      <c r="A61" s="14">
        <v>46</v>
      </c>
      <c r="B61" s="41">
        <v>15</v>
      </c>
      <c r="C61" s="28">
        <v>20</v>
      </c>
      <c r="D61" s="29">
        <v>35</v>
      </c>
    </row>
    <row r="62" spans="1:4" ht="18" customHeight="1" x14ac:dyDescent="0.2">
      <c r="A62" s="14">
        <v>47</v>
      </c>
      <c r="B62" s="41">
        <v>21</v>
      </c>
      <c r="C62" s="28">
        <v>23</v>
      </c>
      <c r="D62" s="29">
        <v>44</v>
      </c>
    </row>
    <row r="63" spans="1:4" ht="18" customHeight="1" x14ac:dyDescent="0.2">
      <c r="A63" s="14">
        <v>48</v>
      </c>
      <c r="B63" s="41">
        <v>17</v>
      </c>
      <c r="C63" s="28">
        <v>18</v>
      </c>
      <c r="D63" s="29">
        <v>35</v>
      </c>
    </row>
    <row r="64" spans="1:4" ht="18" customHeight="1" x14ac:dyDescent="0.2">
      <c r="A64" s="14">
        <v>49</v>
      </c>
      <c r="B64" s="41">
        <v>19</v>
      </c>
      <c r="C64" s="28">
        <v>26</v>
      </c>
      <c r="D64" s="29">
        <v>45</v>
      </c>
    </row>
    <row r="65" spans="1:4" ht="18" customHeight="1" x14ac:dyDescent="0.2">
      <c r="A65" s="18" t="s">
        <v>58</v>
      </c>
      <c r="B65" s="42">
        <v>92</v>
      </c>
      <c r="C65" s="16">
        <v>110</v>
      </c>
      <c r="D65" s="17">
        <v>202</v>
      </c>
    </row>
    <row r="66" spans="1:4" ht="18" customHeight="1" x14ac:dyDescent="0.2">
      <c r="A66" s="14">
        <v>50</v>
      </c>
      <c r="B66" s="41">
        <v>20</v>
      </c>
      <c r="C66" s="28">
        <v>19</v>
      </c>
      <c r="D66" s="29">
        <v>39</v>
      </c>
    </row>
    <row r="67" spans="1:4" ht="18" customHeight="1" x14ac:dyDescent="0.2">
      <c r="A67" s="14">
        <v>51</v>
      </c>
      <c r="B67" s="41">
        <v>20</v>
      </c>
      <c r="C67" s="28">
        <v>20</v>
      </c>
      <c r="D67" s="29">
        <v>40</v>
      </c>
    </row>
    <row r="68" spans="1:4" ht="18" customHeight="1" x14ac:dyDescent="0.2">
      <c r="A68" s="14">
        <v>52</v>
      </c>
      <c r="B68" s="41">
        <v>17</v>
      </c>
      <c r="C68" s="28">
        <v>16</v>
      </c>
      <c r="D68" s="29">
        <v>33</v>
      </c>
    </row>
    <row r="69" spans="1:4" ht="18" customHeight="1" x14ac:dyDescent="0.2">
      <c r="A69" s="14">
        <v>53</v>
      </c>
      <c r="B69" s="41">
        <v>11</v>
      </c>
      <c r="C69" s="28">
        <v>15</v>
      </c>
      <c r="D69" s="29">
        <v>26</v>
      </c>
    </row>
    <row r="70" spans="1:4" ht="18" customHeight="1" x14ac:dyDescent="0.2">
      <c r="A70" s="14">
        <v>54</v>
      </c>
      <c r="B70" s="41">
        <v>15</v>
      </c>
      <c r="C70" s="28">
        <v>15</v>
      </c>
      <c r="D70" s="29">
        <v>30</v>
      </c>
    </row>
    <row r="71" spans="1:4" ht="18" customHeight="1" x14ac:dyDescent="0.2">
      <c r="A71" s="18" t="s">
        <v>59</v>
      </c>
      <c r="B71" s="42">
        <v>83</v>
      </c>
      <c r="C71" s="16">
        <v>85</v>
      </c>
      <c r="D71" s="17">
        <v>168</v>
      </c>
    </row>
    <row r="72" spans="1:4" ht="18" customHeight="1" x14ac:dyDescent="0.2">
      <c r="A72" s="14">
        <v>55</v>
      </c>
      <c r="B72" s="41">
        <v>12</v>
      </c>
      <c r="C72" s="28">
        <v>14</v>
      </c>
      <c r="D72" s="29">
        <v>26</v>
      </c>
    </row>
    <row r="73" spans="1:4" ht="18" customHeight="1" x14ac:dyDescent="0.2">
      <c r="A73" s="14">
        <v>56</v>
      </c>
      <c r="B73" s="41">
        <v>18</v>
      </c>
      <c r="C73" s="28">
        <v>20</v>
      </c>
      <c r="D73" s="29">
        <v>38</v>
      </c>
    </row>
    <row r="74" spans="1:4" ht="18" customHeight="1" x14ac:dyDescent="0.2">
      <c r="A74" s="14">
        <v>57</v>
      </c>
      <c r="B74" s="41">
        <v>19</v>
      </c>
      <c r="C74" s="28">
        <v>14</v>
      </c>
      <c r="D74" s="29">
        <v>33</v>
      </c>
    </row>
    <row r="75" spans="1:4" ht="18" customHeight="1" x14ac:dyDescent="0.2">
      <c r="A75" s="14">
        <v>58</v>
      </c>
      <c r="B75" s="41">
        <v>18</v>
      </c>
      <c r="C75" s="28">
        <v>13</v>
      </c>
      <c r="D75" s="29">
        <v>31</v>
      </c>
    </row>
    <row r="76" spans="1:4" ht="18" customHeight="1" x14ac:dyDescent="0.2">
      <c r="A76" s="14">
        <v>59</v>
      </c>
      <c r="B76" s="41">
        <v>15</v>
      </c>
      <c r="C76" s="28">
        <v>26</v>
      </c>
      <c r="D76" s="29">
        <v>41</v>
      </c>
    </row>
    <row r="77" spans="1:4" ht="18" customHeight="1" x14ac:dyDescent="0.2">
      <c r="A77" s="18" t="s">
        <v>60</v>
      </c>
      <c r="B77" s="42">
        <v>82</v>
      </c>
      <c r="C77" s="16">
        <v>87</v>
      </c>
      <c r="D77" s="17">
        <v>169</v>
      </c>
    </row>
    <row r="78" spans="1:4" ht="18" customHeight="1" x14ac:dyDescent="0.2">
      <c r="A78" s="14">
        <v>60</v>
      </c>
      <c r="B78" s="41">
        <v>15</v>
      </c>
      <c r="C78" s="28">
        <v>23</v>
      </c>
      <c r="D78" s="29">
        <v>38</v>
      </c>
    </row>
    <row r="79" spans="1:4" ht="18" customHeight="1" x14ac:dyDescent="0.2">
      <c r="A79" s="14">
        <v>61</v>
      </c>
      <c r="B79" s="41">
        <v>17</v>
      </c>
      <c r="C79" s="28">
        <v>13</v>
      </c>
      <c r="D79" s="29">
        <v>30</v>
      </c>
    </row>
    <row r="80" spans="1:4" ht="18" customHeight="1" x14ac:dyDescent="0.2">
      <c r="A80" s="14">
        <v>62</v>
      </c>
      <c r="B80" s="41">
        <v>17</v>
      </c>
      <c r="C80" s="28">
        <v>27</v>
      </c>
      <c r="D80" s="29">
        <v>44</v>
      </c>
    </row>
    <row r="81" spans="1:4" ht="18" customHeight="1" x14ac:dyDescent="0.2">
      <c r="A81" s="14">
        <v>63</v>
      </c>
      <c r="B81" s="41">
        <v>18</v>
      </c>
      <c r="C81" s="28">
        <v>16</v>
      </c>
      <c r="D81" s="29">
        <v>34</v>
      </c>
    </row>
    <row r="82" spans="1:4" ht="18" customHeight="1" x14ac:dyDescent="0.2">
      <c r="A82" s="14">
        <v>64</v>
      </c>
      <c r="B82" s="41">
        <v>16</v>
      </c>
      <c r="C82" s="28">
        <v>15</v>
      </c>
      <c r="D82" s="29">
        <v>31</v>
      </c>
    </row>
    <row r="83" spans="1:4" ht="18" customHeight="1" x14ac:dyDescent="0.2">
      <c r="A83" s="18" t="s">
        <v>61</v>
      </c>
      <c r="B83" s="42">
        <v>83</v>
      </c>
      <c r="C83" s="16">
        <v>94</v>
      </c>
      <c r="D83" s="17">
        <v>177</v>
      </c>
    </row>
    <row r="84" spans="1:4" ht="18" customHeight="1" x14ac:dyDescent="0.2">
      <c r="A84" s="18" t="s">
        <v>62</v>
      </c>
      <c r="B84" s="42">
        <v>668</v>
      </c>
      <c r="C84" s="16">
        <v>705</v>
      </c>
      <c r="D84" s="17">
        <v>1373</v>
      </c>
    </row>
    <row r="85" spans="1:4" ht="18" customHeight="1" x14ac:dyDescent="0.2">
      <c r="A85" s="14">
        <v>65</v>
      </c>
      <c r="B85" s="41">
        <v>15</v>
      </c>
      <c r="C85" s="28">
        <v>21</v>
      </c>
      <c r="D85" s="29">
        <v>36</v>
      </c>
    </row>
    <row r="86" spans="1:4" ht="18" customHeight="1" x14ac:dyDescent="0.2">
      <c r="A86" s="14">
        <v>66</v>
      </c>
      <c r="B86" s="41">
        <v>15</v>
      </c>
      <c r="C86" s="28">
        <v>15</v>
      </c>
      <c r="D86" s="29">
        <v>30</v>
      </c>
    </row>
    <row r="87" spans="1:4" ht="18" customHeight="1" x14ac:dyDescent="0.2">
      <c r="A87" s="14">
        <v>67</v>
      </c>
      <c r="B87" s="41">
        <v>14</v>
      </c>
      <c r="C87" s="28">
        <v>15</v>
      </c>
      <c r="D87" s="29">
        <v>29</v>
      </c>
    </row>
    <row r="88" spans="1:4" ht="18" customHeight="1" x14ac:dyDescent="0.2">
      <c r="A88" s="14">
        <v>68</v>
      </c>
      <c r="B88" s="41">
        <v>15</v>
      </c>
      <c r="C88" s="28">
        <v>20</v>
      </c>
      <c r="D88" s="29">
        <v>35</v>
      </c>
    </row>
    <row r="89" spans="1:4" ht="18" customHeight="1" x14ac:dyDescent="0.2">
      <c r="A89" s="14">
        <v>69</v>
      </c>
      <c r="B89" s="41">
        <v>18</v>
      </c>
      <c r="C89" s="28">
        <v>18</v>
      </c>
      <c r="D89" s="29">
        <v>36</v>
      </c>
    </row>
    <row r="90" spans="1:4" ht="18" customHeight="1" x14ac:dyDescent="0.2">
      <c r="A90" s="18" t="s">
        <v>63</v>
      </c>
      <c r="B90" s="42">
        <v>77</v>
      </c>
      <c r="C90" s="16">
        <v>89</v>
      </c>
      <c r="D90" s="17">
        <v>166</v>
      </c>
    </row>
    <row r="91" spans="1:4" ht="18" customHeight="1" x14ac:dyDescent="0.2">
      <c r="A91" s="14">
        <v>70</v>
      </c>
      <c r="B91" s="41">
        <v>15</v>
      </c>
      <c r="C91" s="28">
        <v>19</v>
      </c>
      <c r="D91" s="29">
        <v>34</v>
      </c>
    </row>
    <row r="92" spans="1:4" ht="18" customHeight="1" x14ac:dyDescent="0.2">
      <c r="A92" s="14">
        <v>71</v>
      </c>
      <c r="B92" s="41">
        <v>19</v>
      </c>
      <c r="C92" s="28">
        <v>26</v>
      </c>
      <c r="D92" s="29">
        <v>45</v>
      </c>
    </row>
    <row r="93" spans="1:4" ht="18" customHeight="1" x14ac:dyDescent="0.2">
      <c r="A93" s="14">
        <v>72</v>
      </c>
      <c r="B93" s="41">
        <v>14</v>
      </c>
      <c r="C93" s="28">
        <v>23</v>
      </c>
      <c r="D93" s="29">
        <v>37</v>
      </c>
    </row>
    <row r="94" spans="1:4" ht="18" customHeight="1" x14ac:dyDescent="0.2">
      <c r="A94" s="14">
        <v>73</v>
      </c>
      <c r="B94" s="41">
        <v>16</v>
      </c>
      <c r="C94" s="28">
        <v>25</v>
      </c>
      <c r="D94" s="29">
        <v>41</v>
      </c>
    </row>
    <row r="95" spans="1:4" ht="18" customHeight="1" x14ac:dyDescent="0.2">
      <c r="A95" s="14">
        <v>74</v>
      </c>
      <c r="B95" s="41">
        <v>6</v>
      </c>
      <c r="C95" s="28">
        <v>8</v>
      </c>
      <c r="D95" s="29">
        <v>14</v>
      </c>
    </row>
    <row r="96" spans="1:4" ht="18" customHeight="1" x14ac:dyDescent="0.2">
      <c r="A96" s="18" t="s">
        <v>64</v>
      </c>
      <c r="B96" s="42">
        <v>70</v>
      </c>
      <c r="C96" s="16">
        <v>101</v>
      </c>
      <c r="D96" s="17">
        <v>171</v>
      </c>
    </row>
    <row r="97" spans="1:4" ht="18" customHeight="1" x14ac:dyDescent="0.2">
      <c r="A97" s="14">
        <v>75</v>
      </c>
      <c r="B97" s="41">
        <v>21</v>
      </c>
      <c r="C97" s="28">
        <v>6</v>
      </c>
      <c r="D97" s="29">
        <v>27</v>
      </c>
    </row>
    <row r="98" spans="1:4" ht="18" customHeight="1" x14ac:dyDescent="0.2">
      <c r="A98" s="14">
        <v>76</v>
      </c>
      <c r="B98" s="41">
        <v>11</v>
      </c>
      <c r="C98" s="28">
        <v>20</v>
      </c>
      <c r="D98" s="29">
        <v>31</v>
      </c>
    </row>
    <row r="99" spans="1:4" ht="18" customHeight="1" x14ac:dyDescent="0.2">
      <c r="A99" s="14">
        <v>77</v>
      </c>
      <c r="B99" s="41">
        <v>10</v>
      </c>
      <c r="C99" s="28">
        <v>14</v>
      </c>
      <c r="D99" s="29">
        <v>24</v>
      </c>
    </row>
    <row r="100" spans="1:4" ht="18" customHeight="1" x14ac:dyDescent="0.2">
      <c r="A100" s="14">
        <v>78</v>
      </c>
      <c r="B100" s="41">
        <v>15</v>
      </c>
      <c r="C100" s="28">
        <v>22</v>
      </c>
      <c r="D100" s="29">
        <v>37</v>
      </c>
    </row>
    <row r="101" spans="1:4" ht="18" customHeight="1" x14ac:dyDescent="0.2">
      <c r="A101" s="14">
        <v>79</v>
      </c>
      <c r="B101" s="41">
        <v>15</v>
      </c>
      <c r="C101" s="28">
        <v>15</v>
      </c>
      <c r="D101" s="29">
        <v>30</v>
      </c>
    </row>
    <row r="102" spans="1:4" ht="18" customHeight="1" x14ac:dyDescent="0.2">
      <c r="A102" s="18" t="s">
        <v>65</v>
      </c>
      <c r="B102" s="42">
        <v>72</v>
      </c>
      <c r="C102" s="16">
        <v>77</v>
      </c>
      <c r="D102" s="17">
        <v>149</v>
      </c>
    </row>
    <row r="103" spans="1:4" ht="18" customHeight="1" x14ac:dyDescent="0.2">
      <c r="A103" s="14">
        <v>80</v>
      </c>
      <c r="B103" s="41">
        <v>10</v>
      </c>
      <c r="C103" s="28">
        <v>18</v>
      </c>
      <c r="D103" s="29">
        <v>28</v>
      </c>
    </row>
    <row r="104" spans="1:4" ht="18" customHeight="1" x14ac:dyDescent="0.2">
      <c r="A104" s="14">
        <v>81</v>
      </c>
      <c r="B104" s="41">
        <v>7</v>
      </c>
      <c r="C104" s="28">
        <v>6</v>
      </c>
      <c r="D104" s="29">
        <v>13</v>
      </c>
    </row>
    <row r="105" spans="1:4" ht="18" customHeight="1" x14ac:dyDescent="0.2">
      <c r="A105" s="14">
        <v>82</v>
      </c>
      <c r="B105" s="41">
        <v>6</v>
      </c>
      <c r="C105" s="28">
        <v>10</v>
      </c>
      <c r="D105" s="29">
        <v>16</v>
      </c>
    </row>
    <row r="106" spans="1:4" ht="18" customHeight="1" x14ac:dyDescent="0.2">
      <c r="A106" s="14">
        <v>83</v>
      </c>
      <c r="B106" s="41">
        <v>4</v>
      </c>
      <c r="C106" s="28">
        <v>11</v>
      </c>
      <c r="D106" s="29">
        <v>15</v>
      </c>
    </row>
    <row r="107" spans="1:4" ht="18" customHeight="1" x14ac:dyDescent="0.2">
      <c r="A107" s="14">
        <v>84</v>
      </c>
      <c r="B107" s="41">
        <v>2</v>
      </c>
      <c r="C107" s="28">
        <v>19</v>
      </c>
      <c r="D107" s="29">
        <v>21</v>
      </c>
    </row>
    <row r="108" spans="1:4" ht="18" customHeight="1" x14ac:dyDescent="0.2">
      <c r="A108" s="18" t="s">
        <v>66</v>
      </c>
      <c r="B108" s="42">
        <v>29</v>
      </c>
      <c r="C108" s="16">
        <v>64</v>
      </c>
      <c r="D108" s="17">
        <v>93</v>
      </c>
    </row>
    <row r="109" spans="1:4" ht="18" customHeight="1" x14ac:dyDescent="0.2">
      <c r="A109" s="14">
        <v>85</v>
      </c>
      <c r="B109" s="41">
        <v>7</v>
      </c>
      <c r="C109" s="28">
        <v>11</v>
      </c>
      <c r="D109" s="29">
        <v>18</v>
      </c>
    </row>
    <row r="110" spans="1:4" ht="18" customHeight="1" x14ac:dyDescent="0.2">
      <c r="A110" s="14">
        <v>86</v>
      </c>
      <c r="B110" s="41">
        <v>5</v>
      </c>
      <c r="C110" s="28">
        <v>11</v>
      </c>
      <c r="D110" s="29">
        <v>16</v>
      </c>
    </row>
    <row r="111" spans="1:4" ht="18" customHeight="1" x14ac:dyDescent="0.2">
      <c r="A111" s="14">
        <v>87</v>
      </c>
      <c r="B111" s="41">
        <v>11</v>
      </c>
      <c r="C111" s="28">
        <v>15</v>
      </c>
      <c r="D111" s="29">
        <v>26</v>
      </c>
    </row>
    <row r="112" spans="1:4" ht="18" customHeight="1" x14ac:dyDescent="0.2">
      <c r="A112" s="14">
        <v>88</v>
      </c>
      <c r="B112" s="41">
        <v>2</v>
      </c>
      <c r="C112" s="28">
        <v>11</v>
      </c>
      <c r="D112" s="29">
        <v>13</v>
      </c>
    </row>
    <row r="113" spans="1:4" ht="18" customHeight="1" x14ac:dyDescent="0.2">
      <c r="A113" s="14">
        <v>89</v>
      </c>
      <c r="B113" s="41">
        <v>2</v>
      </c>
      <c r="C113" s="28">
        <v>9</v>
      </c>
      <c r="D113" s="29">
        <v>11</v>
      </c>
    </row>
    <row r="114" spans="1:4" ht="18" customHeight="1" x14ac:dyDescent="0.2">
      <c r="A114" s="18" t="s">
        <v>67</v>
      </c>
      <c r="B114" s="42">
        <v>27</v>
      </c>
      <c r="C114" s="16">
        <v>57</v>
      </c>
      <c r="D114" s="17">
        <v>84</v>
      </c>
    </row>
    <row r="115" spans="1:4" ht="18" customHeight="1" x14ac:dyDescent="0.2">
      <c r="A115" s="14">
        <v>90</v>
      </c>
      <c r="B115" s="41">
        <v>3</v>
      </c>
      <c r="C115" s="28">
        <v>9</v>
      </c>
      <c r="D115" s="29">
        <v>12</v>
      </c>
    </row>
    <row r="116" spans="1:4" ht="18" customHeight="1" x14ac:dyDescent="0.2">
      <c r="A116" s="14">
        <v>91</v>
      </c>
      <c r="B116" s="41">
        <v>1</v>
      </c>
      <c r="C116" s="28">
        <v>8</v>
      </c>
      <c r="D116" s="29">
        <v>9</v>
      </c>
    </row>
    <row r="117" spans="1:4" ht="18" customHeight="1" x14ac:dyDescent="0.2">
      <c r="A117" s="14">
        <v>92</v>
      </c>
      <c r="B117" s="41">
        <v>2</v>
      </c>
      <c r="C117" s="28">
        <v>13</v>
      </c>
      <c r="D117" s="29">
        <v>15</v>
      </c>
    </row>
    <row r="118" spans="1:4" ht="18" customHeight="1" x14ac:dyDescent="0.2">
      <c r="A118" s="14">
        <v>93</v>
      </c>
      <c r="B118" s="41">
        <v>3</v>
      </c>
      <c r="C118" s="28">
        <v>4</v>
      </c>
      <c r="D118" s="29">
        <v>7</v>
      </c>
    </row>
    <row r="119" spans="1:4" ht="18" customHeight="1" x14ac:dyDescent="0.2">
      <c r="A119" s="14">
        <v>94</v>
      </c>
      <c r="B119" s="41">
        <v>0</v>
      </c>
      <c r="C119" s="28">
        <v>2</v>
      </c>
      <c r="D119" s="29">
        <v>2</v>
      </c>
    </row>
    <row r="120" spans="1:4" ht="18" customHeight="1" x14ac:dyDescent="0.2">
      <c r="A120" s="18" t="s">
        <v>68</v>
      </c>
      <c r="B120" s="42">
        <v>9</v>
      </c>
      <c r="C120" s="16">
        <v>36</v>
      </c>
      <c r="D120" s="17">
        <v>45</v>
      </c>
    </row>
    <row r="121" spans="1:4" ht="18" customHeight="1" x14ac:dyDescent="0.2">
      <c r="A121" s="14">
        <v>95</v>
      </c>
      <c r="B121" s="41">
        <v>1</v>
      </c>
      <c r="C121" s="28">
        <v>8</v>
      </c>
      <c r="D121" s="29">
        <v>9</v>
      </c>
    </row>
    <row r="122" spans="1:4" ht="18" customHeight="1" x14ac:dyDescent="0.2">
      <c r="A122" s="14">
        <v>96</v>
      </c>
      <c r="B122" s="41">
        <v>0</v>
      </c>
      <c r="C122" s="28">
        <v>3</v>
      </c>
      <c r="D122" s="29">
        <v>3</v>
      </c>
    </row>
    <row r="123" spans="1:4" ht="18" customHeight="1" x14ac:dyDescent="0.2">
      <c r="A123" s="14">
        <v>97</v>
      </c>
      <c r="B123" s="41">
        <v>1</v>
      </c>
      <c r="C123" s="28">
        <v>2</v>
      </c>
      <c r="D123" s="29">
        <v>3</v>
      </c>
    </row>
    <row r="124" spans="1:4" ht="18" customHeight="1" x14ac:dyDescent="0.2">
      <c r="A124" s="14">
        <v>98</v>
      </c>
      <c r="B124" s="41">
        <v>1</v>
      </c>
      <c r="C124" s="28">
        <v>5</v>
      </c>
      <c r="D124" s="29">
        <v>6</v>
      </c>
    </row>
    <row r="125" spans="1:4" ht="18" customHeight="1" x14ac:dyDescent="0.2">
      <c r="A125" s="14">
        <v>99</v>
      </c>
      <c r="B125" s="41">
        <v>0</v>
      </c>
      <c r="C125" s="28">
        <v>2</v>
      </c>
      <c r="D125" s="29">
        <v>2</v>
      </c>
    </row>
    <row r="126" spans="1:4" ht="18" customHeight="1" x14ac:dyDescent="0.2">
      <c r="A126" s="18" t="s">
        <v>69</v>
      </c>
      <c r="B126" s="42">
        <v>3</v>
      </c>
      <c r="C126" s="16">
        <v>20</v>
      </c>
      <c r="D126" s="17">
        <v>23</v>
      </c>
    </row>
    <row r="127" spans="1:4" ht="18" customHeight="1" x14ac:dyDescent="0.2">
      <c r="A127" s="14">
        <v>100</v>
      </c>
      <c r="B127" s="41">
        <v>0</v>
      </c>
      <c r="C127" s="28">
        <v>2</v>
      </c>
      <c r="D127" s="29">
        <v>2</v>
      </c>
    </row>
    <row r="128" spans="1:4" ht="18" customHeight="1" x14ac:dyDescent="0.2">
      <c r="A128" s="19" t="s">
        <v>70</v>
      </c>
      <c r="B128" s="41">
        <v>1</v>
      </c>
      <c r="C128" s="28">
        <v>0</v>
      </c>
      <c r="D128" s="29">
        <v>1</v>
      </c>
    </row>
    <row r="129" spans="1:4" ht="18" customHeight="1" x14ac:dyDescent="0.2">
      <c r="A129" s="18" t="s">
        <v>71</v>
      </c>
      <c r="B129" s="42">
        <v>1</v>
      </c>
      <c r="C129" s="16">
        <v>2</v>
      </c>
      <c r="D129" s="17">
        <v>3</v>
      </c>
    </row>
    <row r="130" spans="1:4" ht="18" customHeight="1" x14ac:dyDescent="0.2">
      <c r="A130" s="18" t="s">
        <v>72</v>
      </c>
      <c r="B130" s="43">
        <v>288</v>
      </c>
      <c r="C130" s="5">
        <v>446</v>
      </c>
      <c r="D130" s="6">
        <v>734</v>
      </c>
    </row>
    <row r="131" spans="1:4" ht="18" customHeight="1" x14ac:dyDescent="0.2">
      <c r="A131" s="20" t="s">
        <v>47</v>
      </c>
      <c r="B131" s="44">
        <v>1091</v>
      </c>
      <c r="C131" s="8">
        <v>1277</v>
      </c>
      <c r="D131" s="9">
        <v>2368</v>
      </c>
    </row>
  </sheetData>
  <mergeCells count="2">
    <mergeCell ref="A1:D1"/>
    <mergeCell ref="B3:D3"/>
  </mergeCells>
  <phoneticPr fontId="5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3</v>
      </c>
      <c r="C5" s="12">
        <v>18</v>
      </c>
      <c r="D5" s="13">
        <v>41</v>
      </c>
    </row>
    <row r="6" spans="1:4" ht="18" customHeight="1" x14ac:dyDescent="0.2">
      <c r="A6" s="14">
        <v>1</v>
      </c>
      <c r="B6" s="15">
        <v>16</v>
      </c>
      <c r="C6" s="16">
        <v>15</v>
      </c>
      <c r="D6" s="17">
        <v>31</v>
      </c>
    </row>
    <row r="7" spans="1:4" ht="18" customHeight="1" x14ac:dyDescent="0.2">
      <c r="A7" s="14">
        <v>2</v>
      </c>
      <c r="B7" s="15">
        <v>18</v>
      </c>
      <c r="C7" s="16">
        <v>21</v>
      </c>
      <c r="D7" s="17">
        <v>39</v>
      </c>
    </row>
    <row r="8" spans="1:4" ht="18" customHeight="1" x14ac:dyDescent="0.2">
      <c r="A8" s="14">
        <v>3</v>
      </c>
      <c r="B8" s="15">
        <v>21</v>
      </c>
      <c r="C8" s="16">
        <v>19</v>
      </c>
      <c r="D8" s="17">
        <v>40</v>
      </c>
    </row>
    <row r="9" spans="1:4" ht="18" customHeight="1" x14ac:dyDescent="0.2">
      <c r="A9" s="14">
        <v>4</v>
      </c>
      <c r="B9" s="15">
        <v>29</v>
      </c>
      <c r="C9" s="16">
        <v>21</v>
      </c>
      <c r="D9" s="17">
        <v>50</v>
      </c>
    </row>
    <row r="10" spans="1:4" ht="18" customHeight="1" x14ac:dyDescent="0.2">
      <c r="A10" s="18" t="s">
        <v>48</v>
      </c>
      <c r="B10" s="15">
        <v>107</v>
      </c>
      <c r="C10" s="16">
        <v>94</v>
      </c>
      <c r="D10" s="17">
        <v>201</v>
      </c>
    </row>
    <row r="11" spans="1:4" ht="18" customHeight="1" x14ac:dyDescent="0.2">
      <c r="A11" s="14">
        <v>5</v>
      </c>
      <c r="B11" s="15">
        <v>20</v>
      </c>
      <c r="C11" s="16">
        <v>23</v>
      </c>
      <c r="D11" s="17">
        <v>43</v>
      </c>
    </row>
    <row r="12" spans="1:4" ht="18" customHeight="1" x14ac:dyDescent="0.2">
      <c r="A12" s="14">
        <v>6</v>
      </c>
      <c r="B12" s="15">
        <v>23</v>
      </c>
      <c r="C12" s="16">
        <v>29</v>
      </c>
      <c r="D12" s="17">
        <v>52</v>
      </c>
    </row>
    <row r="13" spans="1:4" ht="18" customHeight="1" x14ac:dyDescent="0.2">
      <c r="A13" s="14">
        <v>7</v>
      </c>
      <c r="B13" s="15">
        <v>18</v>
      </c>
      <c r="C13" s="16">
        <v>21</v>
      </c>
      <c r="D13" s="17">
        <v>39</v>
      </c>
    </row>
    <row r="14" spans="1:4" ht="18" customHeight="1" x14ac:dyDescent="0.2">
      <c r="A14" s="14">
        <v>8</v>
      </c>
      <c r="B14" s="15">
        <v>27</v>
      </c>
      <c r="C14" s="16">
        <v>23</v>
      </c>
      <c r="D14" s="17">
        <v>50</v>
      </c>
    </row>
    <row r="15" spans="1:4" ht="18" customHeight="1" x14ac:dyDescent="0.2">
      <c r="A15" s="14">
        <v>9</v>
      </c>
      <c r="B15" s="15">
        <v>11</v>
      </c>
      <c r="C15" s="16">
        <v>22</v>
      </c>
      <c r="D15" s="17">
        <v>33</v>
      </c>
    </row>
    <row r="16" spans="1:4" ht="18" customHeight="1" x14ac:dyDescent="0.2">
      <c r="A16" s="18" t="s">
        <v>49</v>
      </c>
      <c r="B16" s="15">
        <v>99</v>
      </c>
      <c r="C16" s="16">
        <v>118</v>
      </c>
      <c r="D16" s="17">
        <v>217</v>
      </c>
    </row>
    <row r="17" spans="1:4" ht="18" customHeight="1" x14ac:dyDescent="0.2">
      <c r="A17" s="14">
        <v>10</v>
      </c>
      <c r="B17" s="15">
        <v>25</v>
      </c>
      <c r="C17" s="16">
        <v>28</v>
      </c>
      <c r="D17" s="17">
        <v>53</v>
      </c>
    </row>
    <row r="18" spans="1:4" ht="18" customHeight="1" x14ac:dyDescent="0.2">
      <c r="A18" s="14">
        <v>11</v>
      </c>
      <c r="B18" s="15">
        <v>27</v>
      </c>
      <c r="C18" s="16">
        <v>23</v>
      </c>
      <c r="D18" s="17">
        <v>50</v>
      </c>
    </row>
    <row r="19" spans="1:4" ht="18" customHeight="1" x14ac:dyDescent="0.2">
      <c r="A19" s="14">
        <v>12</v>
      </c>
      <c r="B19" s="15">
        <v>20</v>
      </c>
      <c r="C19" s="16">
        <v>26</v>
      </c>
      <c r="D19" s="17">
        <v>46</v>
      </c>
    </row>
    <row r="20" spans="1:4" ht="18" customHeight="1" x14ac:dyDescent="0.2">
      <c r="A20" s="14">
        <v>13</v>
      </c>
      <c r="B20" s="15">
        <v>25</v>
      </c>
      <c r="C20" s="16">
        <v>26</v>
      </c>
      <c r="D20" s="17">
        <v>51</v>
      </c>
    </row>
    <row r="21" spans="1:4" ht="18" customHeight="1" x14ac:dyDescent="0.2">
      <c r="A21" s="14">
        <v>14</v>
      </c>
      <c r="B21" s="15">
        <v>27</v>
      </c>
      <c r="C21" s="16">
        <v>22</v>
      </c>
      <c r="D21" s="17">
        <v>49</v>
      </c>
    </row>
    <row r="22" spans="1:4" ht="18" customHeight="1" x14ac:dyDescent="0.2">
      <c r="A22" s="18" t="s">
        <v>50</v>
      </c>
      <c r="B22" s="15">
        <v>124</v>
      </c>
      <c r="C22" s="16">
        <v>125</v>
      </c>
      <c r="D22" s="17">
        <v>249</v>
      </c>
    </row>
    <row r="23" spans="1:4" ht="18" customHeight="1" x14ac:dyDescent="0.2">
      <c r="A23" s="18" t="s">
        <v>51</v>
      </c>
      <c r="B23" s="15">
        <v>330</v>
      </c>
      <c r="C23" s="16">
        <v>337</v>
      </c>
      <c r="D23" s="17">
        <v>667</v>
      </c>
    </row>
    <row r="24" spans="1:4" ht="18" customHeight="1" x14ac:dyDescent="0.2">
      <c r="A24" s="14">
        <v>15</v>
      </c>
      <c r="B24" s="15">
        <v>25</v>
      </c>
      <c r="C24" s="16">
        <v>26</v>
      </c>
      <c r="D24" s="17">
        <v>51</v>
      </c>
    </row>
    <row r="25" spans="1:4" ht="18" customHeight="1" x14ac:dyDescent="0.2">
      <c r="A25" s="14">
        <v>16</v>
      </c>
      <c r="B25" s="15">
        <v>27</v>
      </c>
      <c r="C25" s="16">
        <v>27</v>
      </c>
      <c r="D25" s="17">
        <v>54</v>
      </c>
    </row>
    <row r="26" spans="1:4" ht="18" customHeight="1" x14ac:dyDescent="0.2">
      <c r="A26" s="14">
        <v>17</v>
      </c>
      <c r="B26" s="15">
        <v>24</v>
      </c>
      <c r="C26" s="16">
        <v>26</v>
      </c>
      <c r="D26" s="17">
        <v>50</v>
      </c>
    </row>
    <row r="27" spans="1:4" ht="18" customHeight="1" x14ac:dyDescent="0.2">
      <c r="A27" s="14">
        <v>18</v>
      </c>
      <c r="B27" s="15">
        <v>33</v>
      </c>
      <c r="C27" s="16">
        <v>18</v>
      </c>
      <c r="D27" s="17">
        <v>51</v>
      </c>
    </row>
    <row r="28" spans="1:4" ht="18" customHeight="1" x14ac:dyDescent="0.2">
      <c r="A28" s="14">
        <v>19</v>
      </c>
      <c r="B28" s="15">
        <v>31</v>
      </c>
      <c r="C28" s="16">
        <v>26</v>
      </c>
      <c r="D28" s="17">
        <v>57</v>
      </c>
    </row>
    <row r="29" spans="1:4" ht="18" customHeight="1" x14ac:dyDescent="0.2">
      <c r="A29" s="18" t="s">
        <v>52</v>
      </c>
      <c r="B29" s="15">
        <v>140</v>
      </c>
      <c r="C29" s="16">
        <v>123</v>
      </c>
      <c r="D29" s="17">
        <v>263</v>
      </c>
    </row>
    <row r="30" spans="1:4" ht="18" customHeight="1" x14ac:dyDescent="0.2">
      <c r="A30" s="14">
        <v>20</v>
      </c>
      <c r="B30" s="15">
        <v>25</v>
      </c>
      <c r="C30" s="16">
        <v>24</v>
      </c>
      <c r="D30" s="17">
        <v>49</v>
      </c>
    </row>
    <row r="31" spans="1:4" ht="18" customHeight="1" x14ac:dyDescent="0.2">
      <c r="A31" s="14">
        <v>21</v>
      </c>
      <c r="B31" s="15">
        <v>23</v>
      </c>
      <c r="C31" s="16">
        <v>22</v>
      </c>
      <c r="D31" s="17">
        <v>45</v>
      </c>
    </row>
    <row r="32" spans="1:4" ht="18" customHeight="1" x14ac:dyDescent="0.2">
      <c r="A32" s="14">
        <v>22</v>
      </c>
      <c r="B32" s="15">
        <v>38</v>
      </c>
      <c r="C32" s="16">
        <v>19</v>
      </c>
      <c r="D32" s="17">
        <v>57</v>
      </c>
    </row>
    <row r="33" spans="1:4" ht="18" customHeight="1" x14ac:dyDescent="0.2">
      <c r="A33" s="14">
        <v>23</v>
      </c>
      <c r="B33" s="15">
        <v>27</v>
      </c>
      <c r="C33" s="16">
        <v>23</v>
      </c>
      <c r="D33" s="17">
        <v>50</v>
      </c>
    </row>
    <row r="34" spans="1:4" ht="18" customHeight="1" x14ac:dyDescent="0.2">
      <c r="A34" s="14">
        <v>24</v>
      </c>
      <c r="B34" s="15">
        <v>30</v>
      </c>
      <c r="C34" s="16">
        <v>27</v>
      </c>
      <c r="D34" s="17">
        <v>57</v>
      </c>
    </row>
    <row r="35" spans="1:4" ht="18" customHeight="1" x14ac:dyDescent="0.2">
      <c r="A35" s="18" t="s">
        <v>53</v>
      </c>
      <c r="B35" s="15">
        <v>143</v>
      </c>
      <c r="C35" s="16">
        <v>115</v>
      </c>
      <c r="D35" s="17">
        <v>258</v>
      </c>
    </row>
    <row r="36" spans="1:4" ht="18" customHeight="1" x14ac:dyDescent="0.2">
      <c r="A36" s="14">
        <v>25</v>
      </c>
      <c r="B36" s="15">
        <v>25</v>
      </c>
      <c r="C36" s="16">
        <v>25</v>
      </c>
      <c r="D36" s="17">
        <v>50</v>
      </c>
    </row>
    <row r="37" spans="1:4" ht="18" customHeight="1" x14ac:dyDescent="0.2">
      <c r="A37" s="14">
        <v>26</v>
      </c>
      <c r="B37" s="15">
        <v>25</v>
      </c>
      <c r="C37" s="16">
        <v>20</v>
      </c>
      <c r="D37" s="17">
        <v>45</v>
      </c>
    </row>
    <row r="38" spans="1:4" ht="18" customHeight="1" x14ac:dyDescent="0.2">
      <c r="A38" s="14">
        <v>27</v>
      </c>
      <c r="B38" s="15">
        <v>31</v>
      </c>
      <c r="C38" s="16">
        <v>24</v>
      </c>
      <c r="D38" s="17">
        <v>55</v>
      </c>
    </row>
    <row r="39" spans="1:4" ht="18" customHeight="1" x14ac:dyDescent="0.2">
      <c r="A39" s="14">
        <v>28</v>
      </c>
      <c r="B39" s="15">
        <v>36</v>
      </c>
      <c r="C39" s="16">
        <v>28</v>
      </c>
      <c r="D39" s="17">
        <v>64</v>
      </c>
    </row>
    <row r="40" spans="1:4" ht="18" customHeight="1" x14ac:dyDescent="0.2">
      <c r="A40" s="14">
        <v>29</v>
      </c>
      <c r="B40" s="15">
        <v>29</v>
      </c>
      <c r="C40" s="16">
        <v>17</v>
      </c>
      <c r="D40" s="17">
        <v>46</v>
      </c>
    </row>
    <row r="41" spans="1:4" ht="18" customHeight="1" x14ac:dyDescent="0.2">
      <c r="A41" s="18" t="s">
        <v>54</v>
      </c>
      <c r="B41" s="15">
        <v>146</v>
      </c>
      <c r="C41" s="16">
        <v>114</v>
      </c>
      <c r="D41" s="17">
        <v>260</v>
      </c>
    </row>
    <row r="42" spans="1:4" ht="18" customHeight="1" x14ac:dyDescent="0.2">
      <c r="A42" s="14">
        <v>30</v>
      </c>
      <c r="B42" s="15">
        <v>23</v>
      </c>
      <c r="C42" s="16">
        <v>26</v>
      </c>
      <c r="D42" s="17">
        <v>49</v>
      </c>
    </row>
    <row r="43" spans="1:4" ht="18" customHeight="1" x14ac:dyDescent="0.2">
      <c r="A43" s="14">
        <v>31</v>
      </c>
      <c r="B43" s="15">
        <v>36</v>
      </c>
      <c r="C43" s="16">
        <v>18</v>
      </c>
      <c r="D43" s="17">
        <v>54</v>
      </c>
    </row>
    <row r="44" spans="1:4" ht="18" customHeight="1" x14ac:dyDescent="0.2">
      <c r="A44" s="14">
        <v>32</v>
      </c>
      <c r="B44" s="15">
        <v>26</v>
      </c>
      <c r="C44" s="16">
        <v>26</v>
      </c>
      <c r="D44" s="17">
        <v>52</v>
      </c>
    </row>
    <row r="45" spans="1:4" ht="18" customHeight="1" x14ac:dyDescent="0.2">
      <c r="A45" s="14">
        <v>33</v>
      </c>
      <c r="B45" s="15">
        <v>30</v>
      </c>
      <c r="C45" s="16">
        <v>20</v>
      </c>
      <c r="D45" s="17">
        <v>50</v>
      </c>
    </row>
    <row r="46" spans="1:4" ht="18" customHeight="1" x14ac:dyDescent="0.2">
      <c r="A46" s="14">
        <v>34</v>
      </c>
      <c r="B46" s="15">
        <v>39</v>
      </c>
      <c r="C46" s="16">
        <v>28</v>
      </c>
      <c r="D46" s="17">
        <v>67</v>
      </c>
    </row>
    <row r="47" spans="1:4" ht="18" customHeight="1" x14ac:dyDescent="0.2">
      <c r="A47" s="18" t="s">
        <v>55</v>
      </c>
      <c r="B47" s="15">
        <v>154</v>
      </c>
      <c r="C47" s="16">
        <v>118</v>
      </c>
      <c r="D47" s="17">
        <v>272</v>
      </c>
    </row>
    <row r="48" spans="1:4" ht="18" customHeight="1" x14ac:dyDescent="0.2">
      <c r="A48" s="14">
        <v>35</v>
      </c>
      <c r="B48" s="15">
        <v>31</v>
      </c>
      <c r="C48" s="16">
        <v>31</v>
      </c>
      <c r="D48" s="17">
        <v>62</v>
      </c>
    </row>
    <row r="49" spans="1:4" ht="18" customHeight="1" x14ac:dyDescent="0.2">
      <c r="A49" s="14">
        <v>36</v>
      </c>
      <c r="B49" s="15">
        <v>31</v>
      </c>
      <c r="C49" s="16">
        <v>36</v>
      </c>
      <c r="D49" s="17">
        <v>67</v>
      </c>
    </row>
    <row r="50" spans="1:4" ht="18" customHeight="1" x14ac:dyDescent="0.2">
      <c r="A50" s="14">
        <v>37</v>
      </c>
      <c r="B50" s="15">
        <v>31</v>
      </c>
      <c r="C50" s="16">
        <v>21</v>
      </c>
      <c r="D50" s="17">
        <v>52</v>
      </c>
    </row>
    <row r="51" spans="1:4" ht="18" customHeight="1" x14ac:dyDescent="0.2">
      <c r="A51" s="14">
        <v>38</v>
      </c>
      <c r="B51" s="15">
        <v>30</v>
      </c>
      <c r="C51" s="16">
        <v>28</v>
      </c>
      <c r="D51" s="17">
        <v>58</v>
      </c>
    </row>
    <row r="52" spans="1:4" ht="18" customHeight="1" x14ac:dyDescent="0.2">
      <c r="A52" s="14">
        <v>39</v>
      </c>
      <c r="B52" s="15">
        <v>32</v>
      </c>
      <c r="C52" s="16">
        <v>32</v>
      </c>
      <c r="D52" s="17">
        <v>64</v>
      </c>
    </row>
    <row r="53" spans="1:4" ht="18" customHeight="1" x14ac:dyDescent="0.2">
      <c r="A53" s="18" t="s">
        <v>56</v>
      </c>
      <c r="B53" s="15">
        <v>155</v>
      </c>
      <c r="C53" s="16">
        <v>148</v>
      </c>
      <c r="D53" s="17">
        <v>303</v>
      </c>
    </row>
    <row r="54" spans="1:4" ht="18" customHeight="1" x14ac:dyDescent="0.2">
      <c r="A54" s="14">
        <v>40</v>
      </c>
      <c r="B54" s="15">
        <v>41</v>
      </c>
      <c r="C54" s="16">
        <v>24</v>
      </c>
      <c r="D54" s="17">
        <v>65</v>
      </c>
    </row>
    <row r="55" spans="1:4" ht="18" customHeight="1" x14ac:dyDescent="0.2">
      <c r="A55" s="14">
        <v>41</v>
      </c>
      <c r="B55" s="15">
        <v>30</v>
      </c>
      <c r="C55" s="16">
        <v>33</v>
      </c>
      <c r="D55" s="17">
        <v>63</v>
      </c>
    </row>
    <row r="56" spans="1:4" ht="18" customHeight="1" x14ac:dyDescent="0.2">
      <c r="A56" s="14">
        <v>42</v>
      </c>
      <c r="B56" s="15">
        <v>41</v>
      </c>
      <c r="C56" s="16">
        <v>36</v>
      </c>
      <c r="D56" s="17">
        <v>77</v>
      </c>
    </row>
    <row r="57" spans="1:4" ht="18" customHeight="1" x14ac:dyDescent="0.2">
      <c r="A57" s="14">
        <v>43</v>
      </c>
      <c r="B57" s="15">
        <v>48</v>
      </c>
      <c r="C57" s="16">
        <v>41</v>
      </c>
      <c r="D57" s="17">
        <v>89</v>
      </c>
    </row>
    <row r="58" spans="1:4" ht="18" customHeight="1" x14ac:dyDescent="0.2">
      <c r="A58" s="14">
        <v>44</v>
      </c>
      <c r="B58" s="15">
        <v>47</v>
      </c>
      <c r="C58" s="16">
        <v>42</v>
      </c>
      <c r="D58" s="17">
        <v>89</v>
      </c>
    </row>
    <row r="59" spans="1:4" ht="18" customHeight="1" x14ac:dyDescent="0.2">
      <c r="A59" s="18" t="s">
        <v>57</v>
      </c>
      <c r="B59" s="15">
        <v>207</v>
      </c>
      <c r="C59" s="16">
        <v>176</v>
      </c>
      <c r="D59" s="17">
        <v>383</v>
      </c>
    </row>
    <row r="60" spans="1:4" ht="18" customHeight="1" x14ac:dyDescent="0.2">
      <c r="A60" s="14">
        <v>45</v>
      </c>
      <c r="B60" s="15">
        <v>50</v>
      </c>
      <c r="C60" s="16">
        <v>45</v>
      </c>
      <c r="D60" s="17">
        <v>95</v>
      </c>
    </row>
    <row r="61" spans="1:4" ht="18" customHeight="1" x14ac:dyDescent="0.2">
      <c r="A61" s="14">
        <v>46</v>
      </c>
      <c r="B61" s="15">
        <v>48</v>
      </c>
      <c r="C61" s="16">
        <v>45</v>
      </c>
      <c r="D61" s="17">
        <v>93</v>
      </c>
    </row>
    <row r="62" spans="1:4" ht="18" customHeight="1" x14ac:dyDescent="0.2">
      <c r="A62" s="14">
        <v>47</v>
      </c>
      <c r="B62" s="15">
        <v>47</v>
      </c>
      <c r="C62" s="16">
        <v>54</v>
      </c>
      <c r="D62" s="17">
        <v>101</v>
      </c>
    </row>
    <row r="63" spans="1:4" ht="18" customHeight="1" x14ac:dyDescent="0.2">
      <c r="A63" s="14">
        <v>48</v>
      </c>
      <c r="B63" s="15">
        <v>44</v>
      </c>
      <c r="C63" s="16">
        <v>39</v>
      </c>
      <c r="D63" s="17">
        <v>83</v>
      </c>
    </row>
    <row r="64" spans="1:4" ht="18" customHeight="1" x14ac:dyDescent="0.2">
      <c r="A64" s="14">
        <v>49</v>
      </c>
      <c r="B64" s="15">
        <v>52</v>
      </c>
      <c r="C64" s="16">
        <v>45</v>
      </c>
      <c r="D64" s="17">
        <v>97</v>
      </c>
    </row>
    <row r="65" spans="1:4" ht="18" customHeight="1" x14ac:dyDescent="0.2">
      <c r="A65" s="18" t="s">
        <v>58</v>
      </c>
      <c r="B65" s="15">
        <v>241</v>
      </c>
      <c r="C65" s="16">
        <v>228</v>
      </c>
      <c r="D65" s="17">
        <v>469</v>
      </c>
    </row>
    <row r="66" spans="1:4" ht="18" customHeight="1" x14ac:dyDescent="0.2">
      <c r="A66" s="14">
        <v>50</v>
      </c>
      <c r="B66" s="15">
        <v>45</v>
      </c>
      <c r="C66" s="16">
        <v>31</v>
      </c>
      <c r="D66" s="17">
        <v>76</v>
      </c>
    </row>
    <row r="67" spans="1:4" ht="18" customHeight="1" x14ac:dyDescent="0.2">
      <c r="A67" s="14">
        <v>51</v>
      </c>
      <c r="B67" s="15">
        <v>54</v>
      </c>
      <c r="C67" s="16">
        <v>42</v>
      </c>
      <c r="D67" s="17">
        <v>96</v>
      </c>
    </row>
    <row r="68" spans="1:4" ht="18" customHeight="1" x14ac:dyDescent="0.2">
      <c r="A68" s="14">
        <v>52</v>
      </c>
      <c r="B68" s="15">
        <v>39</v>
      </c>
      <c r="C68" s="16">
        <v>42</v>
      </c>
      <c r="D68" s="17">
        <v>81</v>
      </c>
    </row>
    <row r="69" spans="1:4" ht="18" customHeight="1" x14ac:dyDescent="0.2">
      <c r="A69" s="14">
        <v>53</v>
      </c>
      <c r="B69" s="15">
        <v>36</v>
      </c>
      <c r="C69" s="16">
        <v>41</v>
      </c>
      <c r="D69" s="17">
        <v>77</v>
      </c>
    </row>
    <row r="70" spans="1:4" ht="18" customHeight="1" x14ac:dyDescent="0.2">
      <c r="A70" s="14">
        <v>54</v>
      </c>
      <c r="B70" s="15">
        <v>37</v>
      </c>
      <c r="C70" s="16">
        <v>24</v>
      </c>
      <c r="D70" s="17">
        <v>61</v>
      </c>
    </row>
    <row r="71" spans="1:4" ht="18" customHeight="1" x14ac:dyDescent="0.2">
      <c r="A71" s="18" t="s">
        <v>59</v>
      </c>
      <c r="B71" s="15">
        <v>211</v>
      </c>
      <c r="C71" s="16">
        <v>180</v>
      </c>
      <c r="D71" s="17">
        <v>391</v>
      </c>
    </row>
    <row r="72" spans="1:4" ht="18" customHeight="1" x14ac:dyDescent="0.2">
      <c r="A72" s="14">
        <v>55</v>
      </c>
      <c r="B72" s="15">
        <v>38</v>
      </c>
      <c r="C72" s="16">
        <v>41</v>
      </c>
      <c r="D72" s="17">
        <v>79</v>
      </c>
    </row>
    <row r="73" spans="1:4" ht="18" customHeight="1" x14ac:dyDescent="0.2">
      <c r="A73" s="14">
        <v>56</v>
      </c>
      <c r="B73" s="15">
        <v>43</v>
      </c>
      <c r="C73" s="16">
        <v>38</v>
      </c>
      <c r="D73" s="17">
        <v>81</v>
      </c>
    </row>
    <row r="74" spans="1:4" ht="18" customHeight="1" x14ac:dyDescent="0.2">
      <c r="A74" s="14">
        <v>57</v>
      </c>
      <c r="B74" s="15">
        <v>35</v>
      </c>
      <c r="C74" s="16">
        <v>36</v>
      </c>
      <c r="D74" s="17">
        <v>71</v>
      </c>
    </row>
    <row r="75" spans="1:4" ht="18" customHeight="1" x14ac:dyDescent="0.2">
      <c r="A75" s="14">
        <v>58</v>
      </c>
      <c r="B75" s="15">
        <v>30</v>
      </c>
      <c r="C75" s="16">
        <v>28</v>
      </c>
      <c r="D75" s="17">
        <v>58</v>
      </c>
    </row>
    <row r="76" spans="1:4" ht="18" customHeight="1" x14ac:dyDescent="0.2">
      <c r="A76" s="14">
        <v>59</v>
      </c>
      <c r="B76" s="15">
        <v>32</v>
      </c>
      <c r="C76" s="16">
        <v>33</v>
      </c>
      <c r="D76" s="17">
        <v>65</v>
      </c>
    </row>
    <row r="77" spans="1:4" ht="18" customHeight="1" x14ac:dyDescent="0.2">
      <c r="A77" s="18" t="s">
        <v>60</v>
      </c>
      <c r="B77" s="15">
        <v>178</v>
      </c>
      <c r="C77" s="16">
        <v>176</v>
      </c>
      <c r="D77" s="17">
        <v>354</v>
      </c>
    </row>
    <row r="78" spans="1:4" ht="18" customHeight="1" x14ac:dyDescent="0.2">
      <c r="A78" s="14">
        <v>60</v>
      </c>
      <c r="B78" s="15">
        <v>25</v>
      </c>
      <c r="C78" s="16">
        <v>48</v>
      </c>
      <c r="D78" s="17">
        <v>73</v>
      </c>
    </row>
    <row r="79" spans="1:4" ht="18" customHeight="1" x14ac:dyDescent="0.2">
      <c r="A79" s="14">
        <v>61</v>
      </c>
      <c r="B79" s="15">
        <v>33</v>
      </c>
      <c r="C79" s="16">
        <v>32</v>
      </c>
      <c r="D79" s="17">
        <v>65</v>
      </c>
    </row>
    <row r="80" spans="1:4" ht="18" customHeight="1" x14ac:dyDescent="0.2">
      <c r="A80" s="14">
        <v>62</v>
      </c>
      <c r="B80" s="15">
        <v>34</v>
      </c>
      <c r="C80" s="16">
        <v>26</v>
      </c>
      <c r="D80" s="17">
        <v>60</v>
      </c>
    </row>
    <row r="81" spans="1:4" ht="18" customHeight="1" x14ac:dyDescent="0.2">
      <c r="A81" s="14">
        <v>63</v>
      </c>
      <c r="B81" s="15">
        <v>25</v>
      </c>
      <c r="C81" s="16">
        <v>36</v>
      </c>
      <c r="D81" s="17">
        <v>61</v>
      </c>
    </row>
    <row r="82" spans="1:4" ht="18" customHeight="1" x14ac:dyDescent="0.2">
      <c r="A82" s="14">
        <v>64</v>
      </c>
      <c r="B82" s="15">
        <v>39</v>
      </c>
      <c r="C82" s="16">
        <v>45</v>
      </c>
      <c r="D82" s="17">
        <v>84</v>
      </c>
    </row>
    <row r="83" spans="1:4" ht="18" customHeight="1" x14ac:dyDescent="0.2">
      <c r="A83" s="18" t="s">
        <v>61</v>
      </c>
      <c r="B83" s="15">
        <v>156</v>
      </c>
      <c r="C83" s="16">
        <v>187</v>
      </c>
      <c r="D83" s="17">
        <v>343</v>
      </c>
    </row>
    <row r="84" spans="1:4" ht="18" customHeight="1" x14ac:dyDescent="0.2">
      <c r="A84" s="18" t="s">
        <v>62</v>
      </c>
      <c r="B84" s="15">
        <v>1731</v>
      </c>
      <c r="C84" s="16">
        <v>1565</v>
      </c>
      <c r="D84" s="17">
        <v>3296</v>
      </c>
    </row>
    <row r="85" spans="1:4" ht="18" customHeight="1" x14ac:dyDescent="0.2">
      <c r="A85" s="14">
        <v>65</v>
      </c>
      <c r="B85" s="15">
        <v>38</v>
      </c>
      <c r="C85" s="16">
        <v>33</v>
      </c>
      <c r="D85" s="17">
        <v>71</v>
      </c>
    </row>
    <row r="86" spans="1:4" ht="18" customHeight="1" x14ac:dyDescent="0.2">
      <c r="A86" s="14">
        <v>66</v>
      </c>
      <c r="B86" s="15">
        <v>49</v>
      </c>
      <c r="C86" s="16">
        <v>37</v>
      </c>
      <c r="D86" s="17">
        <v>86</v>
      </c>
    </row>
    <row r="87" spans="1:4" ht="18" customHeight="1" x14ac:dyDescent="0.2">
      <c r="A87" s="14">
        <v>67</v>
      </c>
      <c r="B87" s="15">
        <v>42</v>
      </c>
      <c r="C87" s="16">
        <v>47</v>
      </c>
      <c r="D87" s="17">
        <v>89</v>
      </c>
    </row>
    <row r="88" spans="1:4" ht="18" customHeight="1" x14ac:dyDescent="0.2">
      <c r="A88" s="14">
        <v>68</v>
      </c>
      <c r="B88" s="15">
        <v>42</v>
      </c>
      <c r="C88" s="16">
        <v>40</v>
      </c>
      <c r="D88" s="17">
        <v>82</v>
      </c>
    </row>
    <row r="89" spans="1:4" ht="18" customHeight="1" x14ac:dyDescent="0.2">
      <c r="A89" s="14">
        <v>69</v>
      </c>
      <c r="B89" s="15">
        <v>48</v>
      </c>
      <c r="C89" s="16">
        <v>53</v>
      </c>
      <c r="D89" s="17">
        <v>101</v>
      </c>
    </row>
    <row r="90" spans="1:4" ht="18" customHeight="1" x14ac:dyDescent="0.2">
      <c r="A90" s="18" t="s">
        <v>63</v>
      </c>
      <c r="B90" s="15">
        <v>219</v>
      </c>
      <c r="C90" s="16">
        <v>210</v>
      </c>
      <c r="D90" s="17">
        <v>429</v>
      </c>
    </row>
    <row r="91" spans="1:4" ht="18" customHeight="1" x14ac:dyDescent="0.2">
      <c r="A91" s="14">
        <v>70</v>
      </c>
      <c r="B91" s="15">
        <v>40</v>
      </c>
      <c r="C91" s="16">
        <v>55</v>
      </c>
      <c r="D91" s="17">
        <v>95</v>
      </c>
    </row>
    <row r="92" spans="1:4" ht="18" customHeight="1" x14ac:dyDescent="0.2">
      <c r="A92" s="14">
        <v>71</v>
      </c>
      <c r="B92" s="15">
        <v>48</v>
      </c>
      <c r="C92" s="16">
        <v>58</v>
      </c>
      <c r="D92" s="17">
        <v>106</v>
      </c>
    </row>
    <row r="93" spans="1:4" ht="18" customHeight="1" x14ac:dyDescent="0.2">
      <c r="A93" s="14">
        <v>72</v>
      </c>
      <c r="B93" s="15">
        <v>61</v>
      </c>
      <c r="C93" s="16">
        <v>67</v>
      </c>
      <c r="D93" s="17">
        <v>128</v>
      </c>
    </row>
    <row r="94" spans="1:4" ht="18" customHeight="1" x14ac:dyDescent="0.2">
      <c r="A94" s="14">
        <v>73</v>
      </c>
      <c r="B94" s="15">
        <v>45</v>
      </c>
      <c r="C94" s="16">
        <v>60</v>
      </c>
      <c r="D94" s="17">
        <v>105</v>
      </c>
    </row>
    <row r="95" spans="1:4" ht="18" customHeight="1" x14ac:dyDescent="0.2">
      <c r="A95" s="14">
        <v>74</v>
      </c>
      <c r="B95" s="15">
        <v>22</v>
      </c>
      <c r="C95" s="16">
        <v>31</v>
      </c>
      <c r="D95" s="17">
        <v>53</v>
      </c>
    </row>
    <row r="96" spans="1:4" ht="18" customHeight="1" x14ac:dyDescent="0.2">
      <c r="A96" s="18" t="s">
        <v>64</v>
      </c>
      <c r="B96" s="15">
        <v>216</v>
      </c>
      <c r="C96" s="16">
        <v>271</v>
      </c>
      <c r="D96" s="17">
        <v>487</v>
      </c>
    </row>
    <row r="97" spans="1:4" ht="18" customHeight="1" x14ac:dyDescent="0.2">
      <c r="A97" s="14">
        <v>75</v>
      </c>
      <c r="B97" s="15">
        <v>32</v>
      </c>
      <c r="C97" s="16">
        <v>39</v>
      </c>
      <c r="D97" s="17">
        <v>71</v>
      </c>
    </row>
    <row r="98" spans="1:4" ht="18" customHeight="1" x14ac:dyDescent="0.2">
      <c r="A98" s="14">
        <v>76</v>
      </c>
      <c r="B98" s="15">
        <v>40</v>
      </c>
      <c r="C98" s="16">
        <v>44</v>
      </c>
      <c r="D98" s="17">
        <v>84</v>
      </c>
    </row>
    <row r="99" spans="1:4" ht="18" customHeight="1" x14ac:dyDescent="0.2">
      <c r="A99" s="14">
        <v>77</v>
      </c>
      <c r="B99" s="15">
        <v>48</v>
      </c>
      <c r="C99" s="16">
        <v>35</v>
      </c>
      <c r="D99" s="17">
        <v>83</v>
      </c>
    </row>
    <row r="100" spans="1:4" ht="18" customHeight="1" x14ac:dyDescent="0.2">
      <c r="A100" s="14">
        <v>78</v>
      </c>
      <c r="B100" s="15">
        <v>25</v>
      </c>
      <c r="C100" s="16">
        <v>53</v>
      </c>
      <c r="D100" s="17">
        <v>78</v>
      </c>
    </row>
    <row r="101" spans="1:4" ht="18" customHeight="1" x14ac:dyDescent="0.2">
      <c r="A101" s="14">
        <v>79</v>
      </c>
      <c r="B101" s="15">
        <v>30</v>
      </c>
      <c r="C101" s="16">
        <v>42</v>
      </c>
      <c r="D101" s="17">
        <v>72</v>
      </c>
    </row>
    <row r="102" spans="1:4" ht="18" customHeight="1" x14ac:dyDescent="0.2">
      <c r="A102" s="18" t="s">
        <v>65</v>
      </c>
      <c r="B102" s="15">
        <v>175</v>
      </c>
      <c r="C102" s="16">
        <v>213</v>
      </c>
      <c r="D102" s="17">
        <v>388</v>
      </c>
    </row>
    <row r="103" spans="1:4" ht="18" customHeight="1" x14ac:dyDescent="0.2">
      <c r="A103" s="14">
        <v>80</v>
      </c>
      <c r="B103" s="15">
        <v>17</v>
      </c>
      <c r="C103" s="16">
        <v>33</v>
      </c>
      <c r="D103" s="17">
        <v>50</v>
      </c>
    </row>
    <row r="104" spans="1:4" ht="18" customHeight="1" x14ac:dyDescent="0.2">
      <c r="A104" s="14">
        <v>81</v>
      </c>
      <c r="B104" s="15">
        <v>13</v>
      </c>
      <c r="C104" s="16">
        <v>27</v>
      </c>
      <c r="D104" s="17">
        <v>40</v>
      </c>
    </row>
    <row r="105" spans="1:4" ht="18" customHeight="1" x14ac:dyDescent="0.2">
      <c r="A105" s="14">
        <v>82</v>
      </c>
      <c r="B105" s="15">
        <v>23</v>
      </c>
      <c r="C105" s="16">
        <v>25</v>
      </c>
      <c r="D105" s="17">
        <v>48</v>
      </c>
    </row>
    <row r="106" spans="1:4" ht="18" customHeight="1" x14ac:dyDescent="0.2">
      <c r="A106" s="14">
        <v>83</v>
      </c>
      <c r="B106" s="15">
        <v>16</v>
      </c>
      <c r="C106" s="16">
        <v>21</v>
      </c>
      <c r="D106" s="17">
        <v>37</v>
      </c>
    </row>
    <row r="107" spans="1:4" ht="18" customHeight="1" x14ac:dyDescent="0.2">
      <c r="A107" s="14">
        <v>84</v>
      </c>
      <c r="B107" s="15">
        <v>16</v>
      </c>
      <c r="C107" s="16">
        <v>42</v>
      </c>
      <c r="D107" s="17">
        <v>58</v>
      </c>
    </row>
    <row r="108" spans="1:4" ht="18" customHeight="1" x14ac:dyDescent="0.2">
      <c r="A108" s="18" t="s">
        <v>66</v>
      </c>
      <c r="B108" s="15">
        <v>85</v>
      </c>
      <c r="C108" s="16">
        <v>148</v>
      </c>
      <c r="D108" s="17">
        <v>233</v>
      </c>
    </row>
    <row r="109" spans="1:4" ht="18" customHeight="1" x14ac:dyDescent="0.2">
      <c r="A109" s="14">
        <v>85</v>
      </c>
      <c r="B109" s="15">
        <v>16</v>
      </c>
      <c r="C109" s="16">
        <v>29</v>
      </c>
      <c r="D109" s="17">
        <v>45</v>
      </c>
    </row>
    <row r="110" spans="1:4" ht="18" customHeight="1" x14ac:dyDescent="0.2">
      <c r="A110" s="14">
        <v>86</v>
      </c>
      <c r="B110" s="15">
        <v>10</v>
      </c>
      <c r="C110" s="16">
        <v>31</v>
      </c>
      <c r="D110" s="17">
        <v>41</v>
      </c>
    </row>
    <row r="111" spans="1:4" ht="18" customHeight="1" x14ac:dyDescent="0.2">
      <c r="A111" s="14">
        <v>87</v>
      </c>
      <c r="B111" s="15">
        <v>12</v>
      </c>
      <c r="C111" s="16">
        <v>34</v>
      </c>
      <c r="D111" s="17">
        <v>46</v>
      </c>
    </row>
    <row r="112" spans="1:4" ht="18" customHeight="1" x14ac:dyDescent="0.2">
      <c r="A112" s="14">
        <v>88</v>
      </c>
      <c r="B112" s="15">
        <v>19</v>
      </c>
      <c r="C112" s="16">
        <v>17</v>
      </c>
      <c r="D112" s="17">
        <v>36</v>
      </c>
    </row>
    <row r="113" spans="1:4" ht="18" customHeight="1" x14ac:dyDescent="0.2">
      <c r="A113" s="14">
        <v>89</v>
      </c>
      <c r="B113" s="15">
        <v>5</v>
      </c>
      <c r="C113" s="16">
        <v>18</v>
      </c>
      <c r="D113" s="17">
        <v>23</v>
      </c>
    </row>
    <row r="114" spans="1:4" ht="18" customHeight="1" x14ac:dyDescent="0.2">
      <c r="A114" s="18" t="s">
        <v>67</v>
      </c>
      <c r="B114" s="15">
        <v>62</v>
      </c>
      <c r="C114" s="16">
        <v>129</v>
      </c>
      <c r="D114" s="17">
        <v>191</v>
      </c>
    </row>
    <row r="115" spans="1:4" ht="18" customHeight="1" x14ac:dyDescent="0.2">
      <c r="A115" s="14">
        <v>90</v>
      </c>
      <c r="B115" s="15">
        <v>8</v>
      </c>
      <c r="C115" s="16">
        <v>16</v>
      </c>
      <c r="D115" s="17">
        <v>24</v>
      </c>
    </row>
    <row r="116" spans="1:4" ht="18" customHeight="1" x14ac:dyDescent="0.2">
      <c r="A116" s="14">
        <v>91</v>
      </c>
      <c r="B116" s="15">
        <v>9</v>
      </c>
      <c r="C116" s="16">
        <v>26</v>
      </c>
      <c r="D116" s="17">
        <v>35</v>
      </c>
    </row>
    <row r="117" spans="1:4" ht="18" customHeight="1" x14ac:dyDescent="0.2">
      <c r="A117" s="14">
        <v>92</v>
      </c>
      <c r="B117" s="15">
        <v>4</v>
      </c>
      <c r="C117" s="16">
        <v>14</v>
      </c>
      <c r="D117" s="17">
        <v>18</v>
      </c>
    </row>
    <row r="118" spans="1:4" ht="18" customHeight="1" x14ac:dyDescent="0.2">
      <c r="A118" s="14">
        <v>93</v>
      </c>
      <c r="B118" s="15">
        <v>5</v>
      </c>
      <c r="C118" s="16">
        <v>7</v>
      </c>
      <c r="D118" s="17">
        <v>12</v>
      </c>
    </row>
    <row r="119" spans="1:4" ht="18" customHeight="1" x14ac:dyDescent="0.2">
      <c r="A119" s="14">
        <v>94</v>
      </c>
      <c r="B119" s="15">
        <v>5</v>
      </c>
      <c r="C119" s="16">
        <v>10</v>
      </c>
      <c r="D119" s="17">
        <v>15</v>
      </c>
    </row>
    <row r="120" spans="1:4" ht="18" customHeight="1" x14ac:dyDescent="0.2">
      <c r="A120" s="18" t="s">
        <v>68</v>
      </c>
      <c r="B120" s="15">
        <v>31</v>
      </c>
      <c r="C120" s="16">
        <v>73</v>
      </c>
      <c r="D120" s="17">
        <v>104</v>
      </c>
    </row>
    <row r="121" spans="1:4" ht="18" customHeight="1" x14ac:dyDescent="0.2">
      <c r="A121" s="14">
        <v>95</v>
      </c>
      <c r="B121" s="15">
        <v>3</v>
      </c>
      <c r="C121" s="16">
        <v>8</v>
      </c>
      <c r="D121" s="17">
        <v>11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2</v>
      </c>
      <c r="C123" s="16">
        <v>5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5</v>
      </c>
      <c r="C126" s="16">
        <v>21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793</v>
      </c>
      <c r="C130" s="5">
        <v>1066</v>
      </c>
      <c r="D130" s="6">
        <v>1859</v>
      </c>
    </row>
    <row r="131" spans="1:4" ht="18" customHeight="1" x14ac:dyDescent="0.2">
      <c r="A131" s="20" t="s">
        <v>47</v>
      </c>
      <c r="B131" s="7">
        <v>2854</v>
      </c>
      <c r="C131" s="8">
        <v>2968</v>
      </c>
      <c r="D131" s="9">
        <v>582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1</v>
      </c>
      <c r="C5" s="12">
        <v>16</v>
      </c>
      <c r="D5" s="13">
        <v>37</v>
      </c>
    </row>
    <row r="6" spans="1:4" ht="18" customHeight="1" x14ac:dyDescent="0.2">
      <c r="A6" s="14">
        <v>1</v>
      </c>
      <c r="B6" s="15">
        <v>15</v>
      </c>
      <c r="C6" s="16">
        <v>21</v>
      </c>
      <c r="D6" s="17">
        <v>36</v>
      </c>
    </row>
    <row r="7" spans="1:4" ht="18" customHeight="1" x14ac:dyDescent="0.2">
      <c r="A7" s="14">
        <v>2</v>
      </c>
      <c r="B7" s="15">
        <v>24</v>
      </c>
      <c r="C7" s="16">
        <v>25</v>
      </c>
      <c r="D7" s="17">
        <v>49</v>
      </c>
    </row>
    <row r="8" spans="1:4" ht="18" customHeight="1" x14ac:dyDescent="0.2">
      <c r="A8" s="14">
        <v>3</v>
      </c>
      <c r="B8" s="15">
        <v>28</v>
      </c>
      <c r="C8" s="16">
        <v>27</v>
      </c>
      <c r="D8" s="17">
        <v>55</v>
      </c>
    </row>
    <row r="9" spans="1:4" ht="18" customHeight="1" x14ac:dyDescent="0.2">
      <c r="A9" s="14">
        <v>4</v>
      </c>
      <c r="B9" s="15">
        <v>21</v>
      </c>
      <c r="C9" s="16">
        <v>27</v>
      </c>
      <c r="D9" s="17">
        <v>48</v>
      </c>
    </row>
    <row r="10" spans="1:4" ht="18" customHeight="1" x14ac:dyDescent="0.2">
      <c r="A10" s="18" t="s">
        <v>48</v>
      </c>
      <c r="B10" s="15">
        <v>109</v>
      </c>
      <c r="C10" s="16">
        <v>116</v>
      </c>
      <c r="D10" s="17">
        <v>225</v>
      </c>
    </row>
    <row r="11" spans="1:4" ht="18" customHeight="1" x14ac:dyDescent="0.2">
      <c r="A11" s="14">
        <v>5</v>
      </c>
      <c r="B11" s="15">
        <v>32</v>
      </c>
      <c r="C11" s="16">
        <v>26</v>
      </c>
      <c r="D11" s="17">
        <v>58</v>
      </c>
    </row>
    <row r="12" spans="1:4" ht="18" customHeight="1" x14ac:dyDescent="0.2">
      <c r="A12" s="14">
        <v>6</v>
      </c>
      <c r="B12" s="15">
        <v>24</v>
      </c>
      <c r="C12" s="16">
        <v>27</v>
      </c>
      <c r="D12" s="17">
        <v>51</v>
      </c>
    </row>
    <row r="13" spans="1:4" ht="18" customHeight="1" x14ac:dyDescent="0.2">
      <c r="A13" s="14">
        <v>7</v>
      </c>
      <c r="B13" s="15">
        <v>32</v>
      </c>
      <c r="C13" s="16">
        <v>29</v>
      </c>
      <c r="D13" s="17">
        <v>61</v>
      </c>
    </row>
    <row r="14" spans="1:4" ht="18" customHeight="1" x14ac:dyDescent="0.2">
      <c r="A14" s="14">
        <v>8</v>
      </c>
      <c r="B14" s="15">
        <v>41</v>
      </c>
      <c r="C14" s="16">
        <v>29</v>
      </c>
      <c r="D14" s="17">
        <v>70</v>
      </c>
    </row>
    <row r="15" spans="1:4" ht="18" customHeight="1" x14ac:dyDescent="0.2">
      <c r="A15" s="14">
        <v>9</v>
      </c>
      <c r="B15" s="15">
        <v>28</v>
      </c>
      <c r="C15" s="16">
        <v>20</v>
      </c>
      <c r="D15" s="17">
        <v>48</v>
      </c>
    </row>
    <row r="16" spans="1:4" ht="18" customHeight="1" x14ac:dyDescent="0.2">
      <c r="A16" s="18" t="s">
        <v>49</v>
      </c>
      <c r="B16" s="15">
        <v>157</v>
      </c>
      <c r="C16" s="16">
        <v>131</v>
      </c>
      <c r="D16" s="17">
        <v>288</v>
      </c>
    </row>
    <row r="17" spans="1:4" ht="18" customHeight="1" x14ac:dyDescent="0.2">
      <c r="A17" s="14">
        <v>10</v>
      </c>
      <c r="B17" s="15">
        <v>36</v>
      </c>
      <c r="C17" s="16">
        <v>26</v>
      </c>
      <c r="D17" s="17">
        <v>62</v>
      </c>
    </row>
    <row r="18" spans="1:4" ht="18" customHeight="1" x14ac:dyDescent="0.2">
      <c r="A18" s="14">
        <v>11</v>
      </c>
      <c r="B18" s="15">
        <v>29</v>
      </c>
      <c r="C18" s="16">
        <v>27</v>
      </c>
      <c r="D18" s="17">
        <v>56</v>
      </c>
    </row>
    <row r="19" spans="1:4" ht="18" customHeight="1" x14ac:dyDescent="0.2">
      <c r="A19" s="14">
        <v>12</v>
      </c>
      <c r="B19" s="15">
        <v>32</v>
      </c>
      <c r="C19" s="16">
        <v>29</v>
      </c>
      <c r="D19" s="17">
        <v>61</v>
      </c>
    </row>
    <row r="20" spans="1:4" ht="18" customHeight="1" x14ac:dyDescent="0.2">
      <c r="A20" s="14">
        <v>13</v>
      </c>
      <c r="B20" s="15">
        <v>39</v>
      </c>
      <c r="C20" s="16">
        <v>39</v>
      </c>
      <c r="D20" s="17">
        <v>78</v>
      </c>
    </row>
    <row r="21" spans="1:4" ht="18" customHeight="1" x14ac:dyDescent="0.2">
      <c r="A21" s="14">
        <v>14</v>
      </c>
      <c r="B21" s="15">
        <v>33</v>
      </c>
      <c r="C21" s="16">
        <v>25</v>
      </c>
      <c r="D21" s="17">
        <v>58</v>
      </c>
    </row>
    <row r="22" spans="1:4" ht="18" customHeight="1" x14ac:dyDescent="0.2">
      <c r="A22" s="18" t="s">
        <v>50</v>
      </c>
      <c r="B22" s="15">
        <v>169</v>
      </c>
      <c r="C22" s="16">
        <v>146</v>
      </c>
      <c r="D22" s="17">
        <v>315</v>
      </c>
    </row>
    <row r="23" spans="1:4" ht="18" customHeight="1" x14ac:dyDescent="0.2">
      <c r="A23" s="18" t="s">
        <v>51</v>
      </c>
      <c r="B23" s="15">
        <v>435</v>
      </c>
      <c r="C23" s="16">
        <v>393</v>
      </c>
      <c r="D23" s="17">
        <v>828</v>
      </c>
    </row>
    <row r="24" spans="1:4" ht="18" customHeight="1" x14ac:dyDescent="0.2">
      <c r="A24" s="14">
        <v>15</v>
      </c>
      <c r="B24" s="15">
        <v>37</v>
      </c>
      <c r="C24" s="16">
        <v>43</v>
      </c>
      <c r="D24" s="17">
        <v>80</v>
      </c>
    </row>
    <row r="25" spans="1:4" ht="18" customHeight="1" x14ac:dyDescent="0.2">
      <c r="A25" s="14">
        <v>16</v>
      </c>
      <c r="B25" s="15">
        <v>41</v>
      </c>
      <c r="C25" s="16">
        <v>43</v>
      </c>
      <c r="D25" s="17">
        <v>84</v>
      </c>
    </row>
    <row r="26" spans="1:4" ht="18" customHeight="1" x14ac:dyDescent="0.2">
      <c r="A26" s="14">
        <v>17</v>
      </c>
      <c r="B26" s="15">
        <v>50</v>
      </c>
      <c r="C26" s="16">
        <v>48</v>
      </c>
      <c r="D26" s="17">
        <v>98</v>
      </c>
    </row>
    <row r="27" spans="1:4" ht="18" customHeight="1" x14ac:dyDescent="0.2">
      <c r="A27" s="14">
        <v>18</v>
      </c>
      <c r="B27" s="15">
        <v>49</v>
      </c>
      <c r="C27" s="16">
        <v>36</v>
      </c>
      <c r="D27" s="17">
        <v>85</v>
      </c>
    </row>
    <row r="28" spans="1:4" ht="18" customHeight="1" x14ac:dyDescent="0.2">
      <c r="A28" s="14">
        <v>19</v>
      </c>
      <c r="B28" s="15">
        <v>32</v>
      </c>
      <c r="C28" s="16">
        <v>43</v>
      </c>
      <c r="D28" s="17">
        <v>75</v>
      </c>
    </row>
    <row r="29" spans="1:4" ht="18" customHeight="1" x14ac:dyDescent="0.2">
      <c r="A29" s="18" t="s">
        <v>52</v>
      </c>
      <c r="B29" s="15">
        <v>209</v>
      </c>
      <c r="C29" s="16">
        <v>213</v>
      </c>
      <c r="D29" s="17">
        <v>422</v>
      </c>
    </row>
    <row r="30" spans="1:4" ht="18" customHeight="1" x14ac:dyDescent="0.2">
      <c r="A30" s="14">
        <v>20</v>
      </c>
      <c r="B30" s="15">
        <v>37</v>
      </c>
      <c r="C30" s="16">
        <v>44</v>
      </c>
      <c r="D30" s="17">
        <v>81</v>
      </c>
    </row>
    <row r="31" spans="1:4" ht="18" customHeight="1" x14ac:dyDescent="0.2">
      <c r="A31" s="14">
        <v>21</v>
      </c>
      <c r="B31" s="15">
        <v>42</v>
      </c>
      <c r="C31" s="16">
        <v>35</v>
      </c>
      <c r="D31" s="17">
        <v>77</v>
      </c>
    </row>
    <row r="32" spans="1:4" ht="18" customHeight="1" x14ac:dyDescent="0.2">
      <c r="A32" s="14">
        <v>22</v>
      </c>
      <c r="B32" s="15">
        <v>32</v>
      </c>
      <c r="C32" s="16">
        <v>26</v>
      </c>
      <c r="D32" s="17">
        <v>58</v>
      </c>
    </row>
    <row r="33" spans="1:4" ht="18" customHeight="1" x14ac:dyDescent="0.2">
      <c r="A33" s="14">
        <v>23</v>
      </c>
      <c r="B33" s="15">
        <v>29</v>
      </c>
      <c r="C33" s="16">
        <v>34</v>
      </c>
      <c r="D33" s="17">
        <v>63</v>
      </c>
    </row>
    <row r="34" spans="1:4" ht="18" customHeight="1" x14ac:dyDescent="0.2">
      <c r="A34" s="14">
        <v>24</v>
      </c>
      <c r="B34" s="15">
        <v>41</v>
      </c>
      <c r="C34" s="16">
        <v>28</v>
      </c>
      <c r="D34" s="17">
        <v>69</v>
      </c>
    </row>
    <row r="35" spans="1:4" ht="18" customHeight="1" x14ac:dyDescent="0.2">
      <c r="A35" s="18" t="s">
        <v>53</v>
      </c>
      <c r="B35" s="15">
        <v>181</v>
      </c>
      <c r="C35" s="16">
        <v>167</v>
      </c>
      <c r="D35" s="17">
        <v>348</v>
      </c>
    </row>
    <row r="36" spans="1:4" ht="18" customHeight="1" x14ac:dyDescent="0.2">
      <c r="A36" s="14">
        <v>25</v>
      </c>
      <c r="B36" s="15">
        <v>48</v>
      </c>
      <c r="C36" s="16">
        <v>28</v>
      </c>
      <c r="D36" s="17">
        <v>76</v>
      </c>
    </row>
    <row r="37" spans="1:4" ht="18" customHeight="1" x14ac:dyDescent="0.2">
      <c r="A37" s="14">
        <v>26</v>
      </c>
      <c r="B37" s="15">
        <v>27</v>
      </c>
      <c r="C37" s="16">
        <v>25</v>
      </c>
      <c r="D37" s="17">
        <v>52</v>
      </c>
    </row>
    <row r="38" spans="1:4" ht="18" customHeight="1" x14ac:dyDescent="0.2">
      <c r="A38" s="14">
        <v>27</v>
      </c>
      <c r="B38" s="15">
        <v>39</v>
      </c>
      <c r="C38" s="16">
        <v>16</v>
      </c>
      <c r="D38" s="17">
        <v>55</v>
      </c>
    </row>
    <row r="39" spans="1:4" ht="18" customHeight="1" x14ac:dyDescent="0.2">
      <c r="A39" s="14">
        <v>28</v>
      </c>
      <c r="B39" s="15">
        <v>43</v>
      </c>
      <c r="C39" s="16">
        <v>23</v>
      </c>
      <c r="D39" s="17">
        <v>66</v>
      </c>
    </row>
    <row r="40" spans="1:4" ht="18" customHeight="1" x14ac:dyDescent="0.2">
      <c r="A40" s="14">
        <v>29</v>
      </c>
      <c r="B40" s="15">
        <v>39</v>
      </c>
      <c r="C40" s="16">
        <v>19</v>
      </c>
      <c r="D40" s="17">
        <v>58</v>
      </c>
    </row>
    <row r="41" spans="1:4" ht="18" customHeight="1" x14ac:dyDescent="0.2">
      <c r="A41" s="18" t="s">
        <v>54</v>
      </c>
      <c r="B41" s="15">
        <v>196</v>
      </c>
      <c r="C41" s="16">
        <v>111</v>
      </c>
      <c r="D41" s="17">
        <v>307</v>
      </c>
    </row>
    <row r="42" spans="1:4" ht="18" customHeight="1" x14ac:dyDescent="0.2">
      <c r="A42" s="14">
        <v>30</v>
      </c>
      <c r="B42" s="15">
        <v>37</v>
      </c>
      <c r="C42" s="16">
        <v>25</v>
      </c>
      <c r="D42" s="17">
        <v>62</v>
      </c>
    </row>
    <row r="43" spans="1:4" ht="18" customHeight="1" x14ac:dyDescent="0.2">
      <c r="A43" s="14">
        <v>31</v>
      </c>
      <c r="B43" s="15">
        <v>40</v>
      </c>
      <c r="C43" s="16">
        <v>33</v>
      </c>
      <c r="D43" s="17">
        <v>73</v>
      </c>
    </row>
    <row r="44" spans="1:4" ht="18" customHeight="1" x14ac:dyDescent="0.2">
      <c r="A44" s="14">
        <v>32</v>
      </c>
      <c r="B44" s="15">
        <v>24</v>
      </c>
      <c r="C44" s="16">
        <v>45</v>
      </c>
      <c r="D44" s="17">
        <v>69</v>
      </c>
    </row>
    <row r="45" spans="1:4" ht="18" customHeight="1" x14ac:dyDescent="0.2">
      <c r="A45" s="14">
        <v>33</v>
      </c>
      <c r="B45" s="15">
        <v>35</v>
      </c>
      <c r="C45" s="16">
        <v>33</v>
      </c>
      <c r="D45" s="17">
        <v>68</v>
      </c>
    </row>
    <row r="46" spans="1:4" ht="18" customHeight="1" x14ac:dyDescent="0.2">
      <c r="A46" s="14">
        <v>34</v>
      </c>
      <c r="B46" s="15">
        <v>42</v>
      </c>
      <c r="C46" s="16">
        <v>42</v>
      </c>
      <c r="D46" s="17">
        <v>84</v>
      </c>
    </row>
    <row r="47" spans="1:4" ht="18" customHeight="1" x14ac:dyDescent="0.2">
      <c r="A47" s="18" t="s">
        <v>55</v>
      </c>
      <c r="B47" s="15">
        <v>178</v>
      </c>
      <c r="C47" s="16">
        <v>178</v>
      </c>
      <c r="D47" s="17">
        <v>356</v>
      </c>
    </row>
    <row r="48" spans="1:4" ht="18" customHeight="1" x14ac:dyDescent="0.2">
      <c r="A48" s="14">
        <v>35</v>
      </c>
      <c r="B48" s="15">
        <v>50</v>
      </c>
      <c r="C48" s="16">
        <v>38</v>
      </c>
      <c r="D48" s="17">
        <v>88</v>
      </c>
    </row>
    <row r="49" spans="1:4" ht="18" customHeight="1" x14ac:dyDescent="0.2">
      <c r="A49" s="14">
        <v>36</v>
      </c>
      <c r="B49" s="15">
        <v>49</v>
      </c>
      <c r="C49" s="16">
        <v>38</v>
      </c>
      <c r="D49" s="17">
        <v>87</v>
      </c>
    </row>
    <row r="50" spans="1:4" ht="18" customHeight="1" x14ac:dyDescent="0.2">
      <c r="A50" s="14">
        <v>37</v>
      </c>
      <c r="B50" s="15">
        <v>37</v>
      </c>
      <c r="C50" s="16">
        <v>39</v>
      </c>
      <c r="D50" s="17">
        <v>76</v>
      </c>
    </row>
    <row r="51" spans="1:4" ht="18" customHeight="1" x14ac:dyDescent="0.2">
      <c r="A51" s="14">
        <v>38</v>
      </c>
      <c r="B51" s="15">
        <v>42</v>
      </c>
      <c r="C51" s="16">
        <v>48</v>
      </c>
      <c r="D51" s="17">
        <v>90</v>
      </c>
    </row>
    <row r="52" spans="1:4" ht="18" customHeight="1" x14ac:dyDescent="0.2">
      <c r="A52" s="14">
        <v>39</v>
      </c>
      <c r="B52" s="15">
        <v>51</v>
      </c>
      <c r="C52" s="16">
        <v>44</v>
      </c>
      <c r="D52" s="17">
        <v>95</v>
      </c>
    </row>
    <row r="53" spans="1:4" ht="18" customHeight="1" x14ac:dyDescent="0.2">
      <c r="A53" s="18" t="s">
        <v>56</v>
      </c>
      <c r="B53" s="15">
        <v>229</v>
      </c>
      <c r="C53" s="16">
        <v>207</v>
      </c>
      <c r="D53" s="17">
        <v>436</v>
      </c>
    </row>
    <row r="54" spans="1:4" ht="18" customHeight="1" x14ac:dyDescent="0.2">
      <c r="A54" s="14">
        <v>40</v>
      </c>
      <c r="B54" s="15">
        <v>38</v>
      </c>
      <c r="C54" s="16">
        <v>31</v>
      </c>
      <c r="D54" s="17">
        <v>69</v>
      </c>
    </row>
    <row r="55" spans="1:4" ht="18" customHeight="1" x14ac:dyDescent="0.2">
      <c r="A55" s="14">
        <v>41</v>
      </c>
      <c r="B55" s="15">
        <v>43</v>
      </c>
      <c r="C55" s="16">
        <v>39</v>
      </c>
      <c r="D55" s="17">
        <v>82</v>
      </c>
    </row>
    <row r="56" spans="1:4" ht="18" customHeight="1" x14ac:dyDescent="0.2">
      <c r="A56" s="14">
        <v>42</v>
      </c>
      <c r="B56" s="15">
        <v>46</v>
      </c>
      <c r="C56" s="16">
        <v>35</v>
      </c>
      <c r="D56" s="17">
        <v>81</v>
      </c>
    </row>
    <row r="57" spans="1:4" ht="18" customHeight="1" x14ac:dyDescent="0.2">
      <c r="A57" s="14">
        <v>43</v>
      </c>
      <c r="B57" s="15">
        <v>59</v>
      </c>
      <c r="C57" s="16">
        <v>56</v>
      </c>
      <c r="D57" s="17">
        <v>115</v>
      </c>
    </row>
    <row r="58" spans="1:4" ht="18" customHeight="1" x14ac:dyDescent="0.2">
      <c r="A58" s="14">
        <v>44</v>
      </c>
      <c r="B58" s="15">
        <v>50</v>
      </c>
      <c r="C58" s="16">
        <v>54</v>
      </c>
      <c r="D58" s="17">
        <v>104</v>
      </c>
    </row>
    <row r="59" spans="1:4" ht="18" customHeight="1" x14ac:dyDescent="0.2">
      <c r="A59" s="18" t="s">
        <v>57</v>
      </c>
      <c r="B59" s="15">
        <v>236</v>
      </c>
      <c r="C59" s="16">
        <v>215</v>
      </c>
      <c r="D59" s="17">
        <v>451</v>
      </c>
    </row>
    <row r="60" spans="1:4" ht="18" customHeight="1" x14ac:dyDescent="0.2">
      <c r="A60" s="14">
        <v>45</v>
      </c>
      <c r="B60" s="15">
        <v>68</v>
      </c>
      <c r="C60" s="16">
        <v>59</v>
      </c>
      <c r="D60" s="17">
        <v>127</v>
      </c>
    </row>
    <row r="61" spans="1:4" ht="18" customHeight="1" x14ac:dyDescent="0.2">
      <c r="A61" s="14">
        <v>46</v>
      </c>
      <c r="B61" s="15">
        <v>66</v>
      </c>
      <c r="C61" s="16">
        <v>57</v>
      </c>
      <c r="D61" s="17">
        <v>123</v>
      </c>
    </row>
    <row r="62" spans="1:4" ht="18" customHeight="1" x14ac:dyDescent="0.2">
      <c r="A62" s="14">
        <v>47</v>
      </c>
      <c r="B62" s="15">
        <v>66</v>
      </c>
      <c r="C62" s="16">
        <v>83</v>
      </c>
      <c r="D62" s="17">
        <v>149</v>
      </c>
    </row>
    <row r="63" spans="1:4" ht="18" customHeight="1" x14ac:dyDescent="0.2">
      <c r="A63" s="14">
        <v>48</v>
      </c>
      <c r="B63" s="15">
        <v>66</v>
      </c>
      <c r="C63" s="16">
        <v>58</v>
      </c>
      <c r="D63" s="17">
        <v>124</v>
      </c>
    </row>
    <row r="64" spans="1:4" ht="18" customHeight="1" x14ac:dyDescent="0.2">
      <c r="A64" s="14">
        <v>49</v>
      </c>
      <c r="B64" s="15">
        <v>78</v>
      </c>
      <c r="C64" s="16">
        <v>64</v>
      </c>
      <c r="D64" s="17">
        <v>142</v>
      </c>
    </row>
    <row r="65" spans="1:4" ht="18" customHeight="1" x14ac:dyDescent="0.2">
      <c r="A65" s="18" t="s">
        <v>58</v>
      </c>
      <c r="B65" s="15">
        <v>344</v>
      </c>
      <c r="C65" s="16">
        <v>321</v>
      </c>
      <c r="D65" s="17">
        <v>665</v>
      </c>
    </row>
    <row r="66" spans="1:4" ht="18" customHeight="1" x14ac:dyDescent="0.2">
      <c r="A66" s="14">
        <v>50</v>
      </c>
      <c r="B66" s="15">
        <v>63</v>
      </c>
      <c r="C66" s="16">
        <v>57</v>
      </c>
      <c r="D66" s="17">
        <v>120</v>
      </c>
    </row>
    <row r="67" spans="1:4" ht="18" customHeight="1" x14ac:dyDescent="0.2">
      <c r="A67" s="14">
        <v>51</v>
      </c>
      <c r="B67" s="15">
        <v>57</v>
      </c>
      <c r="C67" s="16">
        <v>65</v>
      </c>
      <c r="D67" s="17">
        <v>122</v>
      </c>
    </row>
    <row r="68" spans="1:4" ht="18" customHeight="1" x14ac:dyDescent="0.2">
      <c r="A68" s="14">
        <v>52</v>
      </c>
      <c r="B68" s="15">
        <v>60</v>
      </c>
      <c r="C68" s="16">
        <v>70</v>
      </c>
      <c r="D68" s="17">
        <v>130</v>
      </c>
    </row>
    <row r="69" spans="1:4" ht="18" customHeight="1" x14ac:dyDescent="0.2">
      <c r="A69" s="14">
        <v>53</v>
      </c>
      <c r="B69" s="15">
        <v>74</v>
      </c>
      <c r="C69" s="16">
        <v>52</v>
      </c>
      <c r="D69" s="17">
        <v>126</v>
      </c>
    </row>
    <row r="70" spans="1:4" ht="18" customHeight="1" x14ac:dyDescent="0.2">
      <c r="A70" s="14">
        <v>54</v>
      </c>
      <c r="B70" s="15">
        <v>40</v>
      </c>
      <c r="C70" s="16">
        <v>58</v>
      </c>
      <c r="D70" s="17">
        <v>98</v>
      </c>
    </row>
    <row r="71" spans="1:4" ht="18" customHeight="1" x14ac:dyDescent="0.2">
      <c r="A71" s="18" t="s">
        <v>59</v>
      </c>
      <c r="B71" s="15">
        <v>294</v>
      </c>
      <c r="C71" s="16">
        <v>302</v>
      </c>
      <c r="D71" s="17">
        <v>596</v>
      </c>
    </row>
    <row r="72" spans="1:4" ht="18" customHeight="1" x14ac:dyDescent="0.2">
      <c r="A72" s="14">
        <v>55</v>
      </c>
      <c r="B72" s="15">
        <v>46</v>
      </c>
      <c r="C72" s="16">
        <v>61</v>
      </c>
      <c r="D72" s="17">
        <v>107</v>
      </c>
    </row>
    <row r="73" spans="1:4" ht="18" customHeight="1" x14ac:dyDescent="0.2">
      <c r="A73" s="14">
        <v>56</v>
      </c>
      <c r="B73" s="15">
        <v>45</v>
      </c>
      <c r="C73" s="16">
        <v>38</v>
      </c>
      <c r="D73" s="17">
        <v>83</v>
      </c>
    </row>
    <row r="74" spans="1:4" ht="18" customHeight="1" x14ac:dyDescent="0.2">
      <c r="A74" s="14">
        <v>57</v>
      </c>
      <c r="B74" s="15">
        <v>51</v>
      </c>
      <c r="C74" s="16">
        <v>42</v>
      </c>
      <c r="D74" s="17">
        <v>93</v>
      </c>
    </row>
    <row r="75" spans="1:4" ht="18" customHeight="1" x14ac:dyDescent="0.2">
      <c r="A75" s="14">
        <v>58</v>
      </c>
      <c r="B75" s="15">
        <v>41</v>
      </c>
      <c r="C75" s="16">
        <v>37</v>
      </c>
      <c r="D75" s="17">
        <v>78</v>
      </c>
    </row>
    <row r="76" spans="1:4" ht="18" customHeight="1" x14ac:dyDescent="0.2">
      <c r="A76" s="14">
        <v>59</v>
      </c>
      <c r="B76" s="15">
        <v>52</v>
      </c>
      <c r="C76" s="16">
        <v>47</v>
      </c>
      <c r="D76" s="17">
        <v>99</v>
      </c>
    </row>
    <row r="77" spans="1:4" ht="18" customHeight="1" x14ac:dyDescent="0.2">
      <c r="A77" s="18" t="s">
        <v>60</v>
      </c>
      <c r="B77" s="15">
        <v>235</v>
      </c>
      <c r="C77" s="16">
        <v>225</v>
      </c>
      <c r="D77" s="17">
        <v>460</v>
      </c>
    </row>
    <row r="78" spans="1:4" ht="18" customHeight="1" x14ac:dyDescent="0.2">
      <c r="A78" s="14">
        <v>60</v>
      </c>
      <c r="B78" s="15">
        <v>43</v>
      </c>
      <c r="C78" s="16">
        <v>37</v>
      </c>
      <c r="D78" s="17">
        <v>80</v>
      </c>
    </row>
    <row r="79" spans="1:4" ht="18" customHeight="1" x14ac:dyDescent="0.2">
      <c r="A79" s="14">
        <v>61</v>
      </c>
      <c r="B79" s="15">
        <v>54</v>
      </c>
      <c r="C79" s="16">
        <v>52</v>
      </c>
      <c r="D79" s="17">
        <v>106</v>
      </c>
    </row>
    <row r="80" spans="1:4" ht="18" customHeight="1" x14ac:dyDescent="0.2">
      <c r="A80" s="14">
        <v>62</v>
      </c>
      <c r="B80" s="15">
        <v>39</v>
      </c>
      <c r="C80" s="16">
        <v>45</v>
      </c>
      <c r="D80" s="17">
        <v>84</v>
      </c>
    </row>
    <row r="81" spans="1:4" ht="18" customHeight="1" x14ac:dyDescent="0.2">
      <c r="A81" s="14">
        <v>63</v>
      </c>
      <c r="B81" s="15">
        <v>54</v>
      </c>
      <c r="C81" s="16">
        <v>48</v>
      </c>
      <c r="D81" s="17">
        <v>102</v>
      </c>
    </row>
    <row r="82" spans="1:4" ht="18" customHeight="1" x14ac:dyDescent="0.2">
      <c r="A82" s="14">
        <v>64</v>
      </c>
      <c r="B82" s="15">
        <v>45</v>
      </c>
      <c r="C82" s="16">
        <v>42</v>
      </c>
      <c r="D82" s="17">
        <v>87</v>
      </c>
    </row>
    <row r="83" spans="1:4" ht="18" customHeight="1" x14ac:dyDescent="0.2">
      <c r="A83" s="18" t="s">
        <v>61</v>
      </c>
      <c r="B83" s="15">
        <v>235</v>
      </c>
      <c r="C83" s="16">
        <v>224</v>
      </c>
      <c r="D83" s="17">
        <v>459</v>
      </c>
    </row>
    <row r="84" spans="1:4" ht="18" customHeight="1" x14ac:dyDescent="0.2">
      <c r="A84" s="18" t="s">
        <v>62</v>
      </c>
      <c r="B84" s="15">
        <v>2337</v>
      </c>
      <c r="C84" s="16">
        <v>2163</v>
      </c>
      <c r="D84" s="17">
        <v>4500</v>
      </c>
    </row>
    <row r="85" spans="1:4" ht="18" customHeight="1" x14ac:dyDescent="0.2">
      <c r="A85" s="14">
        <v>65</v>
      </c>
      <c r="B85" s="15">
        <v>41</v>
      </c>
      <c r="C85" s="16">
        <v>58</v>
      </c>
      <c r="D85" s="17">
        <v>99</v>
      </c>
    </row>
    <row r="86" spans="1:4" ht="18" customHeight="1" x14ac:dyDescent="0.2">
      <c r="A86" s="14">
        <v>66</v>
      </c>
      <c r="B86" s="15">
        <v>53</v>
      </c>
      <c r="C86" s="16">
        <v>51</v>
      </c>
      <c r="D86" s="17">
        <v>104</v>
      </c>
    </row>
    <row r="87" spans="1:4" ht="18" customHeight="1" x14ac:dyDescent="0.2">
      <c r="A87" s="14">
        <v>67</v>
      </c>
      <c r="B87" s="15">
        <v>50</v>
      </c>
      <c r="C87" s="16">
        <v>61</v>
      </c>
      <c r="D87" s="17">
        <v>111</v>
      </c>
    </row>
    <row r="88" spans="1:4" ht="18" customHeight="1" x14ac:dyDescent="0.2">
      <c r="A88" s="14">
        <v>68</v>
      </c>
      <c r="B88" s="15">
        <v>60</v>
      </c>
      <c r="C88" s="16">
        <v>57</v>
      </c>
      <c r="D88" s="17">
        <v>117</v>
      </c>
    </row>
    <row r="89" spans="1:4" ht="18" customHeight="1" x14ac:dyDescent="0.2">
      <c r="A89" s="14">
        <v>69</v>
      </c>
      <c r="B89" s="15">
        <v>56</v>
      </c>
      <c r="C89" s="16">
        <v>67</v>
      </c>
      <c r="D89" s="17">
        <v>123</v>
      </c>
    </row>
    <row r="90" spans="1:4" ht="18" customHeight="1" x14ac:dyDescent="0.2">
      <c r="A90" s="18" t="s">
        <v>63</v>
      </c>
      <c r="B90" s="15">
        <v>260</v>
      </c>
      <c r="C90" s="16">
        <v>294</v>
      </c>
      <c r="D90" s="17">
        <v>554</v>
      </c>
    </row>
    <row r="91" spans="1:4" ht="18" customHeight="1" x14ac:dyDescent="0.2">
      <c r="A91" s="14">
        <v>70</v>
      </c>
      <c r="B91" s="15">
        <v>64</v>
      </c>
      <c r="C91" s="16">
        <v>84</v>
      </c>
      <c r="D91" s="17">
        <v>148</v>
      </c>
    </row>
    <row r="92" spans="1:4" ht="18" customHeight="1" x14ac:dyDescent="0.2">
      <c r="A92" s="14">
        <v>71</v>
      </c>
      <c r="B92" s="15">
        <v>85</v>
      </c>
      <c r="C92" s="16">
        <v>83</v>
      </c>
      <c r="D92" s="17">
        <v>168</v>
      </c>
    </row>
    <row r="93" spans="1:4" ht="18" customHeight="1" x14ac:dyDescent="0.2">
      <c r="A93" s="14">
        <v>72</v>
      </c>
      <c r="B93" s="15">
        <v>69</v>
      </c>
      <c r="C93" s="16">
        <v>87</v>
      </c>
      <c r="D93" s="17">
        <v>156</v>
      </c>
    </row>
    <row r="94" spans="1:4" ht="18" customHeight="1" x14ac:dyDescent="0.2">
      <c r="A94" s="14">
        <v>73</v>
      </c>
      <c r="B94" s="15">
        <v>84</v>
      </c>
      <c r="C94" s="16">
        <v>55</v>
      </c>
      <c r="D94" s="17">
        <v>139</v>
      </c>
    </row>
    <row r="95" spans="1:4" ht="18" customHeight="1" x14ac:dyDescent="0.2">
      <c r="A95" s="14">
        <v>74</v>
      </c>
      <c r="B95" s="15">
        <v>39</v>
      </c>
      <c r="C95" s="16">
        <v>40</v>
      </c>
      <c r="D95" s="17">
        <v>79</v>
      </c>
    </row>
    <row r="96" spans="1:4" ht="18" customHeight="1" x14ac:dyDescent="0.2">
      <c r="A96" s="18" t="s">
        <v>64</v>
      </c>
      <c r="B96" s="15">
        <v>341</v>
      </c>
      <c r="C96" s="16">
        <v>349</v>
      </c>
      <c r="D96" s="17">
        <v>690</v>
      </c>
    </row>
    <row r="97" spans="1:4" ht="18" customHeight="1" x14ac:dyDescent="0.2">
      <c r="A97" s="14">
        <v>75</v>
      </c>
      <c r="B97" s="15">
        <v>53</v>
      </c>
      <c r="C97" s="16">
        <v>58</v>
      </c>
      <c r="D97" s="17">
        <v>111</v>
      </c>
    </row>
    <row r="98" spans="1:4" ht="18" customHeight="1" x14ac:dyDescent="0.2">
      <c r="A98" s="14">
        <v>76</v>
      </c>
      <c r="B98" s="15">
        <v>40</v>
      </c>
      <c r="C98" s="16">
        <v>57</v>
      </c>
      <c r="D98" s="17">
        <v>97</v>
      </c>
    </row>
    <row r="99" spans="1:4" ht="18" customHeight="1" x14ac:dyDescent="0.2">
      <c r="A99" s="14">
        <v>77</v>
      </c>
      <c r="B99" s="15">
        <v>43</v>
      </c>
      <c r="C99" s="16">
        <v>56</v>
      </c>
      <c r="D99" s="17">
        <v>99</v>
      </c>
    </row>
    <row r="100" spans="1:4" ht="18" customHeight="1" x14ac:dyDescent="0.2">
      <c r="A100" s="14">
        <v>78</v>
      </c>
      <c r="B100" s="15">
        <v>59</v>
      </c>
      <c r="C100" s="16">
        <v>57</v>
      </c>
      <c r="D100" s="17">
        <v>116</v>
      </c>
    </row>
    <row r="101" spans="1:4" ht="18" customHeight="1" x14ac:dyDescent="0.2">
      <c r="A101" s="14">
        <v>79</v>
      </c>
      <c r="B101" s="15">
        <v>42</v>
      </c>
      <c r="C101" s="16">
        <v>50</v>
      </c>
      <c r="D101" s="17">
        <v>92</v>
      </c>
    </row>
    <row r="102" spans="1:4" ht="18" customHeight="1" x14ac:dyDescent="0.2">
      <c r="A102" s="18" t="s">
        <v>65</v>
      </c>
      <c r="B102" s="15">
        <v>237</v>
      </c>
      <c r="C102" s="16">
        <v>278</v>
      </c>
      <c r="D102" s="17">
        <v>515</v>
      </c>
    </row>
    <row r="103" spans="1:4" ht="18" customHeight="1" x14ac:dyDescent="0.2">
      <c r="A103" s="14">
        <v>80</v>
      </c>
      <c r="B103" s="15">
        <v>22</v>
      </c>
      <c r="C103" s="16">
        <v>42</v>
      </c>
      <c r="D103" s="17">
        <v>64</v>
      </c>
    </row>
    <row r="104" spans="1:4" ht="18" customHeight="1" x14ac:dyDescent="0.2">
      <c r="A104" s="14">
        <v>81</v>
      </c>
      <c r="B104" s="15">
        <v>22</v>
      </c>
      <c r="C104" s="16">
        <v>26</v>
      </c>
      <c r="D104" s="17">
        <v>48</v>
      </c>
    </row>
    <row r="105" spans="1:4" ht="18" customHeight="1" x14ac:dyDescent="0.2">
      <c r="A105" s="14">
        <v>82</v>
      </c>
      <c r="B105" s="15">
        <v>31</v>
      </c>
      <c r="C105" s="16">
        <v>35</v>
      </c>
      <c r="D105" s="17">
        <v>66</v>
      </c>
    </row>
    <row r="106" spans="1:4" ht="18" customHeight="1" x14ac:dyDescent="0.2">
      <c r="A106" s="14">
        <v>83</v>
      </c>
      <c r="B106" s="15">
        <v>33</v>
      </c>
      <c r="C106" s="16">
        <v>37</v>
      </c>
      <c r="D106" s="17">
        <v>70</v>
      </c>
    </row>
    <row r="107" spans="1:4" ht="18" customHeight="1" x14ac:dyDescent="0.2">
      <c r="A107" s="14">
        <v>84</v>
      </c>
      <c r="B107" s="15">
        <v>23</v>
      </c>
      <c r="C107" s="16">
        <v>43</v>
      </c>
      <c r="D107" s="17">
        <v>66</v>
      </c>
    </row>
    <row r="108" spans="1:4" ht="18" customHeight="1" x14ac:dyDescent="0.2">
      <c r="A108" s="18" t="s">
        <v>66</v>
      </c>
      <c r="B108" s="15">
        <v>131</v>
      </c>
      <c r="C108" s="16">
        <v>183</v>
      </c>
      <c r="D108" s="17">
        <v>314</v>
      </c>
    </row>
    <row r="109" spans="1:4" ht="18" customHeight="1" x14ac:dyDescent="0.2">
      <c r="A109" s="14">
        <v>85</v>
      </c>
      <c r="B109" s="15">
        <v>16</v>
      </c>
      <c r="C109" s="16">
        <v>17</v>
      </c>
      <c r="D109" s="17">
        <v>33</v>
      </c>
    </row>
    <row r="110" spans="1:4" ht="18" customHeight="1" x14ac:dyDescent="0.2">
      <c r="A110" s="14">
        <v>86</v>
      </c>
      <c r="B110" s="15">
        <v>12</v>
      </c>
      <c r="C110" s="16">
        <v>26</v>
      </c>
      <c r="D110" s="17">
        <v>38</v>
      </c>
    </row>
    <row r="111" spans="1:4" ht="18" customHeight="1" x14ac:dyDescent="0.2">
      <c r="A111" s="14">
        <v>87</v>
      </c>
      <c r="B111" s="15">
        <v>13</v>
      </c>
      <c r="C111" s="16">
        <v>25</v>
      </c>
      <c r="D111" s="17">
        <v>38</v>
      </c>
    </row>
    <row r="112" spans="1:4" ht="18" customHeight="1" x14ac:dyDescent="0.2">
      <c r="A112" s="14">
        <v>88</v>
      </c>
      <c r="B112" s="15">
        <v>10</v>
      </c>
      <c r="C112" s="16">
        <v>24</v>
      </c>
      <c r="D112" s="17">
        <v>34</v>
      </c>
    </row>
    <row r="113" spans="1:4" ht="18" customHeight="1" x14ac:dyDescent="0.2">
      <c r="A113" s="14">
        <v>89</v>
      </c>
      <c r="B113" s="15">
        <v>15</v>
      </c>
      <c r="C113" s="16">
        <v>10</v>
      </c>
      <c r="D113" s="17">
        <v>25</v>
      </c>
    </row>
    <row r="114" spans="1:4" ht="18" customHeight="1" x14ac:dyDescent="0.2">
      <c r="A114" s="18" t="s">
        <v>67</v>
      </c>
      <c r="B114" s="15">
        <v>66</v>
      </c>
      <c r="C114" s="16">
        <v>102</v>
      </c>
      <c r="D114" s="17">
        <v>168</v>
      </c>
    </row>
    <row r="115" spans="1:4" ht="18" customHeight="1" x14ac:dyDescent="0.2">
      <c r="A115" s="14">
        <v>90</v>
      </c>
      <c r="B115" s="15">
        <v>1</v>
      </c>
      <c r="C115" s="16">
        <v>18</v>
      </c>
      <c r="D115" s="17">
        <v>19</v>
      </c>
    </row>
    <row r="116" spans="1:4" ht="18" customHeight="1" x14ac:dyDescent="0.2">
      <c r="A116" s="14">
        <v>91</v>
      </c>
      <c r="B116" s="15">
        <v>7</v>
      </c>
      <c r="C116" s="16">
        <v>19</v>
      </c>
      <c r="D116" s="17">
        <v>26</v>
      </c>
    </row>
    <row r="117" spans="1:4" ht="18" customHeight="1" x14ac:dyDescent="0.2">
      <c r="A117" s="14">
        <v>92</v>
      </c>
      <c r="B117" s="15">
        <v>4</v>
      </c>
      <c r="C117" s="16">
        <v>12</v>
      </c>
      <c r="D117" s="17">
        <v>16</v>
      </c>
    </row>
    <row r="118" spans="1:4" ht="18" customHeight="1" x14ac:dyDescent="0.2">
      <c r="A118" s="14">
        <v>93</v>
      </c>
      <c r="B118" s="15">
        <v>5</v>
      </c>
      <c r="C118" s="16">
        <v>12</v>
      </c>
      <c r="D118" s="17">
        <v>17</v>
      </c>
    </row>
    <row r="119" spans="1:4" ht="18" customHeight="1" x14ac:dyDescent="0.2">
      <c r="A119" s="14">
        <v>94</v>
      </c>
      <c r="B119" s="15">
        <v>0</v>
      </c>
      <c r="C119" s="16">
        <v>12</v>
      </c>
      <c r="D119" s="17">
        <v>12</v>
      </c>
    </row>
    <row r="120" spans="1:4" ht="18" customHeight="1" x14ac:dyDescent="0.2">
      <c r="A120" s="18" t="s">
        <v>68</v>
      </c>
      <c r="B120" s="15">
        <v>17</v>
      </c>
      <c r="C120" s="16">
        <v>73</v>
      </c>
      <c r="D120" s="17">
        <v>90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9</v>
      </c>
      <c r="D122" s="17">
        <v>10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5</v>
      </c>
      <c r="D125" s="17">
        <v>6</v>
      </c>
    </row>
    <row r="126" spans="1:4" ht="18" customHeight="1" x14ac:dyDescent="0.2">
      <c r="A126" s="18" t="s">
        <v>69</v>
      </c>
      <c r="B126" s="15">
        <v>3</v>
      </c>
      <c r="C126" s="16">
        <v>27</v>
      </c>
      <c r="D126" s="17">
        <v>30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1055</v>
      </c>
      <c r="C130" s="5">
        <v>1311</v>
      </c>
      <c r="D130" s="6">
        <v>2366</v>
      </c>
    </row>
    <row r="131" spans="1:4" ht="18" customHeight="1" x14ac:dyDescent="0.2">
      <c r="A131" s="20" t="s">
        <v>47</v>
      </c>
      <c r="B131" s="7">
        <v>3827</v>
      </c>
      <c r="C131" s="8">
        <v>3867</v>
      </c>
      <c r="D131" s="9">
        <v>769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3</v>
      </c>
      <c r="D5" s="13">
        <v>10</v>
      </c>
    </row>
    <row r="6" spans="1:4" ht="18" customHeight="1" x14ac:dyDescent="0.2">
      <c r="A6" s="14">
        <v>1</v>
      </c>
      <c r="B6" s="15">
        <v>2</v>
      </c>
      <c r="C6" s="16">
        <v>4</v>
      </c>
      <c r="D6" s="17">
        <v>6</v>
      </c>
    </row>
    <row r="7" spans="1:4" ht="18" customHeight="1" x14ac:dyDescent="0.2">
      <c r="A7" s="14">
        <v>2</v>
      </c>
      <c r="B7" s="15">
        <v>6</v>
      </c>
      <c r="C7" s="16">
        <v>5</v>
      </c>
      <c r="D7" s="17">
        <v>11</v>
      </c>
    </row>
    <row r="8" spans="1:4" ht="18" customHeight="1" x14ac:dyDescent="0.2">
      <c r="A8" s="14">
        <v>3</v>
      </c>
      <c r="B8" s="15">
        <v>4</v>
      </c>
      <c r="C8" s="16">
        <v>5</v>
      </c>
      <c r="D8" s="17">
        <v>9</v>
      </c>
    </row>
    <row r="9" spans="1:4" ht="18" customHeight="1" x14ac:dyDescent="0.2">
      <c r="A9" s="14">
        <v>4</v>
      </c>
      <c r="B9" s="15">
        <v>6</v>
      </c>
      <c r="C9" s="16">
        <v>7</v>
      </c>
      <c r="D9" s="17">
        <v>13</v>
      </c>
    </row>
    <row r="10" spans="1:4" ht="18" customHeight="1" x14ac:dyDescent="0.2">
      <c r="A10" s="18" t="s">
        <v>48</v>
      </c>
      <c r="B10" s="15">
        <v>25</v>
      </c>
      <c r="C10" s="16">
        <v>24</v>
      </c>
      <c r="D10" s="17">
        <v>49</v>
      </c>
    </row>
    <row r="11" spans="1:4" ht="18" customHeight="1" x14ac:dyDescent="0.2">
      <c r="A11" s="14">
        <v>5</v>
      </c>
      <c r="B11" s="15">
        <v>7</v>
      </c>
      <c r="C11" s="16">
        <v>9</v>
      </c>
      <c r="D11" s="17">
        <v>16</v>
      </c>
    </row>
    <row r="12" spans="1:4" ht="18" customHeight="1" x14ac:dyDescent="0.2">
      <c r="A12" s="14">
        <v>6</v>
      </c>
      <c r="B12" s="15">
        <v>8</v>
      </c>
      <c r="C12" s="16">
        <v>9</v>
      </c>
      <c r="D12" s="17">
        <v>17</v>
      </c>
    </row>
    <row r="13" spans="1:4" ht="18" customHeight="1" x14ac:dyDescent="0.2">
      <c r="A13" s="14">
        <v>7</v>
      </c>
      <c r="B13" s="15">
        <v>6</v>
      </c>
      <c r="C13" s="16">
        <v>9</v>
      </c>
      <c r="D13" s="17">
        <v>15</v>
      </c>
    </row>
    <row r="14" spans="1:4" ht="18" customHeight="1" x14ac:dyDescent="0.2">
      <c r="A14" s="14">
        <v>8</v>
      </c>
      <c r="B14" s="15">
        <v>7</v>
      </c>
      <c r="C14" s="16">
        <v>8</v>
      </c>
      <c r="D14" s="17">
        <v>15</v>
      </c>
    </row>
    <row r="15" spans="1:4" ht="18" customHeight="1" x14ac:dyDescent="0.2">
      <c r="A15" s="14">
        <v>9</v>
      </c>
      <c r="B15" s="15">
        <v>11</v>
      </c>
      <c r="C15" s="16">
        <v>9</v>
      </c>
      <c r="D15" s="17">
        <v>20</v>
      </c>
    </row>
    <row r="16" spans="1:4" ht="18" customHeight="1" x14ac:dyDescent="0.2">
      <c r="A16" s="18" t="s">
        <v>49</v>
      </c>
      <c r="B16" s="15">
        <v>39</v>
      </c>
      <c r="C16" s="16">
        <v>44</v>
      </c>
      <c r="D16" s="17">
        <v>83</v>
      </c>
    </row>
    <row r="17" spans="1:4" ht="18" customHeight="1" x14ac:dyDescent="0.2">
      <c r="A17" s="14">
        <v>10</v>
      </c>
      <c r="B17" s="15">
        <v>3</v>
      </c>
      <c r="C17" s="16">
        <v>9</v>
      </c>
      <c r="D17" s="17">
        <v>12</v>
      </c>
    </row>
    <row r="18" spans="1:4" ht="18" customHeight="1" x14ac:dyDescent="0.2">
      <c r="A18" s="14">
        <v>11</v>
      </c>
      <c r="B18" s="15">
        <v>9</v>
      </c>
      <c r="C18" s="16">
        <v>10</v>
      </c>
      <c r="D18" s="17">
        <v>19</v>
      </c>
    </row>
    <row r="19" spans="1:4" ht="18" customHeight="1" x14ac:dyDescent="0.2">
      <c r="A19" s="14">
        <v>12</v>
      </c>
      <c r="B19" s="15">
        <v>8</v>
      </c>
      <c r="C19" s="16">
        <v>8</v>
      </c>
      <c r="D19" s="17">
        <v>16</v>
      </c>
    </row>
    <row r="20" spans="1:4" ht="18" customHeight="1" x14ac:dyDescent="0.2">
      <c r="A20" s="14">
        <v>13</v>
      </c>
      <c r="B20" s="15">
        <v>5</v>
      </c>
      <c r="C20" s="16">
        <v>11</v>
      </c>
      <c r="D20" s="17">
        <v>16</v>
      </c>
    </row>
    <row r="21" spans="1:4" ht="18" customHeight="1" x14ac:dyDescent="0.2">
      <c r="A21" s="14">
        <v>14</v>
      </c>
      <c r="B21" s="15">
        <v>16</v>
      </c>
      <c r="C21" s="16">
        <v>17</v>
      </c>
      <c r="D21" s="17">
        <v>33</v>
      </c>
    </row>
    <row r="22" spans="1:4" ht="18" customHeight="1" x14ac:dyDescent="0.2">
      <c r="A22" s="18" t="s">
        <v>50</v>
      </c>
      <c r="B22" s="15">
        <v>41</v>
      </c>
      <c r="C22" s="16">
        <v>55</v>
      </c>
      <c r="D22" s="17">
        <v>96</v>
      </c>
    </row>
    <row r="23" spans="1:4" ht="18" customHeight="1" x14ac:dyDescent="0.2">
      <c r="A23" s="18" t="s">
        <v>51</v>
      </c>
      <c r="B23" s="15">
        <v>105</v>
      </c>
      <c r="C23" s="16">
        <v>123</v>
      </c>
      <c r="D23" s="17">
        <v>228</v>
      </c>
    </row>
    <row r="24" spans="1:4" ht="18" customHeight="1" x14ac:dyDescent="0.2">
      <c r="A24" s="14">
        <v>15</v>
      </c>
      <c r="B24" s="15">
        <v>12</v>
      </c>
      <c r="C24" s="16">
        <v>8</v>
      </c>
      <c r="D24" s="17">
        <v>20</v>
      </c>
    </row>
    <row r="25" spans="1:4" ht="18" customHeight="1" x14ac:dyDescent="0.2">
      <c r="A25" s="14">
        <v>16</v>
      </c>
      <c r="B25" s="15">
        <v>19</v>
      </c>
      <c r="C25" s="16">
        <v>10</v>
      </c>
      <c r="D25" s="17">
        <v>29</v>
      </c>
    </row>
    <row r="26" spans="1:4" ht="18" customHeight="1" x14ac:dyDescent="0.2">
      <c r="A26" s="14">
        <v>17</v>
      </c>
      <c r="B26" s="15">
        <v>13</v>
      </c>
      <c r="C26" s="16">
        <v>17</v>
      </c>
      <c r="D26" s="17">
        <v>30</v>
      </c>
    </row>
    <row r="27" spans="1:4" ht="18" customHeight="1" x14ac:dyDescent="0.2">
      <c r="A27" s="14">
        <v>18</v>
      </c>
      <c r="B27" s="15">
        <v>10</v>
      </c>
      <c r="C27" s="16">
        <v>11</v>
      </c>
      <c r="D27" s="17">
        <v>21</v>
      </c>
    </row>
    <row r="28" spans="1:4" ht="18" customHeight="1" x14ac:dyDescent="0.2">
      <c r="A28" s="14">
        <v>19</v>
      </c>
      <c r="B28" s="15">
        <v>8</v>
      </c>
      <c r="C28" s="16">
        <v>13</v>
      </c>
      <c r="D28" s="17">
        <v>21</v>
      </c>
    </row>
    <row r="29" spans="1:4" ht="18" customHeight="1" x14ac:dyDescent="0.2">
      <c r="A29" s="18" t="s">
        <v>52</v>
      </c>
      <c r="B29" s="15">
        <v>62</v>
      </c>
      <c r="C29" s="16">
        <v>59</v>
      </c>
      <c r="D29" s="17">
        <v>121</v>
      </c>
    </row>
    <row r="30" spans="1:4" ht="18" customHeight="1" x14ac:dyDescent="0.2">
      <c r="A30" s="14">
        <v>20</v>
      </c>
      <c r="B30" s="15">
        <v>14</v>
      </c>
      <c r="C30" s="16">
        <v>12</v>
      </c>
      <c r="D30" s="17">
        <v>26</v>
      </c>
    </row>
    <row r="31" spans="1:4" ht="18" customHeight="1" x14ac:dyDescent="0.2">
      <c r="A31" s="14">
        <v>21</v>
      </c>
      <c r="B31" s="15">
        <v>12</v>
      </c>
      <c r="C31" s="16">
        <v>5</v>
      </c>
      <c r="D31" s="17">
        <v>17</v>
      </c>
    </row>
    <row r="32" spans="1:4" ht="18" customHeight="1" x14ac:dyDescent="0.2">
      <c r="A32" s="14">
        <v>22</v>
      </c>
      <c r="B32" s="15">
        <v>10</v>
      </c>
      <c r="C32" s="16">
        <v>10</v>
      </c>
      <c r="D32" s="17">
        <v>20</v>
      </c>
    </row>
    <row r="33" spans="1:4" ht="18" customHeight="1" x14ac:dyDescent="0.2">
      <c r="A33" s="14">
        <v>23</v>
      </c>
      <c r="B33" s="15">
        <v>8</v>
      </c>
      <c r="C33" s="16">
        <v>2</v>
      </c>
      <c r="D33" s="17">
        <v>10</v>
      </c>
    </row>
    <row r="34" spans="1:4" ht="18" customHeight="1" x14ac:dyDescent="0.2">
      <c r="A34" s="14">
        <v>24</v>
      </c>
      <c r="B34" s="15">
        <v>8</v>
      </c>
      <c r="C34" s="16">
        <v>6</v>
      </c>
      <c r="D34" s="17">
        <v>14</v>
      </c>
    </row>
    <row r="35" spans="1:4" ht="18" customHeight="1" x14ac:dyDescent="0.2">
      <c r="A35" s="18" t="s">
        <v>53</v>
      </c>
      <c r="B35" s="15">
        <v>52</v>
      </c>
      <c r="C35" s="16">
        <v>35</v>
      </c>
      <c r="D35" s="17">
        <v>87</v>
      </c>
    </row>
    <row r="36" spans="1:4" ht="18" customHeight="1" x14ac:dyDescent="0.2">
      <c r="A36" s="14">
        <v>25</v>
      </c>
      <c r="B36" s="15">
        <v>6</v>
      </c>
      <c r="C36" s="16">
        <v>5</v>
      </c>
      <c r="D36" s="17">
        <v>11</v>
      </c>
    </row>
    <row r="37" spans="1:4" ht="18" customHeight="1" x14ac:dyDescent="0.2">
      <c r="A37" s="14">
        <v>26</v>
      </c>
      <c r="B37" s="15">
        <v>5</v>
      </c>
      <c r="C37" s="16">
        <v>10</v>
      </c>
      <c r="D37" s="17">
        <v>15</v>
      </c>
    </row>
    <row r="38" spans="1:4" ht="18" customHeight="1" x14ac:dyDescent="0.2">
      <c r="A38" s="14">
        <v>27</v>
      </c>
      <c r="B38" s="15">
        <v>8</v>
      </c>
      <c r="C38" s="16">
        <v>10</v>
      </c>
      <c r="D38" s="17">
        <v>18</v>
      </c>
    </row>
    <row r="39" spans="1:4" ht="18" customHeight="1" x14ac:dyDescent="0.2">
      <c r="A39" s="14">
        <v>28</v>
      </c>
      <c r="B39" s="15">
        <v>9</v>
      </c>
      <c r="C39" s="16">
        <v>8</v>
      </c>
      <c r="D39" s="17">
        <v>17</v>
      </c>
    </row>
    <row r="40" spans="1:4" ht="18" customHeight="1" x14ac:dyDescent="0.2">
      <c r="A40" s="14">
        <v>29</v>
      </c>
      <c r="B40" s="15">
        <v>7</v>
      </c>
      <c r="C40" s="16">
        <v>8</v>
      </c>
      <c r="D40" s="17">
        <v>15</v>
      </c>
    </row>
    <row r="41" spans="1:4" ht="18" customHeight="1" x14ac:dyDescent="0.2">
      <c r="A41" s="18" t="s">
        <v>54</v>
      </c>
      <c r="B41" s="15">
        <v>35</v>
      </c>
      <c r="C41" s="16">
        <v>41</v>
      </c>
      <c r="D41" s="17">
        <v>76</v>
      </c>
    </row>
    <row r="42" spans="1:4" ht="18" customHeight="1" x14ac:dyDescent="0.2">
      <c r="A42" s="14">
        <v>30</v>
      </c>
      <c r="B42" s="15">
        <v>9</v>
      </c>
      <c r="C42" s="16">
        <v>9</v>
      </c>
      <c r="D42" s="17">
        <v>18</v>
      </c>
    </row>
    <row r="43" spans="1:4" ht="18" customHeight="1" x14ac:dyDescent="0.2">
      <c r="A43" s="14">
        <v>31</v>
      </c>
      <c r="B43" s="15">
        <v>5</v>
      </c>
      <c r="C43" s="16">
        <v>4</v>
      </c>
      <c r="D43" s="17">
        <v>9</v>
      </c>
    </row>
    <row r="44" spans="1:4" ht="18" customHeight="1" x14ac:dyDescent="0.2">
      <c r="A44" s="14">
        <v>32</v>
      </c>
      <c r="B44" s="15">
        <v>6</v>
      </c>
      <c r="C44" s="16">
        <v>6</v>
      </c>
      <c r="D44" s="17">
        <v>12</v>
      </c>
    </row>
    <row r="45" spans="1:4" ht="18" customHeight="1" x14ac:dyDescent="0.2">
      <c r="A45" s="14">
        <v>33</v>
      </c>
      <c r="B45" s="15">
        <v>11</v>
      </c>
      <c r="C45" s="16">
        <v>9</v>
      </c>
      <c r="D45" s="17">
        <v>20</v>
      </c>
    </row>
    <row r="46" spans="1:4" ht="18" customHeight="1" x14ac:dyDescent="0.2">
      <c r="A46" s="14">
        <v>34</v>
      </c>
      <c r="B46" s="15">
        <v>9</v>
      </c>
      <c r="C46" s="16">
        <v>7</v>
      </c>
      <c r="D46" s="17">
        <v>16</v>
      </c>
    </row>
    <row r="47" spans="1:4" ht="18" customHeight="1" x14ac:dyDescent="0.2">
      <c r="A47" s="18" t="s">
        <v>55</v>
      </c>
      <c r="B47" s="15">
        <v>40</v>
      </c>
      <c r="C47" s="16">
        <v>35</v>
      </c>
      <c r="D47" s="17">
        <v>75</v>
      </c>
    </row>
    <row r="48" spans="1:4" ht="18" customHeight="1" x14ac:dyDescent="0.2">
      <c r="A48" s="14">
        <v>35</v>
      </c>
      <c r="B48" s="15">
        <v>13</v>
      </c>
      <c r="C48" s="16">
        <v>9</v>
      </c>
      <c r="D48" s="17">
        <v>22</v>
      </c>
    </row>
    <row r="49" spans="1:4" ht="18" customHeight="1" x14ac:dyDescent="0.2">
      <c r="A49" s="14">
        <v>36</v>
      </c>
      <c r="B49" s="15">
        <v>7</v>
      </c>
      <c r="C49" s="16">
        <v>13</v>
      </c>
      <c r="D49" s="17">
        <v>20</v>
      </c>
    </row>
    <row r="50" spans="1:4" ht="18" customHeight="1" x14ac:dyDescent="0.2">
      <c r="A50" s="14">
        <v>37</v>
      </c>
      <c r="B50" s="15">
        <v>17</v>
      </c>
      <c r="C50" s="16">
        <v>12</v>
      </c>
      <c r="D50" s="17">
        <v>29</v>
      </c>
    </row>
    <row r="51" spans="1:4" ht="18" customHeight="1" x14ac:dyDescent="0.2">
      <c r="A51" s="14">
        <v>38</v>
      </c>
      <c r="B51" s="15">
        <v>8</v>
      </c>
      <c r="C51" s="16">
        <v>11</v>
      </c>
      <c r="D51" s="17">
        <v>19</v>
      </c>
    </row>
    <row r="52" spans="1:4" ht="18" customHeight="1" x14ac:dyDescent="0.2">
      <c r="A52" s="14">
        <v>39</v>
      </c>
      <c r="B52" s="15">
        <v>16</v>
      </c>
      <c r="C52" s="16">
        <v>14</v>
      </c>
      <c r="D52" s="17">
        <v>30</v>
      </c>
    </row>
    <row r="53" spans="1:4" ht="18" customHeight="1" x14ac:dyDescent="0.2">
      <c r="A53" s="18" t="s">
        <v>56</v>
      </c>
      <c r="B53" s="15">
        <v>61</v>
      </c>
      <c r="C53" s="16">
        <v>59</v>
      </c>
      <c r="D53" s="17">
        <v>120</v>
      </c>
    </row>
    <row r="54" spans="1:4" ht="18" customHeight="1" x14ac:dyDescent="0.2">
      <c r="A54" s="14">
        <v>40</v>
      </c>
      <c r="B54" s="15">
        <v>15</v>
      </c>
      <c r="C54" s="16">
        <v>17</v>
      </c>
      <c r="D54" s="17">
        <v>32</v>
      </c>
    </row>
    <row r="55" spans="1:4" ht="18" customHeight="1" x14ac:dyDescent="0.2">
      <c r="A55" s="14">
        <v>41</v>
      </c>
      <c r="B55" s="15">
        <v>18</v>
      </c>
      <c r="C55" s="16">
        <v>12</v>
      </c>
      <c r="D55" s="17">
        <v>30</v>
      </c>
    </row>
    <row r="56" spans="1:4" ht="18" customHeight="1" x14ac:dyDescent="0.2">
      <c r="A56" s="14">
        <v>42</v>
      </c>
      <c r="B56" s="15">
        <v>15</v>
      </c>
      <c r="C56" s="16">
        <v>14</v>
      </c>
      <c r="D56" s="17">
        <v>29</v>
      </c>
    </row>
    <row r="57" spans="1:4" ht="18" customHeight="1" x14ac:dyDescent="0.2">
      <c r="A57" s="14">
        <v>43</v>
      </c>
      <c r="B57" s="15">
        <v>17</v>
      </c>
      <c r="C57" s="16">
        <v>19</v>
      </c>
      <c r="D57" s="17">
        <v>36</v>
      </c>
    </row>
    <row r="58" spans="1:4" ht="18" customHeight="1" x14ac:dyDescent="0.2">
      <c r="A58" s="14">
        <v>44</v>
      </c>
      <c r="B58" s="15">
        <v>14</v>
      </c>
      <c r="C58" s="16">
        <v>12</v>
      </c>
      <c r="D58" s="17">
        <v>26</v>
      </c>
    </row>
    <row r="59" spans="1:4" ht="18" customHeight="1" x14ac:dyDescent="0.2">
      <c r="A59" s="18" t="s">
        <v>57</v>
      </c>
      <c r="B59" s="15">
        <v>79</v>
      </c>
      <c r="C59" s="16">
        <v>74</v>
      </c>
      <c r="D59" s="17">
        <v>153</v>
      </c>
    </row>
    <row r="60" spans="1:4" ht="18" customHeight="1" x14ac:dyDescent="0.2">
      <c r="A60" s="14">
        <v>45</v>
      </c>
      <c r="B60" s="15">
        <v>21</v>
      </c>
      <c r="C60" s="16">
        <v>18</v>
      </c>
      <c r="D60" s="17">
        <v>39</v>
      </c>
    </row>
    <row r="61" spans="1:4" ht="18" customHeight="1" x14ac:dyDescent="0.2">
      <c r="A61" s="14">
        <v>46</v>
      </c>
      <c r="B61" s="15">
        <v>21</v>
      </c>
      <c r="C61" s="16">
        <v>23</v>
      </c>
      <c r="D61" s="17">
        <v>44</v>
      </c>
    </row>
    <row r="62" spans="1:4" ht="18" customHeight="1" x14ac:dyDescent="0.2">
      <c r="A62" s="14">
        <v>47</v>
      </c>
      <c r="B62" s="15">
        <v>15</v>
      </c>
      <c r="C62" s="16">
        <v>17</v>
      </c>
      <c r="D62" s="17">
        <v>32</v>
      </c>
    </row>
    <row r="63" spans="1:4" ht="18" customHeight="1" x14ac:dyDescent="0.2">
      <c r="A63" s="14">
        <v>48</v>
      </c>
      <c r="B63" s="15">
        <v>18</v>
      </c>
      <c r="C63" s="16">
        <v>23</v>
      </c>
      <c r="D63" s="17">
        <v>41</v>
      </c>
    </row>
    <row r="64" spans="1:4" ht="18" customHeight="1" x14ac:dyDescent="0.2">
      <c r="A64" s="14">
        <v>49</v>
      </c>
      <c r="B64" s="15">
        <v>26</v>
      </c>
      <c r="C64" s="16">
        <v>20</v>
      </c>
      <c r="D64" s="17">
        <v>46</v>
      </c>
    </row>
    <row r="65" spans="1:4" ht="18" customHeight="1" x14ac:dyDescent="0.2">
      <c r="A65" s="18" t="s">
        <v>58</v>
      </c>
      <c r="B65" s="15">
        <v>101</v>
      </c>
      <c r="C65" s="16">
        <v>101</v>
      </c>
      <c r="D65" s="17">
        <v>202</v>
      </c>
    </row>
    <row r="66" spans="1:4" ht="18" customHeight="1" x14ac:dyDescent="0.2">
      <c r="A66" s="14">
        <v>50</v>
      </c>
      <c r="B66" s="15">
        <v>15</v>
      </c>
      <c r="C66" s="16">
        <v>10</v>
      </c>
      <c r="D66" s="17">
        <v>25</v>
      </c>
    </row>
    <row r="67" spans="1:4" ht="18" customHeight="1" x14ac:dyDescent="0.2">
      <c r="A67" s="14">
        <v>51</v>
      </c>
      <c r="B67" s="15">
        <v>18</v>
      </c>
      <c r="C67" s="16">
        <v>15</v>
      </c>
      <c r="D67" s="17">
        <v>33</v>
      </c>
    </row>
    <row r="68" spans="1:4" ht="18" customHeight="1" x14ac:dyDescent="0.2">
      <c r="A68" s="14">
        <v>52</v>
      </c>
      <c r="B68" s="15">
        <v>17</v>
      </c>
      <c r="C68" s="16">
        <v>15</v>
      </c>
      <c r="D68" s="17">
        <v>32</v>
      </c>
    </row>
    <row r="69" spans="1:4" ht="18" customHeight="1" x14ac:dyDescent="0.2">
      <c r="A69" s="14">
        <v>53</v>
      </c>
      <c r="B69" s="15">
        <v>8</v>
      </c>
      <c r="C69" s="16">
        <v>14</v>
      </c>
      <c r="D69" s="17">
        <v>22</v>
      </c>
    </row>
    <row r="70" spans="1:4" ht="18" customHeight="1" x14ac:dyDescent="0.2">
      <c r="A70" s="14">
        <v>54</v>
      </c>
      <c r="B70" s="15">
        <v>14</v>
      </c>
      <c r="C70" s="16">
        <v>18</v>
      </c>
      <c r="D70" s="17">
        <v>32</v>
      </c>
    </row>
    <row r="71" spans="1:4" ht="18" customHeight="1" x14ac:dyDescent="0.2">
      <c r="A71" s="18" t="s">
        <v>59</v>
      </c>
      <c r="B71" s="15">
        <v>72</v>
      </c>
      <c r="C71" s="16">
        <v>72</v>
      </c>
      <c r="D71" s="17">
        <v>144</v>
      </c>
    </row>
    <row r="72" spans="1:4" ht="18" customHeight="1" x14ac:dyDescent="0.2">
      <c r="A72" s="14">
        <v>55</v>
      </c>
      <c r="B72" s="15">
        <v>19</v>
      </c>
      <c r="C72" s="16">
        <v>16</v>
      </c>
      <c r="D72" s="17">
        <v>35</v>
      </c>
    </row>
    <row r="73" spans="1:4" ht="18" customHeight="1" x14ac:dyDescent="0.2">
      <c r="A73" s="14">
        <v>56</v>
      </c>
      <c r="B73" s="15">
        <v>17</v>
      </c>
      <c r="C73" s="16">
        <v>4</v>
      </c>
      <c r="D73" s="17">
        <v>21</v>
      </c>
    </row>
    <row r="74" spans="1:4" ht="18" customHeight="1" x14ac:dyDescent="0.2">
      <c r="A74" s="14">
        <v>57</v>
      </c>
      <c r="B74" s="15">
        <v>13</v>
      </c>
      <c r="C74" s="16">
        <v>8</v>
      </c>
      <c r="D74" s="17">
        <v>21</v>
      </c>
    </row>
    <row r="75" spans="1:4" ht="18" customHeight="1" x14ac:dyDescent="0.2">
      <c r="A75" s="14">
        <v>58</v>
      </c>
      <c r="B75" s="15">
        <v>13</v>
      </c>
      <c r="C75" s="16">
        <v>12</v>
      </c>
      <c r="D75" s="17">
        <v>25</v>
      </c>
    </row>
    <row r="76" spans="1:4" ht="18" customHeight="1" x14ac:dyDescent="0.2">
      <c r="A76" s="14">
        <v>59</v>
      </c>
      <c r="B76" s="15">
        <v>12</v>
      </c>
      <c r="C76" s="16">
        <v>12</v>
      </c>
      <c r="D76" s="17">
        <v>24</v>
      </c>
    </row>
    <row r="77" spans="1:4" ht="18" customHeight="1" x14ac:dyDescent="0.2">
      <c r="A77" s="18" t="s">
        <v>60</v>
      </c>
      <c r="B77" s="15">
        <v>74</v>
      </c>
      <c r="C77" s="16">
        <v>52</v>
      </c>
      <c r="D77" s="17">
        <v>126</v>
      </c>
    </row>
    <row r="78" spans="1:4" ht="18" customHeight="1" x14ac:dyDescent="0.2">
      <c r="A78" s="14">
        <v>60</v>
      </c>
      <c r="B78" s="15">
        <v>17</v>
      </c>
      <c r="C78" s="16">
        <v>9</v>
      </c>
      <c r="D78" s="17">
        <v>26</v>
      </c>
    </row>
    <row r="79" spans="1:4" ht="18" customHeight="1" x14ac:dyDescent="0.2">
      <c r="A79" s="14">
        <v>61</v>
      </c>
      <c r="B79" s="15">
        <v>11</v>
      </c>
      <c r="C79" s="16">
        <v>14</v>
      </c>
      <c r="D79" s="17">
        <v>25</v>
      </c>
    </row>
    <row r="80" spans="1:4" ht="18" customHeight="1" x14ac:dyDescent="0.2">
      <c r="A80" s="14">
        <v>62</v>
      </c>
      <c r="B80" s="15">
        <v>13</v>
      </c>
      <c r="C80" s="16">
        <v>17</v>
      </c>
      <c r="D80" s="17">
        <v>30</v>
      </c>
    </row>
    <row r="81" spans="1:4" ht="18" customHeight="1" x14ac:dyDescent="0.2">
      <c r="A81" s="14">
        <v>63</v>
      </c>
      <c r="B81" s="15">
        <v>8</v>
      </c>
      <c r="C81" s="16">
        <v>18</v>
      </c>
      <c r="D81" s="17">
        <v>26</v>
      </c>
    </row>
    <row r="82" spans="1:4" ht="18" customHeight="1" x14ac:dyDescent="0.2">
      <c r="A82" s="14">
        <v>64</v>
      </c>
      <c r="B82" s="15">
        <v>11</v>
      </c>
      <c r="C82" s="16">
        <v>22</v>
      </c>
      <c r="D82" s="17">
        <v>33</v>
      </c>
    </row>
    <row r="83" spans="1:4" ht="18" customHeight="1" x14ac:dyDescent="0.2">
      <c r="A83" s="18" t="s">
        <v>61</v>
      </c>
      <c r="B83" s="15">
        <v>60</v>
      </c>
      <c r="C83" s="16">
        <v>80</v>
      </c>
      <c r="D83" s="17">
        <v>140</v>
      </c>
    </row>
    <row r="84" spans="1:4" ht="18" customHeight="1" x14ac:dyDescent="0.2">
      <c r="A84" s="18" t="s">
        <v>62</v>
      </c>
      <c r="B84" s="15">
        <v>636</v>
      </c>
      <c r="C84" s="16">
        <v>608</v>
      </c>
      <c r="D84" s="17">
        <v>1244</v>
      </c>
    </row>
    <row r="85" spans="1:4" ht="18" customHeight="1" x14ac:dyDescent="0.2">
      <c r="A85" s="14">
        <v>65</v>
      </c>
      <c r="B85" s="15">
        <v>15</v>
      </c>
      <c r="C85" s="16">
        <v>22</v>
      </c>
      <c r="D85" s="17">
        <v>37</v>
      </c>
    </row>
    <row r="86" spans="1:4" ht="18" customHeight="1" x14ac:dyDescent="0.2">
      <c r="A86" s="14">
        <v>66</v>
      </c>
      <c r="B86" s="15">
        <v>16</v>
      </c>
      <c r="C86" s="16">
        <v>27</v>
      </c>
      <c r="D86" s="17">
        <v>43</v>
      </c>
    </row>
    <row r="87" spans="1:4" ht="18" customHeight="1" x14ac:dyDescent="0.2">
      <c r="A87" s="14">
        <v>67</v>
      </c>
      <c r="B87" s="15">
        <v>20</v>
      </c>
      <c r="C87" s="16">
        <v>24</v>
      </c>
      <c r="D87" s="17">
        <v>44</v>
      </c>
    </row>
    <row r="88" spans="1:4" ht="18" customHeight="1" x14ac:dyDescent="0.2">
      <c r="A88" s="14">
        <v>68</v>
      </c>
      <c r="B88" s="15">
        <v>31</v>
      </c>
      <c r="C88" s="16">
        <v>26</v>
      </c>
      <c r="D88" s="17">
        <v>57</v>
      </c>
    </row>
    <row r="89" spans="1:4" ht="18" customHeight="1" x14ac:dyDescent="0.2">
      <c r="A89" s="14">
        <v>69</v>
      </c>
      <c r="B89" s="15">
        <v>30</v>
      </c>
      <c r="C89" s="16">
        <v>26</v>
      </c>
      <c r="D89" s="17">
        <v>56</v>
      </c>
    </row>
    <row r="90" spans="1:4" ht="18" customHeight="1" x14ac:dyDescent="0.2">
      <c r="A90" s="18" t="s">
        <v>63</v>
      </c>
      <c r="B90" s="15">
        <v>112</v>
      </c>
      <c r="C90" s="16">
        <v>125</v>
      </c>
      <c r="D90" s="17">
        <v>237</v>
      </c>
    </row>
    <row r="91" spans="1:4" ht="18" customHeight="1" x14ac:dyDescent="0.2">
      <c r="A91" s="14">
        <v>70</v>
      </c>
      <c r="B91" s="15">
        <v>30</v>
      </c>
      <c r="C91" s="16">
        <v>33</v>
      </c>
      <c r="D91" s="17">
        <v>63</v>
      </c>
    </row>
    <row r="92" spans="1:4" ht="18" customHeight="1" x14ac:dyDescent="0.2">
      <c r="A92" s="14">
        <v>71</v>
      </c>
      <c r="B92" s="15">
        <v>34</v>
      </c>
      <c r="C92" s="16">
        <v>31</v>
      </c>
      <c r="D92" s="17">
        <v>65</v>
      </c>
    </row>
    <row r="93" spans="1:4" ht="18" customHeight="1" x14ac:dyDescent="0.2">
      <c r="A93" s="14">
        <v>72</v>
      </c>
      <c r="B93" s="15">
        <v>27</v>
      </c>
      <c r="C93" s="16">
        <v>30</v>
      </c>
      <c r="D93" s="17">
        <v>57</v>
      </c>
    </row>
    <row r="94" spans="1:4" ht="18" customHeight="1" x14ac:dyDescent="0.2">
      <c r="A94" s="14">
        <v>73</v>
      </c>
      <c r="B94" s="15">
        <v>20</v>
      </c>
      <c r="C94" s="16">
        <v>36</v>
      </c>
      <c r="D94" s="17">
        <v>56</v>
      </c>
    </row>
    <row r="95" spans="1:4" ht="18" customHeight="1" x14ac:dyDescent="0.2">
      <c r="A95" s="14">
        <v>74</v>
      </c>
      <c r="B95" s="15">
        <v>22</v>
      </c>
      <c r="C95" s="16">
        <v>22</v>
      </c>
      <c r="D95" s="17">
        <v>44</v>
      </c>
    </row>
    <row r="96" spans="1:4" ht="18" customHeight="1" x14ac:dyDescent="0.2">
      <c r="A96" s="18" t="s">
        <v>64</v>
      </c>
      <c r="B96" s="15">
        <v>133</v>
      </c>
      <c r="C96" s="16">
        <v>152</v>
      </c>
      <c r="D96" s="17">
        <v>285</v>
      </c>
    </row>
    <row r="97" spans="1:4" ht="18" customHeight="1" x14ac:dyDescent="0.2">
      <c r="A97" s="14">
        <v>75</v>
      </c>
      <c r="B97" s="15">
        <v>14</v>
      </c>
      <c r="C97" s="16">
        <v>32</v>
      </c>
      <c r="D97" s="17">
        <v>46</v>
      </c>
    </row>
    <row r="98" spans="1:4" ht="18" customHeight="1" x14ac:dyDescent="0.2">
      <c r="A98" s="14">
        <v>76</v>
      </c>
      <c r="B98" s="15">
        <v>25</v>
      </c>
      <c r="C98" s="16">
        <v>24</v>
      </c>
      <c r="D98" s="17">
        <v>49</v>
      </c>
    </row>
    <row r="99" spans="1:4" ht="18" customHeight="1" x14ac:dyDescent="0.2">
      <c r="A99" s="14">
        <v>77</v>
      </c>
      <c r="B99" s="15">
        <v>14</v>
      </c>
      <c r="C99" s="16">
        <v>16</v>
      </c>
      <c r="D99" s="17">
        <v>30</v>
      </c>
    </row>
    <row r="100" spans="1:4" ht="18" customHeight="1" x14ac:dyDescent="0.2">
      <c r="A100" s="14">
        <v>78</v>
      </c>
      <c r="B100" s="15">
        <v>18</v>
      </c>
      <c r="C100" s="16">
        <v>31</v>
      </c>
      <c r="D100" s="17">
        <v>49</v>
      </c>
    </row>
    <row r="101" spans="1:4" ht="18" customHeight="1" x14ac:dyDescent="0.2">
      <c r="A101" s="14">
        <v>79</v>
      </c>
      <c r="B101" s="15">
        <v>17</v>
      </c>
      <c r="C101" s="16">
        <v>21</v>
      </c>
      <c r="D101" s="17">
        <v>38</v>
      </c>
    </row>
    <row r="102" spans="1:4" ht="18" customHeight="1" x14ac:dyDescent="0.2">
      <c r="A102" s="18" t="s">
        <v>65</v>
      </c>
      <c r="B102" s="15">
        <v>88</v>
      </c>
      <c r="C102" s="16">
        <v>124</v>
      </c>
      <c r="D102" s="17">
        <v>212</v>
      </c>
    </row>
    <row r="103" spans="1:4" ht="18" customHeight="1" x14ac:dyDescent="0.2">
      <c r="A103" s="14">
        <v>80</v>
      </c>
      <c r="B103" s="15">
        <v>18</v>
      </c>
      <c r="C103" s="16">
        <v>15</v>
      </c>
      <c r="D103" s="17">
        <v>33</v>
      </c>
    </row>
    <row r="104" spans="1:4" ht="18" customHeight="1" x14ac:dyDescent="0.2">
      <c r="A104" s="14">
        <v>81</v>
      </c>
      <c r="B104" s="15">
        <v>12</v>
      </c>
      <c r="C104" s="16">
        <v>20</v>
      </c>
      <c r="D104" s="17">
        <v>32</v>
      </c>
    </row>
    <row r="105" spans="1:4" ht="18" customHeight="1" x14ac:dyDescent="0.2">
      <c r="A105" s="14">
        <v>82</v>
      </c>
      <c r="B105" s="15">
        <v>12</v>
      </c>
      <c r="C105" s="16">
        <v>16</v>
      </c>
      <c r="D105" s="17">
        <v>28</v>
      </c>
    </row>
    <row r="106" spans="1:4" ht="18" customHeight="1" x14ac:dyDescent="0.2">
      <c r="A106" s="14">
        <v>83</v>
      </c>
      <c r="B106" s="15">
        <v>10</v>
      </c>
      <c r="C106" s="16">
        <v>20</v>
      </c>
      <c r="D106" s="17">
        <v>30</v>
      </c>
    </row>
    <row r="107" spans="1:4" ht="18" customHeight="1" x14ac:dyDescent="0.2">
      <c r="A107" s="14">
        <v>84</v>
      </c>
      <c r="B107" s="15">
        <v>11</v>
      </c>
      <c r="C107" s="16">
        <v>24</v>
      </c>
      <c r="D107" s="17">
        <v>35</v>
      </c>
    </row>
    <row r="108" spans="1:4" ht="18" customHeight="1" x14ac:dyDescent="0.2">
      <c r="A108" s="18" t="s">
        <v>66</v>
      </c>
      <c r="B108" s="15">
        <v>63</v>
      </c>
      <c r="C108" s="16">
        <v>95</v>
      </c>
      <c r="D108" s="17">
        <v>158</v>
      </c>
    </row>
    <row r="109" spans="1:4" ht="18" customHeight="1" x14ac:dyDescent="0.2">
      <c r="A109" s="14">
        <v>85</v>
      </c>
      <c r="B109" s="15">
        <v>5</v>
      </c>
      <c r="C109" s="16">
        <v>9</v>
      </c>
      <c r="D109" s="17">
        <v>14</v>
      </c>
    </row>
    <row r="110" spans="1:4" ht="18" customHeight="1" x14ac:dyDescent="0.2">
      <c r="A110" s="14">
        <v>86</v>
      </c>
      <c r="B110" s="15">
        <v>7</v>
      </c>
      <c r="C110" s="16">
        <v>20</v>
      </c>
      <c r="D110" s="17">
        <v>27</v>
      </c>
    </row>
    <row r="111" spans="1:4" ht="18" customHeight="1" x14ac:dyDescent="0.2">
      <c r="A111" s="14">
        <v>87</v>
      </c>
      <c r="B111" s="15">
        <v>4</v>
      </c>
      <c r="C111" s="16">
        <v>15</v>
      </c>
      <c r="D111" s="17">
        <v>19</v>
      </c>
    </row>
    <row r="112" spans="1:4" ht="18" customHeight="1" x14ac:dyDescent="0.2">
      <c r="A112" s="14">
        <v>88</v>
      </c>
      <c r="B112" s="15">
        <v>8</v>
      </c>
      <c r="C112" s="16">
        <v>8</v>
      </c>
      <c r="D112" s="17">
        <v>16</v>
      </c>
    </row>
    <row r="113" spans="1:4" ht="18" customHeight="1" x14ac:dyDescent="0.2">
      <c r="A113" s="14">
        <v>89</v>
      </c>
      <c r="B113" s="15">
        <v>4</v>
      </c>
      <c r="C113" s="16">
        <v>13</v>
      </c>
      <c r="D113" s="17">
        <v>17</v>
      </c>
    </row>
    <row r="114" spans="1:4" ht="18" customHeight="1" x14ac:dyDescent="0.2">
      <c r="A114" s="18" t="s">
        <v>67</v>
      </c>
      <c r="B114" s="15">
        <v>28</v>
      </c>
      <c r="C114" s="16">
        <v>65</v>
      </c>
      <c r="D114" s="17">
        <v>93</v>
      </c>
    </row>
    <row r="115" spans="1:4" ht="18" customHeight="1" x14ac:dyDescent="0.2">
      <c r="A115" s="14">
        <v>90</v>
      </c>
      <c r="B115" s="15">
        <v>5</v>
      </c>
      <c r="C115" s="16">
        <v>13</v>
      </c>
      <c r="D115" s="17">
        <v>18</v>
      </c>
    </row>
    <row r="116" spans="1:4" ht="18" customHeight="1" x14ac:dyDescent="0.2">
      <c r="A116" s="14">
        <v>91</v>
      </c>
      <c r="B116" s="15">
        <v>6</v>
      </c>
      <c r="C116" s="16">
        <v>4</v>
      </c>
      <c r="D116" s="17">
        <v>10</v>
      </c>
    </row>
    <row r="117" spans="1:4" ht="18" customHeight="1" x14ac:dyDescent="0.2">
      <c r="A117" s="14">
        <v>92</v>
      </c>
      <c r="B117" s="15">
        <v>1</v>
      </c>
      <c r="C117" s="16">
        <v>9</v>
      </c>
      <c r="D117" s="17">
        <v>10</v>
      </c>
    </row>
    <row r="118" spans="1:4" ht="18" customHeight="1" x14ac:dyDescent="0.2">
      <c r="A118" s="14">
        <v>93</v>
      </c>
      <c r="B118" s="15">
        <v>0</v>
      </c>
      <c r="C118" s="16">
        <v>4</v>
      </c>
      <c r="D118" s="17">
        <v>4</v>
      </c>
    </row>
    <row r="119" spans="1:4" ht="18" customHeight="1" x14ac:dyDescent="0.2">
      <c r="A119" s="14">
        <v>94</v>
      </c>
      <c r="B119" s="15">
        <v>2</v>
      </c>
      <c r="C119" s="16">
        <v>9</v>
      </c>
      <c r="D119" s="17">
        <v>11</v>
      </c>
    </row>
    <row r="120" spans="1:4" ht="18" customHeight="1" x14ac:dyDescent="0.2">
      <c r="A120" s="18" t="s">
        <v>68</v>
      </c>
      <c r="B120" s="15">
        <v>14</v>
      </c>
      <c r="C120" s="16">
        <v>39</v>
      </c>
      <c r="D120" s="17">
        <v>53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3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440</v>
      </c>
      <c r="C130" s="5">
        <v>613</v>
      </c>
      <c r="D130" s="6">
        <v>1053</v>
      </c>
    </row>
    <row r="131" spans="1:4" ht="18" customHeight="1" x14ac:dyDescent="0.2">
      <c r="A131" s="20" t="s">
        <v>47</v>
      </c>
      <c r="B131" s="7">
        <v>1181</v>
      </c>
      <c r="C131" s="8">
        <v>1344</v>
      </c>
      <c r="D131" s="9">
        <v>252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3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6</v>
      </c>
      <c r="D5" s="13">
        <v>13</v>
      </c>
    </row>
    <row r="6" spans="1:4" ht="18" customHeight="1" x14ac:dyDescent="0.2">
      <c r="A6" s="14">
        <v>1</v>
      </c>
      <c r="B6" s="15">
        <v>8</v>
      </c>
      <c r="C6" s="16">
        <v>10</v>
      </c>
      <c r="D6" s="17">
        <v>18</v>
      </c>
    </row>
    <row r="7" spans="1:4" ht="18" customHeight="1" x14ac:dyDescent="0.2">
      <c r="A7" s="14">
        <v>2</v>
      </c>
      <c r="B7" s="15">
        <v>12</v>
      </c>
      <c r="C7" s="16">
        <v>13</v>
      </c>
      <c r="D7" s="17">
        <v>25</v>
      </c>
    </row>
    <row r="8" spans="1:4" ht="18" customHeight="1" x14ac:dyDescent="0.2">
      <c r="A8" s="14">
        <v>3</v>
      </c>
      <c r="B8" s="15">
        <v>7</v>
      </c>
      <c r="C8" s="16">
        <v>10</v>
      </c>
      <c r="D8" s="17">
        <v>17</v>
      </c>
    </row>
    <row r="9" spans="1:4" ht="18" customHeight="1" x14ac:dyDescent="0.2">
      <c r="A9" s="14">
        <v>4</v>
      </c>
      <c r="B9" s="15">
        <v>14</v>
      </c>
      <c r="C9" s="16">
        <v>10</v>
      </c>
      <c r="D9" s="17">
        <v>24</v>
      </c>
    </row>
    <row r="10" spans="1:4" ht="18" customHeight="1" x14ac:dyDescent="0.2">
      <c r="A10" s="18" t="s">
        <v>48</v>
      </c>
      <c r="B10" s="15">
        <v>48</v>
      </c>
      <c r="C10" s="16">
        <v>49</v>
      </c>
      <c r="D10" s="17">
        <v>97</v>
      </c>
    </row>
    <row r="11" spans="1:4" ht="18" customHeight="1" x14ac:dyDescent="0.2">
      <c r="A11" s="14">
        <v>5</v>
      </c>
      <c r="B11" s="15">
        <v>12</v>
      </c>
      <c r="C11" s="16">
        <v>11</v>
      </c>
      <c r="D11" s="17">
        <v>23</v>
      </c>
    </row>
    <row r="12" spans="1:4" ht="18" customHeight="1" x14ac:dyDescent="0.2">
      <c r="A12" s="14">
        <v>6</v>
      </c>
      <c r="B12" s="15">
        <v>8</v>
      </c>
      <c r="C12" s="16">
        <v>13</v>
      </c>
      <c r="D12" s="17">
        <v>21</v>
      </c>
    </row>
    <row r="13" spans="1:4" ht="18" customHeight="1" x14ac:dyDescent="0.2">
      <c r="A13" s="14">
        <v>7</v>
      </c>
      <c r="B13" s="15">
        <v>10</v>
      </c>
      <c r="C13" s="16">
        <v>11</v>
      </c>
      <c r="D13" s="17">
        <v>21</v>
      </c>
    </row>
    <row r="14" spans="1:4" ht="18" customHeight="1" x14ac:dyDescent="0.2">
      <c r="A14" s="14">
        <v>8</v>
      </c>
      <c r="B14" s="15">
        <v>13</v>
      </c>
      <c r="C14" s="16">
        <v>11</v>
      </c>
      <c r="D14" s="17">
        <v>24</v>
      </c>
    </row>
    <row r="15" spans="1:4" ht="18" customHeight="1" x14ac:dyDescent="0.2">
      <c r="A15" s="14">
        <v>9</v>
      </c>
      <c r="B15" s="15">
        <v>12</v>
      </c>
      <c r="C15" s="16">
        <v>12</v>
      </c>
      <c r="D15" s="17">
        <v>24</v>
      </c>
    </row>
    <row r="16" spans="1:4" ht="18" customHeight="1" x14ac:dyDescent="0.2">
      <c r="A16" s="18" t="s">
        <v>49</v>
      </c>
      <c r="B16" s="15">
        <v>55</v>
      </c>
      <c r="C16" s="16">
        <v>58</v>
      </c>
      <c r="D16" s="17">
        <v>113</v>
      </c>
    </row>
    <row r="17" spans="1:4" ht="18" customHeight="1" x14ac:dyDescent="0.2">
      <c r="A17" s="14">
        <v>10</v>
      </c>
      <c r="B17" s="15">
        <v>14</v>
      </c>
      <c r="C17" s="16">
        <v>15</v>
      </c>
      <c r="D17" s="17">
        <v>29</v>
      </c>
    </row>
    <row r="18" spans="1:4" ht="18" customHeight="1" x14ac:dyDescent="0.2">
      <c r="A18" s="14">
        <v>11</v>
      </c>
      <c r="B18" s="15">
        <v>10</v>
      </c>
      <c r="C18" s="16">
        <v>14</v>
      </c>
      <c r="D18" s="17">
        <v>24</v>
      </c>
    </row>
    <row r="19" spans="1:4" ht="18" customHeight="1" x14ac:dyDescent="0.2">
      <c r="A19" s="14">
        <v>12</v>
      </c>
      <c r="B19" s="15">
        <v>23</v>
      </c>
      <c r="C19" s="16">
        <v>15</v>
      </c>
      <c r="D19" s="17">
        <v>38</v>
      </c>
    </row>
    <row r="20" spans="1:4" ht="18" customHeight="1" x14ac:dyDescent="0.2">
      <c r="A20" s="14">
        <v>13</v>
      </c>
      <c r="B20" s="15">
        <v>20</v>
      </c>
      <c r="C20" s="16">
        <v>20</v>
      </c>
      <c r="D20" s="17">
        <v>40</v>
      </c>
    </row>
    <row r="21" spans="1:4" ht="18" customHeight="1" x14ac:dyDescent="0.2">
      <c r="A21" s="14">
        <v>14</v>
      </c>
      <c r="B21" s="15">
        <v>23</v>
      </c>
      <c r="C21" s="16">
        <v>19</v>
      </c>
      <c r="D21" s="17">
        <v>42</v>
      </c>
    </row>
    <row r="22" spans="1:4" ht="18" customHeight="1" x14ac:dyDescent="0.2">
      <c r="A22" s="18" t="s">
        <v>50</v>
      </c>
      <c r="B22" s="15">
        <v>90</v>
      </c>
      <c r="C22" s="16">
        <v>83</v>
      </c>
      <c r="D22" s="17">
        <v>173</v>
      </c>
    </row>
    <row r="23" spans="1:4" ht="18" customHeight="1" x14ac:dyDescent="0.2">
      <c r="A23" s="18" t="s">
        <v>51</v>
      </c>
      <c r="B23" s="15">
        <v>193</v>
      </c>
      <c r="C23" s="16">
        <v>190</v>
      </c>
      <c r="D23" s="17">
        <v>383</v>
      </c>
    </row>
    <row r="24" spans="1:4" ht="18" customHeight="1" x14ac:dyDescent="0.2">
      <c r="A24" s="14">
        <v>15</v>
      </c>
      <c r="B24" s="15">
        <v>23</v>
      </c>
      <c r="C24" s="16">
        <v>24</v>
      </c>
      <c r="D24" s="17">
        <v>47</v>
      </c>
    </row>
    <row r="25" spans="1:4" ht="18" customHeight="1" x14ac:dyDescent="0.2">
      <c r="A25" s="14">
        <v>16</v>
      </c>
      <c r="B25" s="15">
        <v>19</v>
      </c>
      <c r="C25" s="16">
        <v>32</v>
      </c>
      <c r="D25" s="17">
        <v>51</v>
      </c>
    </row>
    <row r="26" spans="1:4" ht="18" customHeight="1" x14ac:dyDescent="0.2">
      <c r="A26" s="14">
        <v>17</v>
      </c>
      <c r="B26" s="15">
        <v>32</v>
      </c>
      <c r="C26" s="16">
        <v>13</v>
      </c>
      <c r="D26" s="17">
        <v>45</v>
      </c>
    </row>
    <row r="27" spans="1:4" ht="18" customHeight="1" x14ac:dyDescent="0.2">
      <c r="A27" s="14">
        <v>18</v>
      </c>
      <c r="B27" s="15">
        <v>31</v>
      </c>
      <c r="C27" s="16">
        <v>29</v>
      </c>
      <c r="D27" s="17">
        <v>60</v>
      </c>
    </row>
    <row r="28" spans="1:4" ht="18" customHeight="1" x14ac:dyDescent="0.2">
      <c r="A28" s="14">
        <v>19</v>
      </c>
      <c r="B28" s="15">
        <v>40</v>
      </c>
      <c r="C28" s="16">
        <v>25</v>
      </c>
      <c r="D28" s="17">
        <v>65</v>
      </c>
    </row>
    <row r="29" spans="1:4" ht="18" customHeight="1" x14ac:dyDescent="0.2">
      <c r="A29" s="18" t="s">
        <v>52</v>
      </c>
      <c r="B29" s="15">
        <v>145</v>
      </c>
      <c r="C29" s="16">
        <v>123</v>
      </c>
      <c r="D29" s="17">
        <v>268</v>
      </c>
    </row>
    <row r="30" spans="1:4" ht="18" customHeight="1" x14ac:dyDescent="0.2">
      <c r="A30" s="14">
        <v>20</v>
      </c>
      <c r="B30" s="15">
        <v>28</v>
      </c>
      <c r="C30" s="16">
        <v>25</v>
      </c>
      <c r="D30" s="17">
        <v>53</v>
      </c>
    </row>
    <row r="31" spans="1:4" ht="18" customHeight="1" x14ac:dyDescent="0.2">
      <c r="A31" s="14">
        <v>21</v>
      </c>
      <c r="B31" s="15">
        <v>22</v>
      </c>
      <c r="C31" s="16">
        <v>23</v>
      </c>
      <c r="D31" s="17">
        <v>45</v>
      </c>
    </row>
    <row r="32" spans="1:4" ht="18" customHeight="1" x14ac:dyDescent="0.2">
      <c r="A32" s="14">
        <v>22</v>
      </c>
      <c r="B32" s="15">
        <v>27</v>
      </c>
      <c r="C32" s="16">
        <v>16</v>
      </c>
      <c r="D32" s="17">
        <v>43</v>
      </c>
    </row>
    <row r="33" spans="1:4" ht="18" customHeight="1" x14ac:dyDescent="0.2">
      <c r="A33" s="14">
        <v>23</v>
      </c>
      <c r="B33" s="15">
        <v>30</v>
      </c>
      <c r="C33" s="16">
        <v>13</v>
      </c>
      <c r="D33" s="17">
        <v>43</v>
      </c>
    </row>
    <row r="34" spans="1:4" ht="18" customHeight="1" x14ac:dyDescent="0.2">
      <c r="A34" s="14">
        <v>24</v>
      </c>
      <c r="B34" s="15">
        <v>22</v>
      </c>
      <c r="C34" s="16">
        <v>19</v>
      </c>
      <c r="D34" s="17">
        <v>41</v>
      </c>
    </row>
    <row r="35" spans="1:4" ht="18" customHeight="1" x14ac:dyDescent="0.2">
      <c r="A35" s="18" t="s">
        <v>53</v>
      </c>
      <c r="B35" s="15">
        <v>129</v>
      </c>
      <c r="C35" s="16">
        <v>96</v>
      </c>
      <c r="D35" s="17">
        <v>225</v>
      </c>
    </row>
    <row r="36" spans="1:4" ht="18" customHeight="1" x14ac:dyDescent="0.2">
      <c r="A36" s="14">
        <v>25</v>
      </c>
      <c r="B36" s="15">
        <v>23</v>
      </c>
      <c r="C36" s="16">
        <v>16</v>
      </c>
      <c r="D36" s="17">
        <v>39</v>
      </c>
    </row>
    <row r="37" spans="1:4" ht="18" customHeight="1" x14ac:dyDescent="0.2">
      <c r="A37" s="14">
        <v>26</v>
      </c>
      <c r="B37" s="15">
        <v>19</v>
      </c>
      <c r="C37" s="16">
        <v>19</v>
      </c>
      <c r="D37" s="17">
        <v>38</v>
      </c>
    </row>
    <row r="38" spans="1:4" ht="18" customHeight="1" x14ac:dyDescent="0.2">
      <c r="A38" s="14">
        <v>27</v>
      </c>
      <c r="B38" s="15">
        <v>18</v>
      </c>
      <c r="C38" s="16">
        <v>18</v>
      </c>
      <c r="D38" s="17">
        <v>36</v>
      </c>
    </row>
    <row r="39" spans="1:4" ht="18" customHeight="1" x14ac:dyDescent="0.2">
      <c r="A39" s="14">
        <v>28</v>
      </c>
      <c r="B39" s="15">
        <v>15</v>
      </c>
      <c r="C39" s="16">
        <v>8</v>
      </c>
      <c r="D39" s="17">
        <v>23</v>
      </c>
    </row>
    <row r="40" spans="1:4" ht="18" customHeight="1" x14ac:dyDescent="0.2">
      <c r="A40" s="14">
        <v>29</v>
      </c>
      <c r="B40" s="15">
        <v>16</v>
      </c>
      <c r="C40" s="16">
        <v>8</v>
      </c>
      <c r="D40" s="17">
        <v>24</v>
      </c>
    </row>
    <row r="41" spans="1:4" ht="18" customHeight="1" x14ac:dyDescent="0.2">
      <c r="A41" s="18" t="s">
        <v>54</v>
      </c>
      <c r="B41" s="15">
        <v>91</v>
      </c>
      <c r="C41" s="16">
        <v>69</v>
      </c>
      <c r="D41" s="17">
        <v>160</v>
      </c>
    </row>
    <row r="42" spans="1:4" ht="18" customHeight="1" x14ac:dyDescent="0.2">
      <c r="A42" s="14">
        <v>30</v>
      </c>
      <c r="B42" s="15">
        <v>17</v>
      </c>
      <c r="C42" s="16">
        <v>11</v>
      </c>
      <c r="D42" s="17">
        <v>28</v>
      </c>
    </row>
    <row r="43" spans="1:4" ht="18" customHeight="1" x14ac:dyDescent="0.2">
      <c r="A43" s="14">
        <v>31</v>
      </c>
      <c r="B43" s="15">
        <v>14</v>
      </c>
      <c r="C43" s="16">
        <v>5</v>
      </c>
      <c r="D43" s="17">
        <v>19</v>
      </c>
    </row>
    <row r="44" spans="1:4" ht="18" customHeight="1" x14ac:dyDescent="0.2">
      <c r="A44" s="14">
        <v>32</v>
      </c>
      <c r="B44" s="15">
        <v>15</v>
      </c>
      <c r="C44" s="16">
        <v>14</v>
      </c>
      <c r="D44" s="17">
        <v>29</v>
      </c>
    </row>
    <row r="45" spans="1:4" ht="18" customHeight="1" x14ac:dyDescent="0.2">
      <c r="A45" s="14">
        <v>33</v>
      </c>
      <c r="B45" s="15">
        <v>16</v>
      </c>
      <c r="C45" s="16">
        <v>16</v>
      </c>
      <c r="D45" s="17">
        <v>32</v>
      </c>
    </row>
    <row r="46" spans="1:4" ht="18" customHeight="1" x14ac:dyDescent="0.2">
      <c r="A46" s="14">
        <v>34</v>
      </c>
      <c r="B46" s="15">
        <v>15</v>
      </c>
      <c r="C46" s="16">
        <v>18</v>
      </c>
      <c r="D46" s="17">
        <v>33</v>
      </c>
    </row>
    <row r="47" spans="1:4" ht="18" customHeight="1" x14ac:dyDescent="0.2">
      <c r="A47" s="18" t="s">
        <v>55</v>
      </c>
      <c r="B47" s="15">
        <v>77</v>
      </c>
      <c r="C47" s="16">
        <v>64</v>
      </c>
      <c r="D47" s="17">
        <v>141</v>
      </c>
    </row>
    <row r="48" spans="1:4" ht="18" customHeight="1" x14ac:dyDescent="0.2">
      <c r="A48" s="14">
        <v>35</v>
      </c>
      <c r="B48" s="15">
        <v>19</v>
      </c>
      <c r="C48" s="16">
        <v>19</v>
      </c>
      <c r="D48" s="17">
        <v>38</v>
      </c>
    </row>
    <row r="49" spans="1:4" ht="18" customHeight="1" x14ac:dyDescent="0.2">
      <c r="A49" s="14">
        <v>36</v>
      </c>
      <c r="B49" s="15">
        <v>16</v>
      </c>
      <c r="C49" s="16">
        <v>13</v>
      </c>
      <c r="D49" s="17">
        <v>29</v>
      </c>
    </row>
    <row r="50" spans="1:4" ht="18" customHeight="1" x14ac:dyDescent="0.2">
      <c r="A50" s="14">
        <v>37</v>
      </c>
      <c r="B50" s="15">
        <v>17</v>
      </c>
      <c r="C50" s="16">
        <v>16</v>
      </c>
      <c r="D50" s="17">
        <v>33</v>
      </c>
    </row>
    <row r="51" spans="1:4" ht="18" customHeight="1" x14ac:dyDescent="0.2">
      <c r="A51" s="14">
        <v>38</v>
      </c>
      <c r="B51" s="15">
        <v>6</v>
      </c>
      <c r="C51" s="16">
        <v>16</v>
      </c>
      <c r="D51" s="17">
        <v>22</v>
      </c>
    </row>
    <row r="52" spans="1:4" ht="18" customHeight="1" x14ac:dyDescent="0.2">
      <c r="A52" s="14">
        <v>39</v>
      </c>
      <c r="B52" s="15">
        <v>18</v>
      </c>
      <c r="C52" s="16">
        <v>21</v>
      </c>
      <c r="D52" s="17">
        <v>39</v>
      </c>
    </row>
    <row r="53" spans="1:4" ht="18" customHeight="1" x14ac:dyDescent="0.2">
      <c r="A53" s="18" t="s">
        <v>56</v>
      </c>
      <c r="B53" s="15">
        <v>76</v>
      </c>
      <c r="C53" s="16">
        <v>85</v>
      </c>
      <c r="D53" s="17">
        <v>161</v>
      </c>
    </row>
    <row r="54" spans="1:4" ht="18" customHeight="1" x14ac:dyDescent="0.2">
      <c r="A54" s="14">
        <v>40</v>
      </c>
      <c r="B54" s="15">
        <v>19</v>
      </c>
      <c r="C54" s="16">
        <v>24</v>
      </c>
      <c r="D54" s="17">
        <v>43</v>
      </c>
    </row>
    <row r="55" spans="1:4" ht="18" customHeight="1" x14ac:dyDescent="0.2">
      <c r="A55" s="14">
        <v>41</v>
      </c>
      <c r="B55" s="15">
        <v>26</v>
      </c>
      <c r="C55" s="16">
        <v>25</v>
      </c>
      <c r="D55" s="17">
        <v>51</v>
      </c>
    </row>
    <row r="56" spans="1:4" ht="18" customHeight="1" x14ac:dyDescent="0.2">
      <c r="A56" s="14">
        <v>42</v>
      </c>
      <c r="B56" s="15">
        <v>27</v>
      </c>
      <c r="C56" s="16">
        <v>23</v>
      </c>
      <c r="D56" s="17">
        <v>50</v>
      </c>
    </row>
    <row r="57" spans="1:4" ht="18" customHeight="1" x14ac:dyDescent="0.2">
      <c r="A57" s="14">
        <v>43</v>
      </c>
      <c r="B57" s="15">
        <v>26</v>
      </c>
      <c r="C57" s="16">
        <v>25</v>
      </c>
      <c r="D57" s="17">
        <v>51</v>
      </c>
    </row>
    <row r="58" spans="1:4" ht="18" customHeight="1" x14ac:dyDescent="0.2">
      <c r="A58" s="14">
        <v>44</v>
      </c>
      <c r="B58" s="15">
        <v>32</v>
      </c>
      <c r="C58" s="16">
        <v>33</v>
      </c>
      <c r="D58" s="17">
        <v>65</v>
      </c>
    </row>
    <row r="59" spans="1:4" ht="18" customHeight="1" x14ac:dyDescent="0.2">
      <c r="A59" s="18" t="s">
        <v>57</v>
      </c>
      <c r="B59" s="15">
        <v>130</v>
      </c>
      <c r="C59" s="16">
        <v>130</v>
      </c>
      <c r="D59" s="17">
        <v>260</v>
      </c>
    </row>
    <row r="60" spans="1:4" ht="18" customHeight="1" x14ac:dyDescent="0.2">
      <c r="A60" s="14">
        <v>45</v>
      </c>
      <c r="B60" s="15">
        <v>44</v>
      </c>
      <c r="C60" s="16">
        <v>40</v>
      </c>
      <c r="D60" s="17">
        <v>84</v>
      </c>
    </row>
    <row r="61" spans="1:4" ht="18" customHeight="1" x14ac:dyDescent="0.2">
      <c r="A61" s="14">
        <v>46</v>
      </c>
      <c r="B61" s="15">
        <v>43</v>
      </c>
      <c r="C61" s="16">
        <v>39</v>
      </c>
      <c r="D61" s="17">
        <v>82</v>
      </c>
    </row>
    <row r="62" spans="1:4" ht="18" customHeight="1" x14ac:dyDescent="0.2">
      <c r="A62" s="14">
        <v>47</v>
      </c>
      <c r="B62" s="15">
        <v>31</v>
      </c>
      <c r="C62" s="16">
        <v>45</v>
      </c>
      <c r="D62" s="17">
        <v>76</v>
      </c>
    </row>
    <row r="63" spans="1:4" ht="18" customHeight="1" x14ac:dyDescent="0.2">
      <c r="A63" s="14">
        <v>48</v>
      </c>
      <c r="B63" s="15">
        <v>32</v>
      </c>
      <c r="C63" s="16">
        <v>40</v>
      </c>
      <c r="D63" s="17">
        <v>72</v>
      </c>
    </row>
    <row r="64" spans="1:4" ht="18" customHeight="1" x14ac:dyDescent="0.2">
      <c r="A64" s="14">
        <v>49</v>
      </c>
      <c r="B64" s="15">
        <v>46</v>
      </c>
      <c r="C64" s="16">
        <v>29</v>
      </c>
      <c r="D64" s="17">
        <v>75</v>
      </c>
    </row>
    <row r="65" spans="1:4" ht="18" customHeight="1" x14ac:dyDescent="0.2">
      <c r="A65" s="18" t="s">
        <v>58</v>
      </c>
      <c r="B65" s="15">
        <v>196</v>
      </c>
      <c r="C65" s="16">
        <v>193</v>
      </c>
      <c r="D65" s="17">
        <v>389</v>
      </c>
    </row>
    <row r="66" spans="1:4" ht="18" customHeight="1" x14ac:dyDescent="0.2">
      <c r="A66" s="14">
        <v>50</v>
      </c>
      <c r="B66" s="15">
        <v>33</v>
      </c>
      <c r="C66" s="16">
        <v>33</v>
      </c>
      <c r="D66" s="17">
        <v>66</v>
      </c>
    </row>
    <row r="67" spans="1:4" ht="18" customHeight="1" x14ac:dyDescent="0.2">
      <c r="A67" s="14">
        <v>51</v>
      </c>
      <c r="B67" s="15">
        <v>34</v>
      </c>
      <c r="C67" s="16">
        <v>34</v>
      </c>
      <c r="D67" s="17">
        <v>68</v>
      </c>
    </row>
    <row r="68" spans="1:4" ht="18" customHeight="1" x14ac:dyDescent="0.2">
      <c r="A68" s="14">
        <v>52</v>
      </c>
      <c r="B68" s="15">
        <v>32</v>
      </c>
      <c r="C68" s="16">
        <v>38</v>
      </c>
      <c r="D68" s="17">
        <v>70</v>
      </c>
    </row>
    <row r="69" spans="1:4" ht="18" customHeight="1" x14ac:dyDescent="0.2">
      <c r="A69" s="14">
        <v>53</v>
      </c>
      <c r="B69" s="15">
        <v>30</v>
      </c>
      <c r="C69" s="16">
        <v>34</v>
      </c>
      <c r="D69" s="17">
        <v>64</v>
      </c>
    </row>
    <row r="70" spans="1:4" ht="18" customHeight="1" x14ac:dyDescent="0.2">
      <c r="A70" s="14">
        <v>54</v>
      </c>
      <c r="B70" s="15">
        <v>29</v>
      </c>
      <c r="C70" s="16">
        <v>21</v>
      </c>
      <c r="D70" s="17">
        <v>50</v>
      </c>
    </row>
    <row r="71" spans="1:4" ht="18" customHeight="1" x14ac:dyDescent="0.2">
      <c r="A71" s="18" t="s">
        <v>59</v>
      </c>
      <c r="B71" s="15">
        <v>158</v>
      </c>
      <c r="C71" s="16">
        <v>160</v>
      </c>
      <c r="D71" s="17">
        <v>318</v>
      </c>
    </row>
    <row r="72" spans="1:4" ht="18" customHeight="1" x14ac:dyDescent="0.2">
      <c r="A72" s="14">
        <v>55</v>
      </c>
      <c r="B72" s="15">
        <v>25</v>
      </c>
      <c r="C72" s="16">
        <v>36</v>
      </c>
      <c r="D72" s="17">
        <v>61</v>
      </c>
    </row>
    <row r="73" spans="1:4" ht="18" customHeight="1" x14ac:dyDescent="0.2">
      <c r="A73" s="14">
        <v>56</v>
      </c>
      <c r="B73" s="15">
        <v>19</v>
      </c>
      <c r="C73" s="16">
        <v>18</v>
      </c>
      <c r="D73" s="17">
        <v>37</v>
      </c>
    </row>
    <row r="74" spans="1:4" ht="18" customHeight="1" x14ac:dyDescent="0.2">
      <c r="A74" s="14">
        <v>57</v>
      </c>
      <c r="B74" s="15">
        <v>23</v>
      </c>
      <c r="C74" s="16">
        <v>28</v>
      </c>
      <c r="D74" s="17">
        <v>51</v>
      </c>
    </row>
    <row r="75" spans="1:4" ht="18" customHeight="1" x14ac:dyDescent="0.2">
      <c r="A75" s="14">
        <v>58</v>
      </c>
      <c r="B75" s="15">
        <v>26</v>
      </c>
      <c r="C75" s="16">
        <v>24</v>
      </c>
      <c r="D75" s="17">
        <v>50</v>
      </c>
    </row>
    <row r="76" spans="1:4" ht="18" customHeight="1" x14ac:dyDescent="0.2">
      <c r="A76" s="14">
        <v>59</v>
      </c>
      <c r="B76" s="15">
        <v>27</v>
      </c>
      <c r="C76" s="16">
        <v>16</v>
      </c>
      <c r="D76" s="17">
        <v>43</v>
      </c>
    </row>
    <row r="77" spans="1:4" ht="18" customHeight="1" x14ac:dyDescent="0.2">
      <c r="A77" s="18" t="s">
        <v>60</v>
      </c>
      <c r="B77" s="15">
        <v>120</v>
      </c>
      <c r="C77" s="16">
        <v>122</v>
      </c>
      <c r="D77" s="17">
        <v>242</v>
      </c>
    </row>
    <row r="78" spans="1:4" ht="18" customHeight="1" x14ac:dyDescent="0.2">
      <c r="A78" s="14">
        <v>60</v>
      </c>
      <c r="B78" s="15">
        <v>21</v>
      </c>
      <c r="C78" s="16">
        <v>19</v>
      </c>
      <c r="D78" s="17">
        <v>40</v>
      </c>
    </row>
    <row r="79" spans="1:4" ht="18" customHeight="1" x14ac:dyDescent="0.2">
      <c r="A79" s="14">
        <v>61</v>
      </c>
      <c r="B79" s="15">
        <v>29</v>
      </c>
      <c r="C79" s="16">
        <v>22</v>
      </c>
      <c r="D79" s="17">
        <v>51</v>
      </c>
    </row>
    <row r="80" spans="1:4" ht="18" customHeight="1" x14ac:dyDescent="0.2">
      <c r="A80" s="14">
        <v>62</v>
      </c>
      <c r="B80" s="15">
        <v>19</v>
      </c>
      <c r="C80" s="16">
        <v>18</v>
      </c>
      <c r="D80" s="17">
        <v>37</v>
      </c>
    </row>
    <row r="81" spans="1:4" ht="18" customHeight="1" x14ac:dyDescent="0.2">
      <c r="A81" s="14">
        <v>63</v>
      </c>
      <c r="B81" s="15">
        <v>19</v>
      </c>
      <c r="C81" s="16">
        <v>28</v>
      </c>
      <c r="D81" s="17">
        <v>47</v>
      </c>
    </row>
    <row r="82" spans="1:4" ht="18" customHeight="1" x14ac:dyDescent="0.2">
      <c r="A82" s="14">
        <v>64</v>
      </c>
      <c r="B82" s="15">
        <v>17</v>
      </c>
      <c r="C82" s="16">
        <v>21</v>
      </c>
      <c r="D82" s="17">
        <v>38</v>
      </c>
    </row>
    <row r="83" spans="1:4" ht="18" customHeight="1" x14ac:dyDescent="0.2">
      <c r="A83" s="18" t="s">
        <v>61</v>
      </c>
      <c r="B83" s="15">
        <v>105</v>
      </c>
      <c r="C83" s="16">
        <v>108</v>
      </c>
      <c r="D83" s="17">
        <v>213</v>
      </c>
    </row>
    <row r="84" spans="1:4" ht="18" customHeight="1" x14ac:dyDescent="0.2">
      <c r="A84" s="18" t="s">
        <v>62</v>
      </c>
      <c r="B84" s="15">
        <v>1227</v>
      </c>
      <c r="C84" s="16">
        <v>1150</v>
      </c>
      <c r="D84" s="17">
        <v>2377</v>
      </c>
    </row>
    <row r="85" spans="1:4" ht="18" customHeight="1" x14ac:dyDescent="0.2">
      <c r="A85" s="14">
        <v>65</v>
      </c>
      <c r="B85" s="15">
        <v>25</v>
      </c>
      <c r="C85" s="16">
        <v>20</v>
      </c>
      <c r="D85" s="17">
        <v>45</v>
      </c>
    </row>
    <row r="86" spans="1:4" ht="18" customHeight="1" x14ac:dyDescent="0.2">
      <c r="A86" s="14">
        <v>66</v>
      </c>
      <c r="B86" s="15">
        <v>31</v>
      </c>
      <c r="C86" s="16">
        <v>21</v>
      </c>
      <c r="D86" s="17">
        <v>52</v>
      </c>
    </row>
    <row r="87" spans="1:4" ht="18" customHeight="1" x14ac:dyDescent="0.2">
      <c r="A87" s="14">
        <v>67</v>
      </c>
      <c r="B87" s="15">
        <v>27</v>
      </c>
      <c r="C87" s="16">
        <v>29</v>
      </c>
      <c r="D87" s="17">
        <v>56</v>
      </c>
    </row>
    <row r="88" spans="1:4" ht="18" customHeight="1" x14ac:dyDescent="0.2">
      <c r="A88" s="14">
        <v>68</v>
      </c>
      <c r="B88" s="15">
        <v>22</v>
      </c>
      <c r="C88" s="16">
        <v>29</v>
      </c>
      <c r="D88" s="17">
        <v>51</v>
      </c>
    </row>
    <row r="89" spans="1:4" ht="18" customHeight="1" x14ac:dyDescent="0.2">
      <c r="A89" s="14">
        <v>69</v>
      </c>
      <c r="B89" s="15">
        <v>25</v>
      </c>
      <c r="C89" s="16">
        <v>39</v>
      </c>
      <c r="D89" s="17">
        <v>64</v>
      </c>
    </row>
    <row r="90" spans="1:4" ht="18" customHeight="1" x14ac:dyDescent="0.2">
      <c r="A90" s="18" t="s">
        <v>63</v>
      </c>
      <c r="B90" s="15">
        <v>130</v>
      </c>
      <c r="C90" s="16">
        <v>138</v>
      </c>
      <c r="D90" s="17">
        <v>268</v>
      </c>
    </row>
    <row r="91" spans="1:4" ht="18" customHeight="1" x14ac:dyDescent="0.2">
      <c r="A91" s="14">
        <v>70</v>
      </c>
      <c r="B91" s="15">
        <v>28</v>
      </c>
      <c r="C91" s="16">
        <v>46</v>
      </c>
      <c r="D91" s="17">
        <v>74</v>
      </c>
    </row>
    <row r="92" spans="1:4" ht="18" customHeight="1" x14ac:dyDescent="0.2">
      <c r="A92" s="14">
        <v>71</v>
      </c>
      <c r="B92" s="15">
        <v>43</v>
      </c>
      <c r="C92" s="16">
        <v>45</v>
      </c>
      <c r="D92" s="17">
        <v>88</v>
      </c>
    </row>
    <row r="93" spans="1:4" ht="18" customHeight="1" x14ac:dyDescent="0.2">
      <c r="A93" s="14">
        <v>72</v>
      </c>
      <c r="B93" s="15">
        <v>38</v>
      </c>
      <c r="C93" s="16">
        <v>44</v>
      </c>
      <c r="D93" s="17">
        <v>82</v>
      </c>
    </row>
    <row r="94" spans="1:4" ht="18" customHeight="1" x14ac:dyDescent="0.2">
      <c r="A94" s="14">
        <v>73</v>
      </c>
      <c r="B94" s="15">
        <v>29</v>
      </c>
      <c r="C94" s="16">
        <v>40</v>
      </c>
      <c r="D94" s="17">
        <v>69</v>
      </c>
    </row>
    <row r="95" spans="1:4" ht="18" customHeight="1" x14ac:dyDescent="0.2">
      <c r="A95" s="14">
        <v>74</v>
      </c>
      <c r="B95" s="15">
        <v>27</v>
      </c>
      <c r="C95" s="16">
        <v>16</v>
      </c>
      <c r="D95" s="17">
        <v>43</v>
      </c>
    </row>
    <row r="96" spans="1:4" ht="18" customHeight="1" x14ac:dyDescent="0.2">
      <c r="A96" s="18" t="s">
        <v>64</v>
      </c>
      <c r="B96" s="15">
        <v>165</v>
      </c>
      <c r="C96" s="16">
        <v>191</v>
      </c>
      <c r="D96" s="17">
        <v>356</v>
      </c>
    </row>
    <row r="97" spans="1:4" ht="18" customHeight="1" x14ac:dyDescent="0.2">
      <c r="A97" s="14">
        <v>75</v>
      </c>
      <c r="B97" s="15">
        <v>26</v>
      </c>
      <c r="C97" s="16">
        <v>26</v>
      </c>
      <c r="D97" s="17">
        <v>52</v>
      </c>
    </row>
    <row r="98" spans="1:4" ht="18" customHeight="1" x14ac:dyDescent="0.2">
      <c r="A98" s="14">
        <v>76</v>
      </c>
      <c r="B98" s="15">
        <v>19</v>
      </c>
      <c r="C98" s="16">
        <v>40</v>
      </c>
      <c r="D98" s="17">
        <v>59</v>
      </c>
    </row>
    <row r="99" spans="1:4" ht="18" customHeight="1" x14ac:dyDescent="0.2">
      <c r="A99" s="14">
        <v>77</v>
      </c>
      <c r="B99" s="15">
        <v>20</v>
      </c>
      <c r="C99" s="16">
        <v>37</v>
      </c>
      <c r="D99" s="17">
        <v>57</v>
      </c>
    </row>
    <row r="100" spans="1:4" ht="18" customHeight="1" x14ac:dyDescent="0.2">
      <c r="A100" s="14">
        <v>78</v>
      </c>
      <c r="B100" s="15">
        <v>26</v>
      </c>
      <c r="C100" s="16">
        <v>41</v>
      </c>
      <c r="D100" s="17">
        <v>67</v>
      </c>
    </row>
    <row r="101" spans="1:4" ht="18" customHeight="1" x14ac:dyDescent="0.2">
      <c r="A101" s="14">
        <v>79</v>
      </c>
      <c r="B101" s="15">
        <v>22</v>
      </c>
      <c r="C101" s="16">
        <v>22</v>
      </c>
      <c r="D101" s="17">
        <v>44</v>
      </c>
    </row>
    <row r="102" spans="1:4" ht="18" customHeight="1" x14ac:dyDescent="0.2">
      <c r="A102" s="18" t="s">
        <v>65</v>
      </c>
      <c r="B102" s="15">
        <v>113</v>
      </c>
      <c r="C102" s="16">
        <v>166</v>
      </c>
      <c r="D102" s="17">
        <v>279</v>
      </c>
    </row>
    <row r="103" spans="1:4" ht="18" customHeight="1" x14ac:dyDescent="0.2">
      <c r="A103" s="14">
        <v>80</v>
      </c>
      <c r="B103" s="15">
        <v>20</v>
      </c>
      <c r="C103" s="16">
        <v>32</v>
      </c>
      <c r="D103" s="17">
        <v>52</v>
      </c>
    </row>
    <row r="104" spans="1:4" ht="18" customHeight="1" x14ac:dyDescent="0.2">
      <c r="A104" s="14">
        <v>81</v>
      </c>
      <c r="B104" s="15">
        <v>12</v>
      </c>
      <c r="C104" s="16">
        <v>23</v>
      </c>
      <c r="D104" s="17">
        <v>35</v>
      </c>
    </row>
    <row r="105" spans="1:4" ht="18" customHeight="1" x14ac:dyDescent="0.2">
      <c r="A105" s="14">
        <v>82</v>
      </c>
      <c r="B105" s="15">
        <v>24</v>
      </c>
      <c r="C105" s="16">
        <v>31</v>
      </c>
      <c r="D105" s="17">
        <v>55</v>
      </c>
    </row>
    <row r="106" spans="1:4" ht="18" customHeight="1" x14ac:dyDescent="0.2">
      <c r="A106" s="14">
        <v>83</v>
      </c>
      <c r="B106" s="15">
        <v>16</v>
      </c>
      <c r="C106" s="16">
        <v>28</v>
      </c>
      <c r="D106" s="17">
        <v>44</v>
      </c>
    </row>
    <row r="107" spans="1:4" ht="18" customHeight="1" x14ac:dyDescent="0.2">
      <c r="A107" s="14">
        <v>84</v>
      </c>
      <c r="B107" s="15">
        <v>12</v>
      </c>
      <c r="C107" s="16">
        <v>28</v>
      </c>
      <c r="D107" s="17">
        <v>40</v>
      </c>
    </row>
    <row r="108" spans="1:4" ht="18" customHeight="1" x14ac:dyDescent="0.2">
      <c r="A108" s="18" t="s">
        <v>66</v>
      </c>
      <c r="B108" s="15">
        <v>84</v>
      </c>
      <c r="C108" s="16">
        <v>142</v>
      </c>
      <c r="D108" s="17">
        <v>226</v>
      </c>
    </row>
    <row r="109" spans="1:4" ht="18" customHeight="1" x14ac:dyDescent="0.2">
      <c r="A109" s="14">
        <v>85</v>
      </c>
      <c r="B109" s="15">
        <v>9</v>
      </c>
      <c r="C109" s="16">
        <v>21</v>
      </c>
      <c r="D109" s="17">
        <v>30</v>
      </c>
    </row>
    <row r="110" spans="1:4" ht="18" customHeight="1" x14ac:dyDescent="0.2">
      <c r="A110" s="14">
        <v>86</v>
      </c>
      <c r="B110" s="15">
        <v>13</v>
      </c>
      <c r="C110" s="16">
        <v>16</v>
      </c>
      <c r="D110" s="17">
        <v>29</v>
      </c>
    </row>
    <row r="111" spans="1:4" ht="18" customHeight="1" x14ac:dyDescent="0.2">
      <c r="A111" s="14">
        <v>87</v>
      </c>
      <c r="B111" s="15">
        <v>7</v>
      </c>
      <c r="C111" s="16">
        <v>16</v>
      </c>
      <c r="D111" s="17">
        <v>23</v>
      </c>
    </row>
    <row r="112" spans="1:4" ht="18" customHeight="1" x14ac:dyDescent="0.2">
      <c r="A112" s="14">
        <v>88</v>
      </c>
      <c r="B112" s="15">
        <v>6</v>
      </c>
      <c r="C112" s="16">
        <v>18</v>
      </c>
      <c r="D112" s="17">
        <v>24</v>
      </c>
    </row>
    <row r="113" spans="1:4" ht="18" customHeight="1" x14ac:dyDescent="0.2">
      <c r="A113" s="14">
        <v>89</v>
      </c>
      <c r="B113" s="15">
        <v>3</v>
      </c>
      <c r="C113" s="16">
        <v>17</v>
      </c>
      <c r="D113" s="17">
        <v>20</v>
      </c>
    </row>
    <row r="114" spans="1:4" ht="18" customHeight="1" x14ac:dyDescent="0.2">
      <c r="A114" s="18" t="s">
        <v>67</v>
      </c>
      <c r="B114" s="15">
        <v>38</v>
      </c>
      <c r="C114" s="16">
        <v>88</v>
      </c>
      <c r="D114" s="17">
        <v>126</v>
      </c>
    </row>
    <row r="115" spans="1:4" ht="18" customHeight="1" x14ac:dyDescent="0.2">
      <c r="A115" s="14">
        <v>90</v>
      </c>
      <c r="B115" s="15">
        <v>9</v>
      </c>
      <c r="C115" s="16">
        <v>12</v>
      </c>
      <c r="D115" s="17">
        <v>21</v>
      </c>
    </row>
    <row r="116" spans="1:4" ht="18" customHeight="1" x14ac:dyDescent="0.2">
      <c r="A116" s="14">
        <v>91</v>
      </c>
      <c r="B116" s="15">
        <v>3</v>
      </c>
      <c r="C116" s="16">
        <v>14</v>
      </c>
      <c r="D116" s="17">
        <v>17</v>
      </c>
    </row>
    <row r="117" spans="1:4" ht="18" customHeight="1" x14ac:dyDescent="0.2">
      <c r="A117" s="14">
        <v>92</v>
      </c>
      <c r="B117" s="15">
        <v>2</v>
      </c>
      <c r="C117" s="16">
        <v>8</v>
      </c>
      <c r="D117" s="17">
        <v>10</v>
      </c>
    </row>
    <row r="118" spans="1:4" ht="18" customHeight="1" x14ac:dyDescent="0.2">
      <c r="A118" s="14">
        <v>93</v>
      </c>
      <c r="B118" s="15">
        <v>6</v>
      </c>
      <c r="C118" s="16">
        <v>5</v>
      </c>
      <c r="D118" s="17">
        <v>11</v>
      </c>
    </row>
    <row r="119" spans="1:4" ht="18" customHeight="1" x14ac:dyDescent="0.2">
      <c r="A119" s="14">
        <v>94</v>
      </c>
      <c r="B119" s="15">
        <v>3</v>
      </c>
      <c r="C119" s="16">
        <v>1</v>
      </c>
      <c r="D119" s="17">
        <v>4</v>
      </c>
    </row>
    <row r="120" spans="1:4" ht="18" customHeight="1" x14ac:dyDescent="0.2">
      <c r="A120" s="18" t="s">
        <v>68</v>
      </c>
      <c r="B120" s="15">
        <v>23</v>
      </c>
      <c r="C120" s="16">
        <v>40</v>
      </c>
      <c r="D120" s="17">
        <v>63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3</v>
      </c>
      <c r="C126" s="16">
        <v>19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556</v>
      </c>
      <c r="C130" s="5">
        <v>788</v>
      </c>
      <c r="D130" s="6">
        <v>1344</v>
      </c>
    </row>
    <row r="131" spans="1:4" ht="18" customHeight="1" x14ac:dyDescent="0.2">
      <c r="A131" s="20" t="s">
        <v>47</v>
      </c>
      <c r="B131" s="7">
        <v>1976</v>
      </c>
      <c r="C131" s="8">
        <v>2128</v>
      </c>
      <c r="D131" s="9">
        <v>410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3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9</v>
      </c>
      <c r="C5" s="12">
        <v>51</v>
      </c>
      <c r="D5" s="13">
        <v>120</v>
      </c>
    </row>
    <row r="6" spans="1:4" ht="18" customHeight="1" x14ac:dyDescent="0.2">
      <c r="A6" s="14">
        <v>1</v>
      </c>
      <c r="B6" s="15">
        <v>80</v>
      </c>
      <c r="C6" s="16">
        <v>63</v>
      </c>
      <c r="D6" s="17">
        <v>143</v>
      </c>
    </row>
    <row r="7" spans="1:4" ht="18" customHeight="1" x14ac:dyDescent="0.2">
      <c r="A7" s="14">
        <v>2</v>
      </c>
      <c r="B7" s="15">
        <v>77</v>
      </c>
      <c r="C7" s="16">
        <v>73</v>
      </c>
      <c r="D7" s="17">
        <v>150</v>
      </c>
    </row>
    <row r="8" spans="1:4" ht="18" customHeight="1" x14ac:dyDescent="0.2">
      <c r="A8" s="14">
        <v>3</v>
      </c>
      <c r="B8" s="15">
        <v>60</v>
      </c>
      <c r="C8" s="16">
        <v>80</v>
      </c>
      <c r="D8" s="17">
        <v>140</v>
      </c>
    </row>
    <row r="9" spans="1:4" ht="18" customHeight="1" x14ac:dyDescent="0.2">
      <c r="A9" s="14">
        <v>4</v>
      </c>
      <c r="B9" s="15">
        <v>52</v>
      </c>
      <c r="C9" s="16">
        <v>63</v>
      </c>
      <c r="D9" s="17">
        <v>115</v>
      </c>
    </row>
    <row r="10" spans="1:4" ht="18" customHeight="1" x14ac:dyDescent="0.2">
      <c r="A10" s="18" t="s">
        <v>48</v>
      </c>
      <c r="B10" s="15">
        <v>338</v>
      </c>
      <c r="C10" s="16">
        <v>330</v>
      </c>
      <c r="D10" s="17">
        <v>668</v>
      </c>
    </row>
    <row r="11" spans="1:4" ht="18" customHeight="1" x14ac:dyDescent="0.2">
      <c r="A11" s="14">
        <v>5</v>
      </c>
      <c r="B11" s="15">
        <v>67</v>
      </c>
      <c r="C11" s="16">
        <v>61</v>
      </c>
      <c r="D11" s="17">
        <v>128</v>
      </c>
    </row>
    <row r="12" spans="1:4" ht="18" customHeight="1" x14ac:dyDescent="0.2">
      <c r="A12" s="14">
        <v>6</v>
      </c>
      <c r="B12" s="15">
        <v>65</v>
      </c>
      <c r="C12" s="16">
        <v>66</v>
      </c>
      <c r="D12" s="17">
        <v>131</v>
      </c>
    </row>
    <row r="13" spans="1:4" ht="18" customHeight="1" x14ac:dyDescent="0.2">
      <c r="A13" s="14">
        <v>7</v>
      </c>
      <c r="B13" s="15">
        <v>69</v>
      </c>
      <c r="C13" s="16">
        <v>72</v>
      </c>
      <c r="D13" s="17">
        <v>141</v>
      </c>
    </row>
    <row r="14" spans="1:4" ht="18" customHeight="1" x14ac:dyDescent="0.2">
      <c r="A14" s="14">
        <v>8</v>
      </c>
      <c r="B14" s="15">
        <v>74</v>
      </c>
      <c r="C14" s="16">
        <v>64</v>
      </c>
      <c r="D14" s="17">
        <v>138</v>
      </c>
    </row>
    <row r="15" spans="1:4" ht="18" customHeight="1" x14ac:dyDescent="0.2">
      <c r="A15" s="14">
        <v>9</v>
      </c>
      <c r="B15" s="15">
        <v>68</v>
      </c>
      <c r="C15" s="16">
        <v>61</v>
      </c>
      <c r="D15" s="17">
        <v>129</v>
      </c>
    </row>
    <row r="16" spans="1:4" ht="18" customHeight="1" x14ac:dyDescent="0.2">
      <c r="A16" s="18" t="s">
        <v>49</v>
      </c>
      <c r="B16" s="15">
        <v>343</v>
      </c>
      <c r="C16" s="16">
        <v>324</v>
      </c>
      <c r="D16" s="17">
        <v>667</v>
      </c>
    </row>
    <row r="17" spans="1:4" ht="18" customHeight="1" x14ac:dyDescent="0.2">
      <c r="A17" s="14">
        <v>10</v>
      </c>
      <c r="B17" s="15">
        <v>69</v>
      </c>
      <c r="C17" s="16">
        <v>60</v>
      </c>
      <c r="D17" s="17">
        <v>129</v>
      </c>
    </row>
    <row r="18" spans="1:4" ht="18" customHeight="1" x14ac:dyDescent="0.2">
      <c r="A18" s="14">
        <v>11</v>
      </c>
      <c r="B18" s="15">
        <v>81</v>
      </c>
      <c r="C18" s="16">
        <v>62</v>
      </c>
      <c r="D18" s="17">
        <v>143</v>
      </c>
    </row>
    <row r="19" spans="1:4" ht="18" customHeight="1" x14ac:dyDescent="0.2">
      <c r="A19" s="14">
        <v>12</v>
      </c>
      <c r="B19" s="15">
        <v>62</v>
      </c>
      <c r="C19" s="16">
        <v>54</v>
      </c>
      <c r="D19" s="17">
        <v>116</v>
      </c>
    </row>
    <row r="20" spans="1:4" ht="18" customHeight="1" x14ac:dyDescent="0.2">
      <c r="A20" s="14">
        <v>13</v>
      </c>
      <c r="B20" s="15">
        <v>56</v>
      </c>
      <c r="C20" s="16">
        <v>53</v>
      </c>
      <c r="D20" s="17">
        <v>109</v>
      </c>
    </row>
    <row r="21" spans="1:4" ht="18" customHeight="1" x14ac:dyDescent="0.2">
      <c r="A21" s="14">
        <v>14</v>
      </c>
      <c r="B21" s="15">
        <v>72</v>
      </c>
      <c r="C21" s="16">
        <v>70</v>
      </c>
      <c r="D21" s="17">
        <v>142</v>
      </c>
    </row>
    <row r="22" spans="1:4" ht="18" customHeight="1" x14ac:dyDescent="0.2">
      <c r="A22" s="18" t="s">
        <v>50</v>
      </c>
      <c r="B22" s="15">
        <v>340</v>
      </c>
      <c r="C22" s="16">
        <v>299</v>
      </c>
      <c r="D22" s="17">
        <v>639</v>
      </c>
    </row>
    <row r="23" spans="1:4" ht="18" customHeight="1" x14ac:dyDescent="0.2">
      <c r="A23" s="18" t="s">
        <v>51</v>
      </c>
      <c r="B23" s="15">
        <v>1021</v>
      </c>
      <c r="C23" s="16">
        <v>953</v>
      </c>
      <c r="D23" s="17">
        <v>1974</v>
      </c>
    </row>
    <row r="24" spans="1:4" ht="18" customHeight="1" x14ac:dyDescent="0.2">
      <c r="A24" s="14">
        <v>15</v>
      </c>
      <c r="B24" s="15">
        <v>64</v>
      </c>
      <c r="C24" s="16">
        <v>67</v>
      </c>
      <c r="D24" s="17">
        <v>131</v>
      </c>
    </row>
    <row r="25" spans="1:4" ht="18" customHeight="1" x14ac:dyDescent="0.2">
      <c r="A25" s="14">
        <v>16</v>
      </c>
      <c r="B25" s="15">
        <v>71</v>
      </c>
      <c r="C25" s="16">
        <v>81</v>
      </c>
      <c r="D25" s="17">
        <v>152</v>
      </c>
    </row>
    <row r="26" spans="1:4" ht="18" customHeight="1" x14ac:dyDescent="0.2">
      <c r="A26" s="14">
        <v>17</v>
      </c>
      <c r="B26" s="15">
        <v>63</v>
      </c>
      <c r="C26" s="16">
        <v>67</v>
      </c>
      <c r="D26" s="17">
        <v>130</v>
      </c>
    </row>
    <row r="27" spans="1:4" ht="18" customHeight="1" x14ac:dyDescent="0.2">
      <c r="A27" s="14">
        <v>18</v>
      </c>
      <c r="B27" s="15">
        <v>77</v>
      </c>
      <c r="C27" s="16">
        <v>78</v>
      </c>
      <c r="D27" s="17">
        <v>155</v>
      </c>
    </row>
    <row r="28" spans="1:4" ht="18" customHeight="1" x14ac:dyDescent="0.2">
      <c r="A28" s="14">
        <v>19</v>
      </c>
      <c r="B28" s="15">
        <v>82</v>
      </c>
      <c r="C28" s="16">
        <v>64</v>
      </c>
      <c r="D28" s="17">
        <v>146</v>
      </c>
    </row>
    <row r="29" spans="1:4" ht="18" customHeight="1" x14ac:dyDescent="0.2">
      <c r="A29" s="18" t="s">
        <v>52</v>
      </c>
      <c r="B29" s="15">
        <v>357</v>
      </c>
      <c r="C29" s="16">
        <v>357</v>
      </c>
      <c r="D29" s="17">
        <v>714</v>
      </c>
    </row>
    <row r="30" spans="1:4" ht="18" customHeight="1" x14ac:dyDescent="0.2">
      <c r="A30" s="14">
        <v>20</v>
      </c>
      <c r="B30" s="15">
        <v>86</v>
      </c>
      <c r="C30" s="16">
        <v>70</v>
      </c>
      <c r="D30" s="17">
        <v>156</v>
      </c>
    </row>
    <row r="31" spans="1:4" ht="18" customHeight="1" x14ac:dyDescent="0.2">
      <c r="A31" s="14">
        <v>21</v>
      </c>
      <c r="B31" s="15">
        <v>67</v>
      </c>
      <c r="C31" s="16">
        <v>70</v>
      </c>
      <c r="D31" s="17">
        <v>137</v>
      </c>
    </row>
    <row r="32" spans="1:4" ht="18" customHeight="1" x14ac:dyDescent="0.2">
      <c r="A32" s="14">
        <v>22</v>
      </c>
      <c r="B32" s="15">
        <v>82</v>
      </c>
      <c r="C32" s="16">
        <v>78</v>
      </c>
      <c r="D32" s="17">
        <v>160</v>
      </c>
    </row>
    <row r="33" spans="1:4" ht="18" customHeight="1" x14ac:dyDescent="0.2">
      <c r="A33" s="14">
        <v>23</v>
      </c>
      <c r="B33" s="15">
        <v>85</v>
      </c>
      <c r="C33" s="16">
        <v>60</v>
      </c>
      <c r="D33" s="17">
        <v>145</v>
      </c>
    </row>
    <row r="34" spans="1:4" ht="18" customHeight="1" x14ac:dyDescent="0.2">
      <c r="A34" s="14">
        <v>24</v>
      </c>
      <c r="B34" s="15">
        <v>74</v>
      </c>
      <c r="C34" s="16">
        <v>62</v>
      </c>
      <c r="D34" s="17">
        <v>136</v>
      </c>
    </row>
    <row r="35" spans="1:4" ht="18" customHeight="1" x14ac:dyDescent="0.2">
      <c r="A35" s="18" t="s">
        <v>53</v>
      </c>
      <c r="B35" s="15">
        <v>394</v>
      </c>
      <c r="C35" s="16">
        <v>340</v>
      </c>
      <c r="D35" s="17">
        <v>734</v>
      </c>
    </row>
    <row r="36" spans="1:4" ht="18" customHeight="1" x14ac:dyDescent="0.2">
      <c r="A36" s="14">
        <v>25</v>
      </c>
      <c r="B36" s="15">
        <v>74</v>
      </c>
      <c r="C36" s="16">
        <v>73</v>
      </c>
      <c r="D36" s="17">
        <v>147</v>
      </c>
    </row>
    <row r="37" spans="1:4" ht="18" customHeight="1" x14ac:dyDescent="0.2">
      <c r="A37" s="14">
        <v>26</v>
      </c>
      <c r="B37" s="15">
        <v>76</v>
      </c>
      <c r="C37" s="16">
        <v>81</v>
      </c>
      <c r="D37" s="17">
        <v>157</v>
      </c>
    </row>
    <row r="38" spans="1:4" ht="18" customHeight="1" x14ac:dyDescent="0.2">
      <c r="A38" s="14">
        <v>27</v>
      </c>
      <c r="B38" s="15">
        <v>87</v>
      </c>
      <c r="C38" s="16">
        <v>67</v>
      </c>
      <c r="D38" s="17">
        <v>154</v>
      </c>
    </row>
    <row r="39" spans="1:4" ht="18" customHeight="1" x14ac:dyDescent="0.2">
      <c r="A39" s="14">
        <v>28</v>
      </c>
      <c r="B39" s="15">
        <v>69</v>
      </c>
      <c r="C39" s="16">
        <v>60</v>
      </c>
      <c r="D39" s="17">
        <v>129</v>
      </c>
    </row>
    <row r="40" spans="1:4" ht="18" customHeight="1" x14ac:dyDescent="0.2">
      <c r="A40" s="14">
        <v>29</v>
      </c>
      <c r="B40" s="15">
        <v>99</v>
      </c>
      <c r="C40" s="16">
        <v>82</v>
      </c>
      <c r="D40" s="17">
        <v>181</v>
      </c>
    </row>
    <row r="41" spans="1:4" ht="18" customHeight="1" x14ac:dyDescent="0.2">
      <c r="A41" s="18" t="s">
        <v>54</v>
      </c>
      <c r="B41" s="15">
        <v>405</v>
      </c>
      <c r="C41" s="16">
        <v>363</v>
      </c>
      <c r="D41" s="17">
        <v>768</v>
      </c>
    </row>
    <row r="42" spans="1:4" ht="18" customHeight="1" x14ac:dyDescent="0.2">
      <c r="A42" s="14">
        <v>30</v>
      </c>
      <c r="B42" s="15">
        <v>84</v>
      </c>
      <c r="C42" s="16">
        <v>72</v>
      </c>
      <c r="D42" s="17">
        <v>156</v>
      </c>
    </row>
    <row r="43" spans="1:4" ht="18" customHeight="1" x14ac:dyDescent="0.2">
      <c r="A43" s="14">
        <v>31</v>
      </c>
      <c r="B43" s="15">
        <v>97</v>
      </c>
      <c r="C43" s="16">
        <v>90</v>
      </c>
      <c r="D43" s="17">
        <v>187</v>
      </c>
    </row>
    <row r="44" spans="1:4" ht="18" customHeight="1" x14ac:dyDescent="0.2">
      <c r="A44" s="14">
        <v>32</v>
      </c>
      <c r="B44" s="15">
        <v>94</v>
      </c>
      <c r="C44" s="16">
        <v>91</v>
      </c>
      <c r="D44" s="17">
        <v>185</v>
      </c>
    </row>
    <row r="45" spans="1:4" ht="18" customHeight="1" x14ac:dyDescent="0.2">
      <c r="A45" s="14">
        <v>33</v>
      </c>
      <c r="B45" s="15">
        <v>79</v>
      </c>
      <c r="C45" s="16">
        <v>82</v>
      </c>
      <c r="D45" s="17">
        <v>161</v>
      </c>
    </row>
    <row r="46" spans="1:4" ht="18" customHeight="1" x14ac:dyDescent="0.2">
      <c r="A46" s="14">
        <v>34</v>
      </c>
      <c r="B46" s="15">
        <v>86</v>
      </c>
      <c r="C46" s="16">
        <v>77</v>
      </c>
      <c r="D46" s="17">
        <v>163</v>
      </c>
    </row>
    <row r="47" spans="1:4" ht="18" customHeight="1" x14ac:dyDescent="0.2">
      <c r="A47" s="18" t="s">
        <v>55</v>
      </c>
      <c r="B47" s="15">
        <v>440</v>
      </c>
      <c r="C47" s="16">
        <v>412</v>
      </c>
      <c r="D47" s="17">
        <v>852</v>
      </c>
    </row>
    <row r="48" spans="1:4" ht="18" customHeight="1" x14ac:dyDescent="0.2">
      <c r="A48" s="14">
        <v>35</v>
      </c>
      <c r="B48" s="15">
        <v>92</v>
      </c>
      <c r="C48" s="16">
        <v>101</v>
      </c>
      <c r="D48" s="17">
        <v>193</v>
      </c>
    </row>
    <row r="49" spans="1:4" ht="18" customHeight="1" x14ac:dyDescent="0.2">
      <c r="A49" s="14">
        <v>36</v>
      </c>
      <c r="B49" s="15">
        <v>97</v>
      </c>
      <c r="C49" s="16">
        <v>93</v>
      </c>
      <c r="D49" s="17">
        <v>190</v>
      </c>
    </row>
    <row r="50" spans="1:4" ht="18" customHeight="1" x14ac:dyDescent="0.2">
      <c r="A50" s="14">
        <v>37</v>
      </c>
      <c r="B50" s="15">
        <v>93</v>
      </c>
      <c r="C50" s="16">
        <v>83</v>
      </c>
      <c r="D50" s="17">
        <v>176</v>
      </c>
    </row>
    <row r="51" spans="1:4" ht="18" customHeight="1" x14ac:dyDescent="0.2">
      <c r="A51" s="14">
        <v>38</v>
      </c>
      <c r="B51" s="15">
        <v>105</v>
      </c>
      <c r="C51" s="16">
        <v>80</v>
      </c>
      <c r="D51" s="17">
        <v>185</v>
      </c>
    </row>
    <row r="52" spans="1:4" ht="18" customHeight="1" x14ac:dyDescent="0.2">
      <c r="A52" s="14">
        <v>39</v>
      </c>
      <c r="B52" s="15">
        <v>81</v>
      </c>
      <c r="C52" s="16">
        <v>96</v>
      </c>
      <c r="D52" s="17">
        <v>177</v>
      </c>
    </row>
    <row r="53" spans="1:4" ht="18" customHeight="1" x14ac:dyDescent="0.2">
      <c r="A53" s="18" t="s">
        <v>56</v>
      </c>
      <c r="B53" s="15">
        <v>468</v>
      </c>
      <c r="C53" s="16">
        <v>453</v>
      </c>
      <c r="D53" s="17">
        <v>921</v>
      </c>
    </row>
    <row r="54" spans="1:4" ht="18" customHeight="1" x14ac:dyDescent="0.2">
      <c r="A54" s="14">
        <v>40</v>
      </c>
      <c r="B54" s="15">
        <v>104</v>
      </c>
      <c r="C54" s="16">
        <v>89</v>
      </c>
      <c r="D54" s="17">
        <v>193</v>
      </c>
    </row>
    <row r="55" spans="1:4" ht="18" customHeight="1" x14ac:dyDescent="0.2">
      <c r="A55" s="14">
        <v>41</v>
      </c>
      <c r="B55" s="15">
        <v>99</v>
      </c>
      <c r="C55" s="16">
        <v>110</v>
      </c>
      <c r="D55" s="17">
        <v>209</v>
      </c>
    </row>
    <row r="56" spans="1:4" ht="18" customHeight="1" x14ac:dyDescent="0.2">
      <c r="A56" s="14">
        <v>42</v>
      </c>
      <c r="B56" s="15">
        <v>112</v>
      </c>
      <c r="C56" s="16">
        <v>87</v>
      </c>
      <c r="D56" s="17">
        <v>199</v>
      </c>
    </row>
    <row r="57" spans="1:4" ht="18" customHeight="1" x14ac:dyDescent="0.2">
      <c r="A57" s="14">
        <v>43</v>
      </c>
      <c r="B57" s="15">
        <v>104</v>
      </c>
      <c r="C57" s="16">
        <v>96</v>
      </c>
      <c r="D57" s="17">
        <v>200</v>
      </c>
    </row>
    <row r="58" spans="1:4" ht="18" customHeight="1" x14ac:dyDescent="0.2">
      <c r="A58" s="14">
        <v>44</v>
      </c>
      <c r="B58" s="15">
        <v>115</v>
      </c>
      <c r="C58" s="16">
        <v>103</v>
      </c>
      <c r="D58" s="17">
        <v>218</v>
      </c>
    </row>
    <row r="59" spans="1:4" ht="18" customHeight="1" x14ac:dyDescent="0.2">
      <c r="A59" s="18" t="s">
        <v>57</v>
      </c>
      <c r="B59" s="15">
        <v>534</v>
      </c>
      <c r="C59" s="16">
        <v>485</v>
      </c>
      <c r="D59" s="17">
        <v>1019</v>
      </c>
    </row>
    <row r="60" spans="1:4" ht="18" customHeight="1" x14ac:dyDescent="0.2">
      <c r="A60" s="14">
        <v>45</v>
      </c>
      <c r="B60" s="15">
        <v>117</v>
      </c>
      <c r="C60" s="16">
        <v>138</v>
      </c>
      <c r="D60" s="17">
        <v>255</v>
      </c>
    </row>
    <row r="61" spans="1:4" ht="18" customHeight="1" x14ac:dyDescent="0.2">
      <c r="A61" s="14">
        <v>46</v>
      </c>
      <c r="B61" s="15">
        <v>131</v>
      </c>
      <c r="C61" s="16">
        <v>131</v>
      </c>
      <c r="D61" s="17">
        <v>262</v>
      </c>
    </row>
    <row r="62" spans="1:4" ht="18" customHeight="1" x14ac:dyDescent="0.2">
      <c r="A62" s="14">
        <v>47</v>
      </c>
      <c r="B62" s="15">
        <v>119</v>
      </c>
      <c r="C62" s="16">
        <v>118</v>
      </c>
      <c r="D62" s="17">
        <v>237</v>
      </c>
    </row>
    <row r="63" spans="1:4" ht="18" customHeight="1" x14ac:dyDescent="0.2">
      <c r="A63" s="14">
        <v>48</v>
      </c>
      <c r="B63" s="15">
        <v>124</v>
      </c>
      <c r="C63" s="16">
        <v>119</v>
      </c>
      <c r="D63" s="17">
        <v>243</v>
      </c>
    </row>
    <row r="64" spans="1:4" ht="18" customHeight="1" x14ac:dyDescent="0.2">
      <c r="A64" s="14">
        <v>49</v>
      </c>
      <c r="B64" s="15">
        <v>114</v>
      </c>
      <c r="C64" s="16">
        <v>105</v>
      </c>
      <c r="D64" s="17">
        <v>219</v>
      </c>
    </row>
    <row r="65" spans="1:4" ht="18" customHeight="1" x14ac:dyDescent="0.2">
      <c r="A65" s="18" t="s">
        <v>58</v>
      </c>
      <c r="B65" s="15">
        <v>605</v>
      </c>
      <c r="C65" s="16">
        <v>611</v>
      </c>
      <c r="D65" s="17">
        <v>1216</v>
      </c>
    </row>
    <row r="66" spans="1:4" ht="18" customHeight="1" x14ac:dyDescent="0.2">
      <c r="A66" s="14">
        <v>50</v>
      </c>
      <c r="B66" s="15">
        <v>109</v>
      </c>
      <c r="C66" s="16">
        <v>107</v>
      </c>
      <c r="D66" s="17">
        <v>216</v>
      </c>
    </row>
    <row r="67" spans="1:4" ht="18" customHeight="1" x14ac:dyDescent="0.2">
      <c r="A67" s="14">
        <v>51</v>
      </c>
      <c r="B67" s="15">
        <v>123</v>
      </c>
      <c r="C67" s="16">
        <v>99</v>
      </c>
      <c r="D67" s="17">
        <v>222</v>
      </c>
    </row>
    <row r="68" spans="1:4" ht="18" customHeight="1" x14ac:dyDescent="0.2">
      <c r="A68" s="14">
        <v>52</v>
      </c>
      <c r="B68" s="15">
        <v>111</v>
      </c>
      <c r="C68" s="16">
        <v>112</v>
      </c>
      <c r="D68" s="17">
        <v>223</v>
      </c>
    </row>
    <row r="69" spans="1:4" ht="18" customHeight="1" x14ac:dyDescent="0.2">
      <c r="A69" s="14">
        <v>53</v>
      </c>
      <c r="B69" s="15">
        <v>111</v>
      </c>
      <c r="C69" s="16">
        <v>99</v>
      </c>
      <c r="D69" s="17">
        <v>210</v>
      </c>
    </row>
    <row r="70" spans="1:4" ht="18" customHeight="1" x14ac:dyDescent="0.2">
      <c r="A70" s="14">
        <v>54</v>
      </c>
      <c r="B70" s="15">
        <v>88</v>
      </c>
      <c r="C70" s="16">
        <v>98</v>
      </c>
      <c r="D70" s="17">
        <v>186</v>
      </c>
    </row>
    <row r="71" spans="1:4" ht="18" customHeight="1" x14ac:dyDescent="0.2">
      <c r="A71" s="18" t="s">
        <v>59</v>
      </c>
      <c r="B71" s="15">
        <v>542</v>
      </c>
      <c r="C71" s="16">
        <v>515</v>
      </c>
      <c r="D71" s="17">
        <v>1057</v>
      </c>
    </row>
    <row r="72" spans="1:4" ht="18" customHeight="1" x14ac:dyDescent="0.2">
      <c r="A72" s="14">
        <v>55</v>
      </c>
      <c r="B72" s="15">
        <v>95</v>
      </c>
      <c r="C72" s="16">
        <v>98</v>
      </c>
      <c r="D72" s="17">
        <v>193</v>
      </c>
    </row>
    <row r="73" spans="1:4" ht="18" customHeight="1" x14ac:dyDescent="0.2">
      <c r="A73" s="14">
        <v>56</v>
      </c>
      <c r="B73" s="15">
        <v>105</v>
      </c>
      <c r="C73" s="16">
        <v>98</v>
      </c>
      <c r="D73" s="17">
        <v>203</v>
      </c>
    </row>
    <row r="74" spans="1:4" ht="18" customHeight="1" x14ac:dyDescent="0.2">
      <c r="A74" s="14">
        <v>57</v>
      </c>
      <c r="B74" s="15">
        <v>105</v>
      </c>
      <c r="C74" s="16">
        <v>115</v>
      </c>
      <c r="D74" s="17">
        <v>220</v>
      </c>
    </row>
    <row r="75" spans="1:4" ht="18" customHeight="1" x14ac:dyDescent="0.2">
      <c r="A75" s="14">
        <v>58</v>
      </c>
      <c r="B75" s="15">
        <v>92</v>
      </c>
      <c r="C75" s="16">
        <v>97</v>
      </c>
      <c r="D75" s="17">
        <v>189</v>
      </c>
    </row>
    <row r="76" spans="1:4" ht="18" customHeight="1" x14ac:dyDescent="0.2">
      <c r="A76" s="14">
        <v>59</v>
      </c>
      <c r="B76" s="15">
        <v>100</v>
      </c>
      <c r="C76" s="16">
        <v>87</v>
      </c>
      <c r="D76" s="17">
        <v>187</v>
      </c>
    </row>
    <row r="77" spans="1:4" ht="18" customHeight="1" x14ac:dyDescent="0.2">
      <c r="A77" s="18" t="s">
        <v>60</v>
      </c>
      <c r="B77" s="15">
        <v>497</v>
      </c>
      <c r="C77" s="16">
        <v>495</v>
      </c>
      <c r="D77" s="17">
        <v>992</v>
      </c>
    </row>
    <row r="78" spans="1:4" ht="18" customHeight="1" x14ac:dyDescent="0.2">
      <c r="A78" s="14">
        <v>60</v>
      </c>
      <c r="B78" s="15">
        <v>94</v>
      </c>
      <c r="C78" s="16">
        <v>86</v>
      </c>
      <c r="D78" s="17">
        <v>180</v>
      </c>
    </row>
    <row r="79" spans="1:4" ht="18" customHeight="1" x14ac:dyDescent="0.2">
      <c r="A79" s="14">
        <v>61</v>
      </c>
      <c r="B79" s="15">
        <v>88</v>
      </c>
      <c r="C79" s="16">
        <v>100</v>
      </c>
      <c r="D79" s="17">
        <v>188</v>
      </c>
    </row>
    <row r="80" spans="1:4" ht="18" customHeight="1" x14ac:dyDescent="0.2">
      <c r="A80" s="14">
        <v>62</v>
      </c>
      <c r="B80" s="15">
        <v>74</v>
      </c>
      <c r="C80" s="16">
        <v>75</v>
      </c>
      <c r="D80" s="17">
        <v>149</v>
      </c>
    </row>
    <row r="81" spans="1:4" ht="18" customHeight="1" x14ac:dyDescent="0.2">
      <c r="A81" s="14">
        <v>63</v>
      </c>
      <c r="B81" s="15">
        <v>93</v>
      </c>
      <c r="C81" s="16">
        <v>98</v>
      </c>
      <c r="D81" s="17">
        <v>191</v>
      </c>
    </row>
    <row r="82" spans="1:4" ht="18" customHeight="1" x14ac:dyDescent="0.2">
      <c r="A82" s="14">
        <v>64</v>
      </c>
      <c r="B82" s="15">
        <v>87</v>
      </c>
      <c r="C82" s="16">
        <v>100</v>
      </c>
      <c r="D82" s="17">
        <v>187</v>
      </c>
    </row>
    <row r="83" spans="1:4" ht="18" customHeight="1" x14ac:dyDescent="0.2">
      <c r="A83" s="18" t="s">
        <v>61</v>
      </c>
      <c r="B83" s="15">
        <v>436</v>
      </c>
      <c r="C83" s="16">
        <v>459</v>
      </c>
      <c r="D83" s="17">
        <v>895</v>
      </c>
    </row>
    <row r="84" spans="1:4" ht="18" customHeight="1" x14ac:dyDescent="0.2">
      <c r="A84" s="18" t="s">
        <v>62</v>
      </c>
      <c r="B84" s="15">
        <v>4678</v>
      </c>
      <c r="C84" s="16">
        <v>4490</v>
      </c>
      <c r="D84" s="17">
        <v>9168</v>
      </c>
    </row>
    <row r="85" spans="1:4" ht="18" customHeight="1" x14ac:dyDescent="0.2">
      <c r="A85" s="14">
        <v>65</v>
      </c>
      <c r="B85" s="15">
        <v>104</v>
      </c>
      <c r="C85" s="16">
        <v>101</v>
      </c>
      <c r="D85" s="17">
        <v>205</v>
      </c>
    </row>
    <row r="86" spans="1:4" ht="18" customHeight="1" x14ac:dyDescent="0.2">
      <c r="A86" s="14">
        <v>66</v>
      </c>
      <c r="B86" s="15">
        <v>87</v>
      </c>
      <c r="C86" s="16">
        <v>91</v>
      </c>
      <c r="D86" s="17">
        <v>178</v>
      </c>
    </row>
    <row r="87" spans="1:4" ht="18" customHeight="1" x14ac:dyDescent="0.2">
      <c r="A87" s="14">
        <v>67</v>
      </c>
      <c r="B87" s="15">
        <v>110</v>
      </c>
      <c r="C87" s="16">
        <v>111</v>
      </c>
      <c r="D87" s="17">
        <v>221</v>
      </c>
    </row>
    <row r="88" spans="1:4" ht="18" customHeight="1" x14ac:dyDescent="0.2">
      <c r="A88" s="14">
        <v>68</v>
      </c>
      <c r="B88" s="15">
        <v>97</v>
      </c>
      <c r="C88" s="16">
        <v>116</v>
      </c>
      <c r="D88" s="17">
        <v>213</v>
      </c>
    </row>
    <row r="89" spans="1:4" ht="18" customHeight="1" x14ac:dyDescent="0.2">
      <c r="A89" s="14">
        <v>69</v>
      </c>
      <c r="B89" s="15">
        <v>114</v>
      </c>
      <c r="C89" s="16">
        <v>118</v>
      </c>
      <c r="D89" s="17">
        <v>232</v>
      </c>
    </row>
    <row r="90" spans="1:4" ht="18" customHeight="1" x14ac:dyDescent="0.2">
      <c r="A90" s="18" t="s">
        <v>63</v>
      </c>
      <c r="B90" s="15">
        <v>512</v>
      </c>
      <c r="C90" s="16">
        <v>537</v>
      </c>
      <c r="D90" s="17">
        <v>1049</v>
      </c>
    </row>
    <row r="91" spans="1:4" ht="18" customHeight="1" x14ac:dyDescent="0.2">
      <c r="A91" s="14">
        <v>70</v>
      </c>
      <c r="B91" s="15">
        <v>107</v>
      </c>
      <c r="C91" s="16">
        <v>147</v>
      </c>
      <c r="D91" s="17">
        <v>254</v>
      </c>
    </row>
    <row r="92" spans="1:4" ht="18" customHeight="1" x14ac:dyDescent="0.2">
      <c r="A92" s="14">
        <v>71</v>
      </c>
      <c r="B92" s="15">
        <v>137</v>
      </c>
      <c r="C92" s="16">
        <v>140</v>
      </c>
      <c r="D92" s="17">
        <v>277</v>
      </c>
    </row>
    <row r="93" spans="1:4" ht="18" customHeight="1" x14ac:dyDescent="0.2">
      <c r="A93" s="14">
        <v>72</v>
      </c>
      <c r="B93" s="15">
        <v>133</v>
      </c>
      <c r="C93" s="16">
        <v>136</v>
      </c>
      <c r="D93" s="17">
        <v>269</v>
      </c>
    </row>
    <row r="94" spans="1:4" ht="18" customHeight="1" x14ac:dyDescent="0.2">
      <c r="A94" s="14">
        <v>73</v>
      </c>
      <c r="B94" s="15">
        <v>115</v>
      </c>
      <c r="C94" s="16">
        <v>134</v>
      </c>
      <c r="D94" s="17">
        <v>249</v>
      </c>
    </row>
    <row r="95" spans="1:4" ht="18" customHeight="1" x14ac:dyDescent="0.2">
      <c r="A95" s="14">
        <v>74</v>
      </c>
      <c r="B95" s="15">
        <v>65</v>
      </c>
      <c r="C95" s="16">
        <v>74</v>
      </c>
      <c r="D95" s="17">
        <v>139</v>
      </c>
    </row>
    <row r="96" spans="1:4" ht="18" customHeight="1" x14ac:dyDescent="0.2">
      <c r="A96" s="18" t="s">
        <v>64</v>
      </c>
      <c r="B96" s="15">
        <v>557</v>
      </c>
      <c r="C96" s="16">
        <v>631</v>
      </c>
      <c r="D96" s="17">
        <v>1188</v>
      </c>
    </row>
    <row r="97" spans="1:4" ht="18" customHeight="1" x14ac:dyDescent="0.2">
      <c r="A97" s="14">
        <v>75</v>
      </c>
      <c r="B97" s="15">
        <v>73</v>
      </c>
      <c r="C97" s="16">
        <v>93</v>
      </c>
      <c r="D97" s="17">
        <v>166</v>
      </c>
    </row>
    <row r="98" spans="1:4" ht="18" customHeight="1" x14ac:dyDescent="0.2">
      <c r="A98" s="14">
        <v>76</v>
      </c>
      <c r="B98" s="15">
        <v>92</v>
      </c>
      <c r="C98" s="16">
        <v>127</v>
      </c>
      <c r="D98" s="17">
        <v>219</v>
      </c>
    </row>
    <row r="99" spans="1:4" ht="18" customHeight="1" x14ac:dyDescent="0.2">
      <c r="A99" s="14">
        <v>77</v>
      </c>
      <c r="B99" s="15">
        <v>76</v>
      </c>
      <c r="C99" s="16">
        <v>106</v>
      </c>
      <c r="D99" s="17">
        <v>182</v>
      </c>
    </row>
    <row r="100" spans="1:4" ht="18" customHeight="1" x14ac:dyDescent="0.2">
      <c r="A100" s="14">
        <v>78</v>
      </c>
      <c r="B100" s="15">
        <v>85</v>
      </c>
      <c r="C100" s="16">
        <v>91</v>
      </c>
      <c r="D100" s="17">
        <v>176</v>
      </c>
    </row>
    <row r="101" spans="1:4" ht="18" customHeight="1" x14ac:dyDescent="0.2">
      <c r="A101" s="14">
        <v>79</v>
      </c>
      <c r="B101" s="15">
        <v>71</v>
      </c>
      <c r="C101" s="16">
        <v>69</v>
      </c>
      <c r="D101" s="17">
        <v>140</v>
      </c>
    </row>
    <row r="102" spans="1:4" ht="18" customHeight="1" x14ac:dyDescent="0.2">
      <c r="A102" s="18" t="s">
        <v>65</v>
      </c>
      <c r="B102" s="15">
        <v>397</v>
      </c>
      <c r="C102" s="16">
        <v>486</v>
      </c>
      <c r="D102" s="17">
        <v>883</v>
      </c>
    </row>
    <row r="103" spans="1:4" ht="18" customHeight="1" x14ac:dyDescent="0.2">
      <c r="A103" s="14">
        <v>80</v>
      </c>
      <c r="B103" s="15">
        <v>79</v>
      </c>
      <c r="C103" s="16">
        <v>85</v>
      </c>
      <c r="D103" s="17">
        <v>164</v>
      </c>
    </row>
    <row r="104" spans="1:4" ht="18" customHeight="1" x14ac:dyDescent="0.2">
      <c r="A104" s="14">
        <v>81</v>
      </c>
      <c r="B104" s="15">
        <v>60</v>
      </c>
      <c r="C104" s="16">
        <v>85</v>
      </c>
      <c r="D104" s="17">
        <v>145</v>
      </c>
    </row>
    <row r="105" spans="1:4" ht="18" customHeight="1" x14ac:dyDescent="0.2">
      <c r="A105" s="14">
        <v>82</v>
      </c>
      <c r="B105" s="15">
        <v>50</v>
      </c>
      <c r="C105" s="16">
        <v>75</v>
      </c>
      <c r="D105" s="17">
        <v>125</v>
      </c>
    </row>
    <row r="106" spans="1:4" ht="18" customHeight="1" x14ac:dyDescent="0.2">
      <c r="A106" s="14">
        <v>83</v>
      </c>
      <c r="B106" s="15">
        <v>49</v>
      </c>
      <c r="C106" s="16">
        <v>78</v>
      </c>
      <c r="D106" s="17">
        <v>127</v>
      </c>
    </row>
    <row r="107" spans="1:4" ht="18" customHeight="1" x14ac:dyDescent="0.2">
      <c r="A107" s="14">
        <v>84</v>
      </c>
      <c r="B107" s="15">
        <v>56</v>
      </c>
      <c r="C107" s="16">
        <v>63</v>
      </c>
      <c r="D107" s="17">
        <v>119</v>
      </c>
    </row>
    <row r="108" spans="1:4" ht="18" customHeight="1" x14ac:dyDescent="0.2">
      <c r="A108" s="18" t="s">
        <v>66</v>
      </c>
      <c r="B108" s="15">
        <v>294</v>
      </c>
      <c r="C108" s="16">
        <v>386</v>
      </c>
      <c r="D108" s="17">
        <v>680</v>
      </c>
    </row>
    <row r="109" spans="1:4" ht="18" customHeight="1" x14ac:dyDescent="0.2">
      <c r="A109" s="14">
        <v>85</v>
      </c>
      <c r="B109" s="15">
        <v>29</v>
      </c>
      <c r="C109" s="16">
        <v>43</v>
      </c>
      <c r="D109" s="17">
        <v>72</v>
      </c>
    </row>
    <row r="110" spans="1:4" ht="18" customHeight="1" x14ac:dyDescent="0.2">
      <c r="A110" s="14">
        <v>86</v>
      </c>
      <c r="B110" s="15">
        <v>27</v>
      </c>
      <c r="C110" s="16">
        <v>57</v>
      </c>
      <c r="D110" s="17">
        <v>84</v>
      </c>
    </row>
    <row r="111" spans="1:4" ht="18" customHeight="1" x14ac:dyDescent="0.2">
      <c r="A111" s="14">
        <v>87</v>
      </c>
      <c r="B111" s="15">
        <v>30</v>
      </c>
      <c r="C111" s="16">
        <v>41</v>
      </c>
      <c r="D111" s="17">
        <v>71</v>
      </c>
    </row>
    <row r="112" spans="1:4" ht="18" customHeight="1" x14ac:dyDescent="0.2">
      <c r="A112" s="14">
        <v>88</v>
      </c>
      <c r="B112" s="15">
        <v>20</v>
      </c>
      <c r="C112" s="16">
        <v>50</v>
      </c>
      <c r="D112" s="17">
        <v>70</v>
      </c>
    </row>
    <row r="113" spans="1:4" ht="18" customHeight="1" x14ac:dyDescent="0.2">
      <c r="A113" s="14">
        <v>89</v>
      </c>
      <c r="B113" s="15">
        <v>15</v>
      </c>
      <c r="C113" s="16">
        <v>34</v>
      </c>
      <c r="D113" s="17">
        <v>49</v>
      </c>
    </row>
    <row r="114" spans="1:4" ht="18" customHeight="1" x14ac:dyDescent="0.2">
      <c r="A114" s="18" t="s">
        <v>67</v>
      </c>
      <c r="B114" s="15">
        <v>121</v>
      </c>
      <c r="C114" s="16">
        <v>225</v>
      </c>
      <c r="D114" s="17">
        <v>346</v>
      </c>
    </row>
    <row r="115" spans="1:4" ht="18" customHeight="1" x14ac:dyDescent="0.2">
      <c r="A115" s="14">
        <v>90</v>
      </c>
      <c r="B115" s="15">
        <v>19</v>
      </c>
      <c r="C115" s="16">
        <v>31</v>
      </c>
      <c r="D115" s="17">
        <v>50</v>
      </c>
    </row>
    <row r="116" spans="1:4" ht="18" customHeight="1" x14ac:dyDescent="0.2">
      <c r="A116" s="14">
        <v>91</v>
      </c>
      <c r="B116" s="15">
        <v>11</v>
      </c>
      <c r="C116" s="16">
        <v>56</v>
      </c>
      <c r="D116" s="17">
        <v>67</v>
      </c>
    </row>
    <row r="117" spans="1:4" ht="18" customHeight="1" x14ac:dyDescent="0.2">
      <c r="A117" s="14">
        <v>92</v>
      </c>
      <c r="B117" s="15">
        <v>10</v>
      </c>
      <c r="C117" s="16">
        <v>30</v>
      </c>
      <c r="D117" s="17">
        <v>40</v>
      </c>
    </row>
    <row r="118" spans="1:4" ht="18" customHeight="1" x14ac:dyDescent="0.2">
      <c r="A118" s="14">
        <v>93</v>
      </c>
      <c r="B118" s="15">
        <v>7</v>
      </c>
      <c r="C118" s="16">
        <v>20</v>
      </c>
      <c r="D118" s="17">
        <v>27</v>
      </c>
    </row>
    <row r="119" spans="1:4" ht="18" customHeight="1" x14ac:dyDescent="0.2">
      <c r="A119" s="14">
        <v>94</v>
      </c>
      <c r="B119" s="15">
        <v>1</v>
      </c>
      <c r="C119" s="16">
        <v>13</v>
      </c>
      <c r="D119" s="17">
        <v>14</v>
      </c>
    </row>
    <row r="120" spans="1:4" ht="18" customHeight="1" x14ac:dyDescent="0.2">
      <c r="A120" s="18" t="s">
        <v>68</v>
      </c>
      <c r="B120" s="15">
        <v>48</v>
      </c>
      <c r="C120" s="16">
        <v>150</v>
      </c>
      <c r="D120" s="17">
        <v>198</v>
      </c>
    </row>
    <row r="121" spans="1:4" ht="18" customHeight="1" x14ac:dyDescent="0.2">
      <c r="A121" s="14">
        <v>95</v>
      </c>
      <c r="B121" s="15">
        <v>6</v>
      </c>
      <c r="C121" s="16">
        <v>25</v>
      </c>
      <c r="D121" s="17">
        <v>31</v>
      </c>
    </row>
    <row r="122" spans="1:4" ht="18" customHeight="1" x14ac:dyDescent="0.2">
      <c r="A122" s="14">
        <v>96</v>
      </c>
      <c r="B122" s="15">
        <v>2</v>
      </c>
      <c r="C122" s="16">
        <v>12</v>
      </c>
      <c r="D122" s="17">
        <v>14</v>
      </c>
    </row>
    <row r="123" spans="1:4" ht="18" customHeight="1" x14ac:dyDescent="0.2">
      <c r="A123" s="14">
        <v>97</v>
      </c>
      <c r="B123" s="15">
        <v>1</v>
      </c>
      <c r="C123" s="16">
        <v>12</v>
      </c>
      <c r="D123" s="17">
        <v>13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7</v>
      </c>
      <c r="D125" s="17">
        <v>7</v>
      </c>
    </row>
    <row r="126" spans="1:4" ht="18" customHeight="1" x14ac:dyDescent="0.2">
      <c r="A126" s="18" t="s">
        <v>69</v>
      </c>
      <c r="B126" s="15">
        <v>9</v>
      </c>
      <c r="C126" s="16">
        <v>60</v>
      </c>
      <c r="D126" s="17">
        <v>69</v>
      </c>
    </row>
    <row r="127" spans="1:4" ht="18" customHeight="1" x14ac:dyDescent="0.2">
      <c r="A127" s="14">
        <v>100</v>
      </c>
      <c r="B127" s="15">
        <v>1</v>
      </c>
      <c r="C127" s="16">
        <v>6</v>
      </c>
      <c r="D127" s="17">
        <v>7</v>
      </c>
    </row>
    <row r="128" spans="1:4" ht="18" customHeight="1" x14ac:dyDescent="0.2">
      <c r="A128" s="19" t="s">
        <v>70</v>
      </c>
      <c r="B128" s="15">
        <v>1</v>
      </c>
      <c r="C128" s="16">
        <v>5</v>
      </c>
      <c r="D128" s="17">
        <v>6</v>
      </c>
    </row>
    <row r="129" spans="1:4" ht="18" customHeight="1" x14ac:dyDescent="0.2">
      <c r="A129" s="18" t="s">
        <v>71</v>
      </c>
      <c r="B129" s="15">
        <v>2</v>
      </c>
      <c r="C129" s="16">
        <v>11</v>
      </c>
      <c r="D129" s="17">
        <v>13</v>
      </c>
    </row>
    <row r="130" spans="1:4" ht="18" customHeight="1" x14ac:dyDescent="0.2">
      <c r="A130" s="18" t="s">
        <v>72</v>
      </c>
      <c r="B130" s="4">
        <v>1940</v>
      </c>
      <c r="C130" s="5">
        <v>2486</v>
      </c>
      <c r="D130" s="6">
        <v>4426</v>
      </c>
    </row>
    <row r="131" spans="1:4" ht="18" customHeight="1" x14ac:dyDescent="0.2">
      <c r="A131" s="20" t="s">
        <v>47</v>
      </c>
      <c r="B131" s="7">
        <v>7639</v>
      </c>
      <c r="C131" s="8">
        <v>7929</v>
      </c>
      <c r="D131" s="9">
        <v>1556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3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1</v>
      </c>
      <c r="C5" s="12">
        <v>45</v>
      </c>
      <c r="D5" s="13">
        <v>86</v>
      </c>
    </row>
    <row r="6" spans="1:4" ht="18" customHeight="1" x14ac:dyDescent="0.2">
      <c r="A6" s="14">
        <v>1</v>
      </c>
      <c r="B6" s="15">
        <v>31</v>
      </c>
      <c r="C6" s="16">
        <v>58</v>
      </c>
      <c r="D6" s="17">
        <v>89</v>
      </c>
    </row>
    <row r="7" spans="1:4" ht="18" customHeight="1" x14ac:dyDescent="0.2">
      <c r="A7" s="14">
        <v>2</v>
      </c>
      <c r="B7" s="15">
        <v>41</v>
      </c>
      <c r="C7" s="16">
        <v>49</v>
      </c>
      <c r="D7" s="17">
        <v>90</v>
      </c>
    </row>
    <row r="8" spans="1:4" ht="18" customHeight="1" x14ac:dyDescent="0.2">
      <c r="A8" s="14">
        <v>3</v>
      </c>
      <c r="B8" s="15">
        <v>46</v>
      </c>
      <c r="C8" s="16">
        <v>34</v>
      </c>
      <c r="D8" s="17">
        <v>80</v>
      </c>
    </row>
    <row r="9" spans="1:4" ht="18" customHeight="1" x14ac:dyDescent="0.2">
      <c r="A9" s="14">
        <v>4</v>
      </c>
      <c r="B9" s="15">
        <v>35</v>
      </c>
      <c r="C9" s="16">
        <v>45</v>
      </c>
      <c r="D9" s="17">
        <v>80</v>
      </c>
    </row>
    <row r="10" spans="1:4" ht="18" customHeight="1" x14ac:dyDescent="0.2">
      <c r="A10" s="18" t="s">
        <v>48</v>
      </c>
      <c r="B10" s="15">
        <v>194</v>
      </c>
      <c r="C10" s="16">
        <v>231</v>
      </c>
      <c r="D10" s="17">
        <v>425</v>
      </c>
    </row>
    <row r="11" spans="1:4" ht="18" customHeight="1" x14ac:dyDescent="0.2">
      <c r="A11" s="14">
        <v>5</v>
      </c>
      <c r="B11" s="15">
        <v>34</v>
      </c>
      <c r="C11" s="16">
        <v>32</v>
      </c>
      <c r="D11" s="17">
        <v>66</v>
      </c>
    </row>
    <row r="12" spans="1:4" ht="18" customHeight="1" x14ac:dyDescent="0.2">
      <c r="A12" s="14">
        <v>6</v>
      </c>
      <c r="B12" s="15">
        <v>28</v>
      </c>
      <c r="C12" s="16">
        <v>24</v>
      </c>
      <c r="D12" s="17">
        <v>52</v>
      </c>
    </row>
    <row r="13" spans="1:4" ht="18" customHeight="1" x14ac:dyDescent="0.2">
      <c r="A13" s="14">
        <v>7</v>
      </c>
      <c r="B13" s="15">
        <v>29</v>
      </c>
      <c r="C13" s="16">
        <v>31</v>
      </c>
      <c r="D13" s="17">
        <v>60</v>
      </c>
    </row>
    <row r="14" spans="1:4" ht="18" customHeight="1" x14ac:dyDescent="0.2">
      <c r="A14" s="14">
        <v>8</v>
      </c>
      <c r="B14" s="15">
        <v>26</v>
      </c>
      <c r="C14" s="16">
        <v>31</v>
      </c>
      <c r="D14" s="17">
        <v>57</v>
      </c>
    </row>
    <row r="15" spans="1:4" ht="18" customHeight="1" x14ac:dyDescent="0.2">
      <c r="A15" s="14">
        <v>9</v>
      </c>
      <c r="B15" s="15">
        <v>23</v>
      </c>
      <c r="C15" s="16">
        <v>32</v>
      </c>
      <c r="D15" s="17">
        <v>55</v>
      </c>
    </row>
    <row r="16" spans="1:4" ht="18" customHeight="1" x14ac:dyDescent="0.2">
      <c r="A16" s="18" t="s">
        <v>49</v>
      </c>
      <c r="B16" s="15">
        <v>140</v>
      </c>
      <c r="C16" s="16">
        <v>150</v>
      </c>
      <c r="D16" s="17">
        <v>290</v>
      </c>
    </row>
    <row r="17" spans="1:4" ht="18" customHeight="1" x14ac:dyDescent="0.2">
      <c r="A17" s="14">
        <v>10</v>
      </c>
      <c r="B17" s="15">
        <v>39</v>
      </c>
      <c r="C17" s="16">
        <v>27</v>
      </c>
      <c r="D17" s="17">
        <v>66</v>
      </c>
    </row>
    <row r="18" spans="1:4" ht="18" customHeight="1" x14ac:dyDescent="0.2">
      <c r="A18" s="14">
        <v>11</v>
      </c>
      <c r="B18" s="15">
        <v>37</v>
      </c>
      <c r="C18" s="16">
        <v>38</v>
      </c>
      <c r="D18" s="17">
        <v>75</v>
      </c>
    </row>
    <row r="19" spans="1:4" ht="18" customHeight="1" x14ac:dyDescent="0.2">
      <c r="A19" s="14">
        <v>12</v>
      </c>
      <c r="B19" s="15">
        <v>42</v>
      </c>
      <c r="C19" s="16">
        <v>52</v>
      </c>
      <c r="D19" s="17">
        <v>94</v>
      </c>
    </row>
    <row r="20" spans="1:4" ht="18" customHeight="1" x14ac:dyDescent="0.2">
      <c r="A20" s="14">
        <v>13</v>
      </c>
      <c r="B20" s="15">
        <v>32</v>
      </c>
      <c r="C20" s="16">
        <v>41</v>
      </c>
      <c r="D20" s="17">
        <v>73</v>
      </c>
    </row>
    <row r="21" spans="1:4" ht="18" customHeight="1" x14ac:dyDescent="0.2">
      <c r="A21" s="14">
        <v>14</v>
      </c>
      <c r="B21" s="15">
        <v>36</v>
      </c>
      <c r="C21" s="16">
        <v>41</v>
      </c>
      <c r="D21" s="17">
        <v>77</v>
      </c>
    </row>
    <row r="22" spans="1:4" ht="18" customHeight="1" x14ac:dyDescent="0.2">
      <c r="A22" s="18" t="s">
        <v>50</v>
      </c>
      <c r="B22" s="15">
        <v>186</v>
      </c>
      <c r="C22" s="16">
        <v>199</v>
      </c>
      <c r="D22" s="17">
        <v>385</v>
      </c>
    </row>
    <row r="23" spans="1:4" ht="18" customHeight="1" x14ac:dyDescent="0.2">
      <c r="A23" s="18" t="s">
        <v>51</v>
      </c>
      <c r="B23" s="15">
        <v>520</v>
      </c>
      <c r="C23" s="16">
        <v>580</v>
      </c>
      <c r="D23" s="17">
        <v>1100</v>
      </c>
    </row>
    <row r="24" spans="1:4" ht="18" customHeight="1" x14ac:dyDescent="0.2">
      <c r="A24" s="14">
        <v>15</v>
      </c>
      <c r="B24" s="15">
        <v>37</v>
      </c>
      <c r="C24" s="16">
        <v>44</v>
      </c>
      <c r="D24" s="17">
        <v>81</v>
      </c>
    </row>
    <row r="25" spans="1:4" ht="18" customHeight="1" x14ac:dyDescent="0.2">
      <c r="A25" s="14">
        <v>16</v>
      </c>
      <c r="B25" s="15">
        <v>37</v>
      </c>
      <c r="C25" s="16">
        <v>36</v>
      </c>
      <c r="D25" s="17">
        <v>73</v>
      </c>
    </row>
    <row r="26" spans="1:4" ht="18" customHeight="1" x14ac:dyDescent="0.2">
      <c r="A26" s="14">
        <v>17</v>
      </c>
      <c r="B26" s="15">
        <v>39</v>
      </c>
      <c r="C26" s="16">
        <v>40</v>
      </c>
      <c r="D26" s="17">
        <v>79</v>
      </c>
    </row>
    <row r="27" spans="1:4" ht="18" customHeight="1" x14ac:dyDescent="0.2">
      <c r="A27" s="14">
        <v>18</v>
      </c>
      <c r="B27" s="15">
        <v>36</v>
      </c>
      <c r="C27" s="16">
        <v>31</v>
      </c>
      <c r="D27" s="17">
        <v>67</v>
      </c>
    </row>
    <row r="28" spans="1:4" ht="18" customHeight="1" x14ac:dyDescent="0.2">
      <c r="A28" s="14">
        <v>19</v>
      </c>
      <c r="B28" s="15">
        <v>43</v>
      </c>
      <c r="C28" s="16">
        <v>45</v>
      </c>
      <c r="D28" s="17">
        <v>88</v>
      </c>
    </row>
    <row r="29" spans="1:4" ht="18" customHeight="1" x14ac:dyDescent="0.2">
      <c r="A29" s="18" t="s">
        <v>52</v>
      </c>
      <c r="B29" s="15">
        <v>192</v>
      </c>
      <c r="C29" s="16">
        <v>196</v>
      </c>
      <c r="D29" s="17">
        <v>388</v>
      </c>
    </row>
    <row r="30" spans="1:4" ht="18" customHeight="1" x14ac:dyDescent="0.2">
      <c r="A30" s="14">
        <v>20</v>
      </c>
      <c r="B30" s="15">
        <v>51</v>
      </c>
      <c r="C30" s="16">
        <v>45</v>
      </c>
      <c r="D30" s="17">
        <v>96</v>
      </c>
    </row>
    <row r="31" spans="1:4" ht="18" customHeight="1" x14ac:dyDescent="0.2">
      <c r="A31" s="14">
        <v>21</v>
      </c>
      <c r="B31" s="15">
        <v>40</v>
      </c>
      <c r="C31" s="16">
        <v>49</v>
      </c>
      <c r="D31" s="17">
        <v>89</v>
      </c>
    </row>
    <row r="32" spans="1:4" ht="18" customHeight="1" x14ac:dyDescent="0.2">
      <c r="A32" s="14">
        <v>22</v>
      </c>
      <c r="B32" s="15">
        <v>54</v>
      </c>
      <c r="C32" s="16">
        <v>45</v>
      </c>
      <c r="D32" s="17">
        <v>99</v>
      </c>
    </row>
    <row r="33" spans="1:4" ht="18" customHeight="1" x14ac:dyDescent="0.2">
      <c r="A33" s="14">
        <v>23</v>
      </c>
      <c r="B33" s="15">
        <v>42</v>
      </c>
      <c r="C33" s="16">
        <v>51</v>
      </c>
      <c r="D33" s="17">
        <v>93</v>
      </c>
    </row>
    <row r="34" spans="1:4" ht="18" customHeight="1" x14ac:dyDescent="0.2">
      <c r="A34" s="14">
        <v>24</v>
      </c>
      <c r="B34" s="15">
        <v>64</v>
      </c>
      <c r="C34" s="16">
        <v>57</v>
      </c>
      <c r="D34" s="17">
        <v>121</v>
      </c>
    </row>
    <row r="35" spans="1:4" ht="18" customHeight="1" x14ac:dyDescent="0.2">
      <c r="A35" s="18" t="s">
        <v>53</v>
      </c>
      <c r="B35" s="15">
        <v>251</v>
      </c>
      <c r="C35" s="16">
        <v>247</v>
      </c>
      <c r="D35" s="17">
        <v>498</v>
      </c>
    </row>
    <row r="36" spans="1:4" ht="18" customHeight="1" x14ac:dyDescent="0.2">
      <c r="A36" s="14">
        <v>25</v>
      </c>
      <c r="B36" s="15">
        <v>59</v>
      </c>
      <c r="C36" s="16">
        <v>54</v>
      </c>
      <c r="D36" s="17">
        <v>113</v>
      </c>
    </row>
    <row r="37" spans="1:4" ht="18" customHeight="1" x14ac:dyDescent="0.2">
      <c r="A37" s="14">
        <v>26</v>
      </c>
      <c r="B37" s="15">
        <v>55</v>
      </c>
      <c r="C37" s="16">
        <v>51</v>
      </c>
      <c r="D37" s="17">
        <v>106</v>
      </c>
    </row>
    <row r="38" spans="1:4" ht="18" customHeight="1" x14ac:dyDescent="0.2">
      <c r="A38" s="14">
        <v>27</v>
      </c>
      <c r="B38" s="15">
        <v>57</v>
      </c>
      <c r="C38" s="16">
        <v>70</v>
      </c>
      <c r="D38" s="17">
        <v>127</v>
      </c>
    </row>
    <row r="39" spans="1:4" ht="18" customHeight="1" x14ac:dyDescent="0.2">
      <c r="A39" s="14">
        <v>28</v>
      </c>
      <c r="B39" s="15">
        <v>61</v>
      </c>
      <c r="C39" s="16">
        <v>63</v>
      </c>
      <c r="D39" s="17">
        <v>124</v>
      </c>
    </row>
    <row r="40" spans="1:4" ht="18" customHeight="1" x14ac:dyDescent="0.2">
      <c r="A40" s="14">
        <v>29</v>
      </c>
      <c r="B40" s="15">
        <v>58</v>
      </c>
      <c r="C40" s="16">
        <v>64</v>
      </c>
      <c r="D40" s="17">
        <v>122</v>
      </c>
    </row>
    <row r="41" spans="1:4" ht="18" customHeight="1" x14ac:dyDescent="0.2">
      <c r="A41" s="18" t="s">
        <v>54</v>
      </c>
      <c r="B41" s="15">
        <v>290</v>
      </c>
      <c r="C41" s="16">
        <v>302</v>
      </c>
      <c r="D41" s="17">
        <v>592</v>
      </c>
    </row>
    <row r="42" spans="1:4" ht="18" customHeight="1" x14ac:dyDescent="0.2">
      <c r="A42" s="14">
        <v>30</v>
      </c>
      <c r="B42" s="15">
        <v>64</v>
      </c>
      <c r="C42" s="16">
        <v>58</v>
      </c>
      <c r="D42" s="17">
        <v>122</v>
      </c>
    </row>
    <row r="43" spans="1:4" ht="18" customHeight="1" x14ac:dyDescent="0.2">
      <c r="A43" s="14">
        <v>31</v>
      </c>
      <c r="B43" s="15">
        <v>57</v>
      </c>
      <c r="C43" s="16">
        <v>60</v>
      </c>
      <c r="D43" s="17">
        <v>117</v>
      </c>
    </row>
    <row r="44" spans="1:4" ht="18" customHeight="1" x14ac:dyDescent="0.2">
      <c r="A44" s="14">
        <v>32</v>
      </c>
      <c r="B44" s="15">
        <v>63</v>
      </c>
      <c r="C44" s="16">
        <v>55</v>
      </c>
      <c r="D44" s="17">
        <v>118</v>
      </c>
    </row>
    <row r="45" spans="1:4" ht="18" customHeight="1" x14ac:dyDescent="0.2">
      <c r="A45" s="14">
        <v>33</v>
      </c>
      <c r="B45" s="15">
        <v>52</v>
      </c>
      <c r="C45" s="16">
        <v>57</v>
      </c>
      <c r="D45" s="17">
        <v>109</v>
      </c>
    </row>
    <row r="46" spans="1:4" ht="18" customHeight="1" x14ac:dyDescent="0.2">
      <c r="A46" s="14">
        <v>34</v>
      </c>
      <c r="B46" s="15">
        <v>63</v>
      </c>
      <c r="C46" s="16">
        <v>55</v>
      </c>
      <c r="D46" s="17">
        <v>118</v>
      </c>
    </row>
    <row r="47" spans="1:4" ht="18" customHeight="1" x14ac:dyDescent="0.2">
      <c r="A47" s="18" t="s">
        <v>55</v>
      </c>
      <c r="B47" s="15">
        <v>299</v>
      </c>
      <c r="C47" s="16">
        <v>285</v>
      </c>
      <c r="D47" s="17">
        <v>584</v>
      </c>
    </row>
    <row r="48" spans="1:4" ht="18" customHeight="1" x14ac:dyDescent="0.2">
      <c r="A48" s="14">
        <v>35</v>
      </c>
      <c r="B48" s="15">
        <v>68</v>
      </c>
      <c r="C48" s="16">
        <v>60</v>
      </c>
      <c r="D48" s="17">
        <v>128</v>
      </c>
    </row>
    <row r="49" spans="1:4" ht="18" customHeight="1" x14ac:dyDescent="0.2">
      <c r="A49" s="14">
        <v>36</v>
      </c>
      <c r="B49" s="15">
        <v>69</v>
      </c>
      <c r="C49" s="16">
        <v>54</v>
      </c>
      <c r="D49" s="17">
        <v>123</v>
      </c>
    </row>
    <row r="50" spans="1:4" ht="18" customHeight="1" x14ac:dyDescent="0.2">
      <c r="A50" s="14">
        <v>37</v>
      </c>
      <c r="B50" s="15">
        <v>51</v>
      </c>
      <c r="C50" s="16">
        <v>57</v>
      </c>
      <c r="D50" s="17">
        <v>108</v>
      </c>
    </row>
    <row r="51" spans="1:4" ht="18" customHeight="1" x14ac:dyDescent="0.2">
      <c r="A51" s="14">
        <v>38</v>
      </c>
      <c r="B51" s="15">
        <v>63</v>
      </c>
      <c r="C51" s="16">
        <v>59</v>
      </c>
      <c r="D51" s="17">
        <v>122</v>
      </c>
    </row>
    <row r="52" spans="1:4" ht="18" customHeight="1" x14ac:dyDescent="0.2">
      <c r="A52" s="14">
        <v>39</v>
      </c>
      <c r="B52" s="15">
        <v>55</v>
      </c>
      <c r="C52" s="16">
        <v>38</v>
      </c>
      <c r="D52" s="17">
        <v>93</v>
      </c>
    </row>
    <row r="53" spans="1:4" ht="18" customHeight="1" x14ac:dyDescent="0.2">
      <c r="A53" s="18" t="s">
        <v>56</v>
      </c>
      <c r="B53" s="15">
        <v>306</v>
      </c>
      <c r="C53" s="16">
        <v>268</v>
      </c>
      <c r="D53" s="17">
        <v>574</v>
      </c>
    </row>
    <row r="54" spans="1:4" ht="18" customHeight="1" x14ac:dyDescent="0.2">
      <c r="A54" s="14">
        <v>40</v>
      </c>
      <c r="B54" s="15">
        <v>54</v>
      </c>
      <c r="C54" s="16">
        <v>63</v>
      </c>
      <c r="D54" s="17">
        <v>117</v>
      </c>
    </row>
    <row r="55" spans="1:4" ht="18" customHeight="1" x14ac:dyDescent="0.2">
      <c r="A55" s="14">
        <v>41</v>
      </c>
      <c r="B55" s="15">
        <v>67</v>
      </c>
      <c r="C55" s="16">
        <v>55</v>
      </c>
      <c r="D55" s="17">
        <v>122</v>
      </c>
    </row>
    <row r="56" spans="1:4" ht="18" customHeight="1" x14ac:dyDescent="0.2">
      <c r="A56" s="14">
        <v>42</v>
      </c>
      <c r="B56" s="15">
        <v>74</v>
      </c>
      <c r="C56" s="16">
        <v>56</v>
      </c>
      <c r="D56" s="17">
        <v>130</v>
      </c>
    </row>
    <row r="57" spans="1:4" ht="18" customHeight="1" x14ac:dyDescent="0.2">
      <c r="A57" s="14">
        <v>43</v>
      </c>
      <c r="B57" s="15">
        <v>76</v>
      </c>
      <c r="C57" s="16">
        <v>62</v>
      </c>
      <c r="D57" s="17">
        <v>138</v>
      </c>
    </row>
    <row r="58" spans="1:4" ht="18" customHeight="1" x14ac:dyDescent="0.2">
      <c r="A58" s="14">
        <v>44</v>
      </c>
      <c r="B58" s="15">
        <v>70</v>
      </c>
      <c r="C58" s="16">
        <v>69</v>
      </c>
      <c r="D58" s="17">
        <v>139</v>
      </c>
    </row>
    <row r="59" spans="1:4" ht="18" customHeight="1" x14ac:dyDescent="0.2">
      <c r="A59" s="18" t="s">
        <v>57</v>
      </c>
      <c r="B59" s="15">
        <v>341</v>
      </c>
      <c r="C59" s="16">
        <v>305</v>
      </c>
      <c r="D59" s="17">
        <v>646</v>
      </c>
    </row>
    <row r="60" spans="1:4" ht="18" customHeight="1" x14ac:dyDescent="0.2">
      <c r="A60" s="14">
        <v>45</v>
      </c>
      <c r="B60" s="15">
        <v>63</v>
      </c>
      <c r="C60" s="16">
        <v>69</v>
      </c>
      <c r="D60" s="17">
        <v>132</v>
      </c>
    </row>
    <row r="61" spans="1:4" ht="18" customHeight="1" x14ac:dyDescent="0.2">
      <c r="A61" s="14">
        <v>46</v>
      </c>
      <c r="B61" s="15">
        <v>64</v>
      </c>
      <c r="C61" s="16">
        <v>80</v>
      </c>
      <c r="D61" s="17">
        <v>144</v>
      </c>
    </row>
    <row r="62" spans="1:4" ht="18" customHeight="1" x14ac:dyDescent="0.2">
      <c r="A62" s="14">
        <v>47</v>
      </c>
      <c r="B62" s="15">
        <v>101</v>
      </c>
      <c r="C62" s="16">
        <v>84</v>
      </c>
      <c r="D62" s="17">
        <v>185</v>
      </c>
    </row>
    <row r="63" spans="1:4" ht="18" customHeight="1" x14ac:dyDescent="0.2">
      <c r="A63" s="14">
        <v>48</v>
      </c>
      <c r="B63" s="15">
        <v>76</v>
      </c>
      <c r="C63" s="16">
        <v>96</v>
      </c>
      <c r="D63" s="17">
        <v>172</v>
      </c>
    </row>
    <row r="64" spans="1:4" ht="18" customHeight="1" x14ac:dyDescent="0.2">
      <c r="A64" s="14">
        <v>49</v>
      </c>
      <c r="B64" s="15">
        <v>88</v>
      </c>
      <c r="C64" s="16">
        <v>84</v>
      </c>
      <c r="D64" s="17">
        <v>172</v>
      </c>
    </row>
    <row r="65" spans="1:4" ht="18" customHeight="1" x14ac:dyDescent="0.2">
      <c r="A65" s="18" t="s">
        <v>58</v>
      </c>
      <c r="B65" s="15">
        <v>392</v>
      </c>
      <c r="C65" s="16">
        <v>413</v>
      </c>
      <c r="D65" s="17">
        <v>805</v>
      </c>
    </row>
    <row r="66" spans="1:4" ht="18" customHeight="1" x14ac:dyDescent="0.2">
      <c r="A66" s="14">
        <v>50</v>
      </c>
      <c r="B66" s="15">
        <v>78</v>
      </c>
      <c r="C66" s="16">
        <v>67</v>
      </c>
      <c r="D66" s="17">
        <v>145</v>
      </c>
    </row>
    <row r="67" spans="1:4" ht="18" customHeight="1" x14ac:dyDescent="0.2">
      <c r="A67" s="14">
        <v>51</v>
      </c>
      <c r="B67" s="15">
        <v>66</v>
      </c>
      <c r="C67" s="16">
        <v>63</v>
      </c>
      <c r="D67" s="17">
        <v>129</v>
      </c>
    </row>
    <row r="68" spans="1:4" ht="18" customHeight="1" x14ac:dyDescent="0.2">
      <c r="A68" s="14">
        <v>52</v>
      </c>
      <c r="B68" s="15">
        <v>66</v>
      </c>
      <c r="C68" s="16">
        <v>70</v>
      </c>
      <c r="D68" s="17">
        <v>136</v>
      </c>
    </row>
    <row r="69" spans="1:4" ht="18" customHeight="1" x14ac:dyDescent="0.2">
      <c r="A69" s="14">
        <v>53</v>
      </c>
      <c r="B69" s="15">
        <v>64</v>
      </c>
      <c r="C69" s="16">
        <v>58</v>
      </c>
      <c r="D69" s="17">
        <v>122</v>
      </c>
    </row>
    <row r="70" spans="1:4" ht="18" customHeight="1" x14ac:dyDescent="0.2">
      <c r="A70" s="14">
        <v>54</v>
      </c>
      <c r="B70" s="15">
        <v>39</v>
      </c>
      <c r="C70" s="16">
        <v>39</v>
      </c>
      <c r="D70" s="17">
        <v>78</v>
      </c>
    </row>
    <row r="71" spans="1:4" ht="18" customHeight="1" x14ac:dyDescent="0.2">
      <c r="A71" s="18" t="s">
        <v>59</v>
      </c>
      <c r="B71" s="15">
        <v>313</v>
      </c>
      <c r="C71" s="16">
        <v>297</v>
      </c>
      <c r="D71" s="17">
        <v>610</v>
      </c>
    </row>
    <row r="72" spans="1:4" ht="18" customHeight="1" x14ac:dyDescent="0.2">
      <c r="A72" s="14">
        <v>55</v>
      </c>
      <c r="B72" s="15">
        <v>63</v>
      </c>
      <c r="C72" s="16">
        <v>58</v>
      </c>
      <c r="D72" s="17">
        <v>121</v>
      </c>
    </row>
    <row r="73" spans="1:4" ht="18" customHeight="1" x14ac:dyDescent="0.2">
      <c r="A73" s="14">
        <v>56</v>
      </c>
      <c r="B73" s="15">
        <v>46</v>
      </c>
      <c r="C73" s="16">
        <v>50</v>
      </c>
      <c r="D73" s="17">
        <v>96</v>
      </c>
    </row>
    <row r="74" spans="1:4" ht="18" customHeight="1" x14ac:dyDescent="0.2">
      <c r="A74" s="14">
        <v>57</v>
      </c>
      <c r="B74" s="15">
        <v>48</v>
      </c>
      <c r="C74" s="16">
        <v>60</v>
      </c>
      <c r="D74" s="17">
        <v>108</v>
      </c>
    </row>
    <row r="75" spans="1:4" ht="18" customHeight="1" x14ac:dyDescent="0.2">
      <c r="A75" s="14">
        <v>58</v>
      </c>
      <c r="B75" s="15">
        <v>54</v>
      </c>
      <c r="C75" s="16">
        <v>55</v>
      </c>
      <c r="D75" s="17">
        <v>109</v>
      </c>
    </row>
    <row r="76" spans="1:4" ht="18" customHeight="1" x14ac:dyDescent="0.2">
      <c r="A76" s="14">
        <v>59</v>
      </c>
      <c r="B76" s="15">
        <v>43</v>
      </c>
      <c r="C76" s="16">
        <v>65</v>
      </c>
      <c r="D76" s="17">
        <v>108</v>
      </c>
    </row>
    <row r="77" spans="1:4" ht="18" customHeight="1" x14ac:dyDescent="0.2">
      <c r="A77" s="18" t="s">
        <v>60</v>
      </c>
      <c r="B77" s="15">
        <v>254</v>
      </c>
      <c r="C77" s="16">
        <v>288</v>
      </c>
      <c r="D77" s="17">
        <v>542</v>
      </c>
    </row>
    <row r="78" spans="1:4" ht="18" customHeight="1" x14ac:dyDescent="0.2">
      <c r="A78" s="14">
        <v>60</v>
      </c>
      <c r="B78" s="15">
        <v>49</v>
      </c>
      <c r="C78" s="16">
        <v>49</v>
      </c>
      <c r="D78" s="17">
        <v>98</v>
      </c>
    </row>
    <row r="79" spans="1:4" ht="18" customHeight="1" x14ac:dyDescent="0.2">
      <c r="A79" s="14">
        <v>61</v>
      </c>
      <c r="B79" s="15">
        <v>49</v>
      </c>
      <c r="C79" s="16">
        <v>47</v>
      </c>
      <c r="D79" s="17">
        <v>96</v>
      </c>
    </row>
    <row r="80" spans="1:4" ht="18" customHeight="1" x14ac:dyDescent="0.2">
      <c r="A80" s="14">
        <v>62</v>
      </c>
      <c r="B80" s="15">
        <v>48</v>
      </c>
      <c r="C80" s="16">
        <v>56</v>
      </c>
      <c r="D80" s="17">
        <v>104</v>
      </c>
    </row>
    <row r="81" spans="1:4" ht="18" customHeight="1" x14ac:dyDescent="0.2">
      <c r="A81" s="14">
        <v>63</v>
      </c>
      <c r="B81" s="15">
        <v>36</v>
      </c>
      <c r="C81" s="16">
        <v>48</v>
      </c>
      <c r="D81" s="17">
        <v>84</v>
      </c>
    </row>
    <row r="82" spans="1:4" ht="18" customHeight="1" x14ac:dyDescent="0.2">
      <c r="A82" s="14">
        <v>64</v>
      </c>
      <c r="B82" s="15">
        <v>42</v>
      </c>
      <c r="C82" s="16">
        <v>80</v>
      </c>
      <c r="D82" s="17">
        <v>122</v>
      </c>
    </row>
    <row r="83" spans="1:4" ht="18" customHeight="1" x14ac:dyDescent="0.2">
      <c r="A83" s="18" t="s">
        <v>61</v>
      </c>
      <c r="B83" s="15">
        <v>224</v>
      </c>
      <c r="C83" s="16">
        <v>280</v>
      </c>
      <c r="D83" s="17">
        <v>504</v>
      </c>
    </row>
    <row r="84" spans="1:4" ht="18" customHeight="1" x14ac:dyDescent="0.2">
      <c r="A84" s="18" t="s">
        <v>62</v>
      </c>
      <c r="B84" s="15">
        <v>2862</v>
      </c>
      <c r="C84" s="16">
        <v>2881</v>
      </c>
      <c r="D84" s="17">
        <v>5743</v>
      </c>
    </row>
    <row r="85" spans="1:4" ht="18" customHeight="1" x14ac:dyDescent="0.2">
      <c r="A85" s="14">
        <v>65</v>
      </c>
      <c r="B85" s="15">
        <v>54</v>
      </c>
      <c r="C85" s="16">
        <v>68</v>
      </c>
      <c r="D85" s="17">
        <v>122</v>
      </c>
    </row>
    <row r="86" spans="1:4" ht="18" customHeight="1" x14ac:dyDescent="0.2">
      <c r="A86" s="14">
        <v>66</v>
      </c>
      <c r="B86" s="15">
        <v>56</v>
      </c>
      <c r="C86" s="16">
        <v>59</v>
      </c>
      <c r="D86" s="17">
        <v>115</v>
      </c>
    </row>
    <row r="87" spans="1:4" ht="18" customHeight="1" x14ac:dyDescent="0.2">
      <c r="A87" s="14">
        <v>67</v>
      </c>
      <c r="B87" s="15">
        <v>56</v>
      </c>
      <c r="C87" s="16">
        <v>65</v>
      </c>
      <c r="D87" s="17">
        <v>121</v>
      </c>
    </row>
    <row r="88" spans="1:4" ht="18" customHeight="1" x14ac:dyDescent="0.2">
      <c r="A88" s="14">
        <v>68</v>
      </c>
      <c r="B88" s="15">
        <v>63</v>
      </c>
      <c r="C88" s="16">
        <v>75</v>
      </c>
      <c r="D88" s="17">
        <v>138</v>
      </c>
    </row>
    <row r="89" spans="1:4" ht="18" customHeight="1" x14ac:dyDescent="0.2">
      <c r="A89" s="14">
        <v>69</v>
      </c>
      <c r="B89" s="15">
        <v>67</v>
      </c>
      <c r="C89" s="16">
        <v>73</v>
      </c>
      <c r="D89" s="17">
        <v>140</v>
      </c>
    </row>
    <row r="90" spans="1:4" ht="18" customHeight="1" x14ac:dyDescent="0.2">
      <c r="A90" s="18" t="s">
        <v>63</v>
      </c>
      <c r="B90" s="15">
        <v>296</v>
      </c>
      <c r="C90" s="16">
        <v>340</v>
      </c>
      <c r="D90" s="17">
        <v>636</v>
      </c>
    </row>
    <row r="91" spans="1:4" ht="18" customHeight="1" x14ac:dyDescent="0.2">
      <c r="A91" s="14">
        <v>70</v>
      </c>
      <c r="B91" s="15">
        <v>88</v>
      </c>
      <c r="C91" s="16">
        <v>80</v>
      </c>
      <c r="D91" s="17">
        <v>168</v>
      </c>
    </row>
    <row r="92" spans="1:4" ht="18" customHeight="1" x14ac:dyDescent="0.2">
      <c r="A92" s="14">
        <v>71</v>
      </c>
      <c r="B92" s="15">
        <v>86</v>
      </c>
      <c r="C92" s="16">
        <v>88</v>
      </c>
      <c r="D92" s="17">
        <v>174</v>
      </c>
    </row>
    <row r="93" spans="1:4" ht="18" customHeight="1" x14ac:dyDescent="0.2">
      <c r="A93" s="14">
        <v>72</v>
      </c>
      <c r="B93" s="15">
        <v>83</v>
      </c>
      <c r="C93" s="16">
        <v>96</v>
      </c>
      <c r="D93" s="17">
        <v>179</v>
      </c>
    </row>
    <row r="94" spans="1:4" ht="18" customHeight="1" x14ac:dyDescent="0.2">
      <c r="A94" s="14">
        <v>73</v>
      </c>
      <c r="B94" s="15">
        <v>62</v>
      </c>
      <c r="C94" s="16">
        <v>90</v>
      </c>
      <c r="D94" s="17">
        <v>152</v>
      </c>
    </row>
    <row r="95" spans="1:4" ht="18" customHeight="1" x14ac:dyDescent="0.2">
      <c r="A95" s="14">
        <v>74</v>
      </c>
      <c r="B95" s="15">
        <v>39</v>
      </c>
      <c r="C95" s="16">
        <v>53</v>
      </c>
      <c r="D95" s="17">
        <v>92</v>
      </c>
    </row>
    <row r="96" spans="1:4" ht="18" customHeight="1" x14ac:dyDescent="0.2">
      <c r="A96" s="18" t="s">
        <v>64</v>
      </c>
      <c r="B96" s="15">
        <v>358</v>
      </c>
      <c r="C96" s="16">
        <v>407</v>
      </c>
      <c r="D96" s="17">
        <v>765</v>
      </c>
    </row>
    <row r="97" spans="1:4" ht="18" customHeight="1" x14ac:dyDescent="0.2">
      <c r="A97" s="14">
        <v>75</v>
      </c>
      <c r="B97" s="15">
        <v>53</v>
      </c>
      <c r="C97" s="16">
        <v>62</v>
      </c>
      <c r="D97" s="17">
        <v>115</v>
      </c>
    </row>
    <row r="98" spans="1:4" ht="18" customHeight="1" x14ac:dyDescent="0.2">
      <c r="A98" s="14">
        <v>76</v>
      </c>
      <c r="B98" s="15">
        <v>54</v>
      </c>
      <c r="C98" s="16">
        <v>67</v>
      </c>
      <c r="D98" s="17">
        <v>121</v>
      </c>
    </row>
    <row r="99" spans="1:4" ht="18" customHeight="1" x14ac:dyDescent="0.2">
      <c r="A99" s="14">
        <v>77</v>
      </c>
      <c r="B99" s="15">
        <v>48</v>
      </c>
      <c r="C99" s="16">
        <v>58</v>
      </c>
      <c r="D99" s="17">
        <v>106</v>
      </c>
    </row>
    <row r="100" spans="1:4" ht="18" customHeight="1" x14ac:dyDescent="0.2">
      <c r="A100" s="14">
        <v>78</v>
      </c>
      <c r="B100" s="15">
        <v>50</v>
      </c>
      <c r="C100" s="16">
        <v>77</v>
      </c>
      <c r="D100" s="17">
        <v>127</v>
      </c>
    </row>
    <row r="101" spans="1:4" ht="18" customHeight="1" x14ac:dyDescent="0.2">
      <c r="A101" s="14">
        <v>79</v>
      </c>
      <c r="B101" s="15">
        <v>45</v>
      </c>
      <c r="C101" s="16">
        <v>56</v>
      </c>
      <c r="D101" s="17">
        <v>101</v>
      </c>
    </row>
    <row r="102" spans="1:4" ht="18" customHeight="1" x14ac:dyDescent="0.2">
      <c r="A102" s="18" t="s">
        <v>65</v>
      </c>
      <c r="B102" s="15">
        <v>250</v>
      </c>
      <c r="C102" s="16">
        <v>320</v>
      </c>
      <c r="D102" s="17">
        <v>570</v>
      </c>
    </row>
    <row r="103" spans="1:4" ht="18" customHeight="1" x14ac:dyDescent="0.2">
      <c r="A103" s="14">
        <v>80</v>
      </c>
      <c r="B103" s="15">
        <v>39</v>
      </c>
      <c r="C103" s="16">
        <v>44</v>
      </c>
      <c r="D103" s="17">
        <v>83</v>
      </c>
    </row>
    <row r="104" spans="1:4" ht="18" customHeight="1" x14ac:dyDescent="0.2">
      <c r="A104" s="14">
        <v>81</v>
      </c>
      <c r="B104" s="15">
        <v>25</v>
      </c>
      <c r="C104" s="16">
        <v>47</v>
      </c>
      <c r="D104" s="17">
        <v>72</v>
      </c>
    </row>
    <row r="105" spans="1:4" ht="18" customHeight="1" x14ac:dyDescent="0.2">
      <c r="A105" s="14">
        <v>82</v>
      </c>
      <c r="B105" s="15">
        <v>26</v>
      </c>
      <c r="C105" s="16">
        <v>40</v>
      </c>
      <c r="D105" s="17">
        <v>66</v>
      </c>
    </row>
    <row r="106" spans="1:4" ht="18" customHeight="1" x14ac:dyDescent="0.2">
      <c r="A106" s="14">
        <v>83</v>
      </c>
      <c r="B106" s="15">
        <v>29</v>
      </c>
      <c r="C106" s="16">
        <v>48</v>
      </c>
      <c r="D106" s="17">
        <v>77</v>
      </c>
    </row>
    <row r="107" spans="1:4" ht="18" customHeight="1" x14ac:dyDescent="0.2">
      <c r="A107" s="14">
        <v>84</v>
      </c>
      <c r="B107" s="15">
        <v>27</v>
      </c>
      <c r="C107" s="16">
        <v>51</v>
      </c>
      <c r="D107" s="17">
        <v>78</v>
      </c>
    </row>
    <row r="108" spans="1:4" ht="18" customHeight="1" x14ac:dyDescent="0.2">
      <c r="A108" s="18" t="s">
        <v>66</v>
      </c>
      <c r="B108" s="15">
        <v>146</v>
      </c>
      <c r="C108" s="16">
        <v>230</v>
      </c>
      <c r="D108" s="17">
        <v>376</v>
      </c>
    </row>
    <row r="109" spans="1:4" ht="18" customHeight="1" x14ac:dyDescent="0.2">
      <c r="A109" s="14">
        <v>85</v>
      </c>
      <c r="B109" s="15">
        <v>22</v>
      </c>
      <c r="C109" s="16">
        <v>30</v>
      </c>
      <c r="D109" s="17">
        <v>52</v>
      </c>
    </row>
    <row r="110" spans="1:4" ht="18" customHeight="1" x14ac:dyDescent="0.2">
      <c r="A110" s="14">
        <v>86</v>
      </c>
      <c r="B110" s="15">
        <v>23</v>
      </c>
      <c r="C110" s="16">
        <v>34</v>
      </c>
      <c r="D110" s="17">
        <v>57</v>
      </c>
    </row>
    <row r="111" spans="1:4" ht="18" customHeight="1" x14ac:dyDescent="0.2">
      <c r="A111" s="14">
        <v>87</v>
      </c>
      <c r="B111" s="15">
        <v>22</v>
      </c>
      <c r="C111" s="16">
        <v>22</v>
      </c>
      <c r="D111" s="17">
        <v>44</v>
      </c>
    </row>
    <row r="112" spans="1:4" ht="18" customHeight="1" x14ac:dyDescent="0.2">
      <c r="A112" s="14">
        <v>88</v>
      </c>
      <c r="B112" s="15">
        <v>17</v>
      </c>
      <c r="C112" s="16">
        <v>30</v>
      </c>
      <c r="D112" s="17">
        <v>47</v>
      </c>
    </row>
    <row r="113" spans="1:4" ht="18" customHeight="1" x14ac:dyDescent="0.2">
      <c r="A113" s="14">
        <v>89</v>
      </c>
      <c r="B113" s="15">
        <v>12</v>
      </c>
      <c r="C113" s="16">
        <v>27</v>
      </c>
      <c r="D113" s="17">
        <v>39</v>
      </c>
    </row>
    <row r="114" spans="1:4" ht="18" customHeight="1" x14ac:dyDescent="0.2">
      <c r="A114" s="18" t="s">
        <v>67</v>
      </c>
      <c r="B114" s="15">
        <v>96</v>
      </c>
      <c r="C114" s="16">
        <v>143</v>
      </c>
      <c r="D114" s="17">
        <v>239</v>
      </c>
    </row>
    <row r="115" spans="1:4" ht="18" customHeight="1" x14ac:dyDescent="0.2">
      <c r="A115" s="14">
        <v>90</v>
      </c>
      <c r="B115" s="15">
        <v>10</v>
      </c>
      <c r="C115" s="16">
        <v>20</v>
      </c>
      <c r="D115" s="17">
        <v>30</v>
      </c>
    </row>
    <row r="116" spans="1:4" ht="18" customHeight="1" x14ac:dyDescent="0.2">
      <c r="A116" s="14">
        <v>91</v>
      </c>
      <c r="B116" s="15">
        <v>8</v>
      </c>
      <c r="C116" s="16">
        <v>17</v>
      </c>
      <c r="D116" s="17">
        <v>25</v>
      </c>
    </row>
    <row r="117" spans="1:4" ht="18" customHeight="1" x14ac:dyDescent="0.2">
      <c r="A117" s="14">
        <v>92</v>
      </c>
      <c r="B117" s="15">
        <v>2</v>
      </c>
      <c r="C117" s="16">
        <v>22</v>
      </c>
      <c r="D117" s="17">
        <v>24</v>
      </c>
    </row>
    <row r="118" spans="1:4" ht="18" customHeight="1" x14ac:dyDescent="0.2">
      <c r="A118" s="14">
        <v>93</v>
      </c>
      <c r="B118" s="15">
        <v>2</v>
      </c>
      <c r="C118" s="16">
        <v>15</v>
      </c>
      <c r="D118" s="17">
        <v>17</v>
      </c>
    </row>
    <row r="119" spans="1:4" ht="18" customHeight="1" x14ac:dyDescent="0.2">
      <c r="A119" s="14">
        <v>94</v>
      </c>
      <c r="B119" s="15">
        <v>4</v>
      </c>
      <c r="C119" s="16">
        <v>11</v>
      </c>
      <c r="D119" s="17">
        <v>15</v>
      </c>
    </row>
    <row r="120" spans="1:4" ht="18" customHeight="1" x14ac:dyDescent="0.2">
      <c r="A120" s="18" t="s">
        <v>68</v>
      </c>
      <c r="B120" s="15">
        <v>26</v>
      </c>
      <c r="C120" s="16">
        <v>85</v>
      </c>
      <c r="D120" s="17">
        <v>111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23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1</v>
      </c>
      <c r="C128" s="16">
        <v>4</v>
      </c>
      <c r="D128" s="17">
        <v>5</v>
      </c>
    </row>
    <row r="129" spans="1:4" ht="18" customHeight="1" x14ac:dyDescent="0.2">
      <c r="A129" s="18" t="s">
        <v>71</v>
      </c>
      <c r="B129" s="15">
        <v>1</v>
      </c>
      <c r="C129" s="16">
        <v>7</v>
      </c>
      <c r="D129" s="17">
        <v>8</v>
      </c>
    </row>
    <row r="130" spans="1:4" ht="18" customHeight="1" x14ac:dyDescent="0.2">
      <c r="A130" s="18" t="s">
        <v>72</v>
      </c>
      <c r="B130" s="4">
        <v>1176</v>
      </c>
      <c r="C130" s="5">
        <v>1555</v>
      </c>
      <c r="D130" s="6">
        <v>2731</v>
      </c>
    </row>
    <row r="131" spans="1:4" ht="18" customHeight="1" x14ac:dyDescent="0.2">
      <c r="A131" s="20" t="s">
        <v>47</v>
      </c>
      <c r="B131" s="7">
        <v>4558</v>
      </c>
      <c r="C131" s="8">
        <v>5016</v>
      </c>
      <c r="D131" s="9">
        <v>957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3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1</v>
      </c>
      <c r="C5" s="12">
        <v>66</v>
      </c>
      <c r="D5" s="13">
        <v>137</v>
      </c>
    </row>
    <row r="6" spans="1:4" ht="18" customHeight="1" x14ac:dyDescent="0.2">
      <c r="A6" s="14">
        <v>1</v>
      </c>
      <c r="B6" s="15">
        <v>73</v>
      </c>
      <c r="C6" s="16">
        <v>64</v>
      </c>
      <c r="D6" s="17">
        <v>137</v>
      </c>
    </row>
    <row r="7" spans="1:4" ht="18" customHeight="1" x14ac:dyDescent="0.2">
      <c r="A7" s="14">
        <v>2</v>
      </c>
      <c r="B7" s="15">
        <v>75</v>
      </c>
      <c r="C7" s="16">
        <v>64</v>
      </c>
      <c r="D7" s="17">
        <v>139</v>
      </c>
    </row>
    <row r="8" spans="1:4" ht="18" customHeight="1" x14ac:dyDescent="0.2">
      <c r="A8" s="14">
        <v>3</v>
      </c>
      <c r="B8" s="15">
        <v>58</v>
      </c>
      <c r="C8" s="16">
        <v>45</v>
      </c>
      <c r="D8" s="17">
        <v>103</v>
      </c>
    </row>
    <row r="9" spans="1:4" ht="18" customHeight="1" x14ac:dyDescent="0.2">
      <c r="A9" s="14">
        <v>4</v>
      </c>
      <c r="B9" s="15">
        <v>71</v>
      </c>
      <c r="C9" s="16">
        <v>67</v>
      </c>
      <c r="D9" s="17">
        <v>138</v>
      </c>
    </row>
    <row r="10" spans="1:4" ht="18" customHeight="1" x14ac:dyDescent="0.2">
      <c r="A10" s="18" t="s">
        <v>48</v>
      </c>
      <c r="B10" s="15">
        <v>348</v>
      </c>
      <c r="C10" s="16">
        <v>306</v>
      </c>
      <c r="D10" s="17">
        <v>654</v>
      </c>
    </row>
    <row r="11" spans="1:4" ht="18" customHeight="1" x14ac:dyDescent="0.2">
      <c r="A11" s="14">
        <v>5</v>
      </c>
      <c r="B11" s="15">
        <v>56</v>
      </c>
      <c r="C11" s="16">
        <v>58</v>
      </c>
      <c r="D11" s="17">
        <v>114</v>
      </c>
    </row>
    <row r="12" spans="1:4" ht="18" customHeight="1" x14ac:dyDescent="0.2">
      <c r="A12" s="14">
        <v>6</v>
      </c>
      <c r="B12" s="15">
        <v>39</v>
      </c>
      <c r="C12" s="16">
        <v>69</v>
      </c>
      <c r="D12" s="17">
        <v>108</v>
      </c>
    </row>
    <row r="13" spans="1:4" ht="18" customHeight="1" x14ac:dyDescent="0.2">
      <c r="A13" s="14">
        <v>7</v>
      </c>
      <c r="B13" s="15">
        <v>65</v>
      </c>
      <c r="C13" s="16">
        <v>62</v>
      </c>
      <c r="D13" s="17">
        <v>127</v>
      </c>
    </row>
    <row r="14" spans="1:4" ht="18" customHeight="1" x14ac:dyDescent="0.2">
      <c r="A14" s="14">
        <v>8</v>
      </c>
      <c r="B14" s="15">
        <v>45</v>
      </c>
      <c r="C14" s="16">
        <v>56</v>
      </c>
      <c r="D14" s="17">
        <v>101</v>
      </c>
    </row>
    <row r="15" spans="1:4" ht="18" customHeight="1" x14ac:dyDescent="0.2">
      <c r="A15" s="14">
        <v>9</v>
      </c>
      <c r="B15" s="15">
        <v>46</v>
      </c>
      <c r="C15" s="16">
        <v>45</v>
      </c>
      <c r="D15" s="17">
        <v>91</v>
      </c>
    </row>
    <row r="16" spans="1:4" ht="18" customHeight="1" x14ac:dyDescent="0.2">
      <c r="A16" s="18" t="s">
        <v>49</v>
      </c>
      <c r="B16" s="15">
        <v>251</v>
      </c>
      <c r="C16" s="16">
        <v>290</v>
      </c>
      <c r="D16" s="17">
        <v>541</v>
      </c>
    </row>
    <row r="17" spans="1:4" ht="18" customHeight="1" x14ac:dyDescent="0.2">
      <c r="A17" s="14">
        <v>10</v>
      </c>
      <c r="B17" s="15">
        <v>53</v>
      </c>
      <c r="C17" s="16">
        <v>55</v>
      </c>
      <c r="D17" s="17">
        <v>108</v>
      </c>
    </row>
    <row r="18" spans="1:4" ht="18" customHeight="1" x14ac:dyDescent="0.2">
      <c r="A18" s="14">
        <v>11</v>
      </c>
      <c r="B18" s="15">
        <v>42</v>
      </c>
      <c r="C18" s="16">
        <v>60</v>
      </c>
      <c r="D18" s="17">
        <v>102</v>
      </c>
    </row>
    <row r="19" spans="1:4" ht="18" customHeight="1" x14ac:dyDescent="0.2">
      <c r="A19" s="14">
        <v>12</v>
      </c>
      <c r="B19" s="15">
        <v>52</v>
      </c>
      <c r="C19" s="16">
        <v>52</v>
      </c>
      <c r="D19" s="17">
        <v>104</v>
      </c>
    </row>
    <row r="20" spans="1:4" ht="18" customHeight="1" x14ac:dyDescent="0.2">
      <c r="A20" s="14">
        <v>13</v>
      </c>
      <c r="B20" s="15">
        <v>44</v>
      </c>
      <c r="C20" s="16">
        <v>43</v>
      </c>
      <c r="D20" s="17">
        <v>87</v>
      </c>
    </row>
    <row r="21" spans="1:4" ht="18" customHeight="1" x14ac:dyDescent="0.2">
      <c r="A21" s="14">
        <v>14</v>
      </c>
      <c r="B21" s="15">
        <v>46</v>
      </c>
      <c r="C21" s="16">
        <v>51</v>
      </c>
      <c r="D21" s="17">
        <v>97</v>
      </c>
    </row>
    <row r="22" spans="1:4" ht="18" customHeight="1" x14ac:dyDescent="0.2">
      <c r="A22" s="18" t="s">
        <v>50</v>
      </c>
      <c r="B22" s="15">
        <v>237</v>
      </c>
      <c r="C22" s="16">
        <v>261</v>
      </c>
      <c r="D22" s="17">
        <v>498</v>
      </c>
    </row>
    <row r="23" spans="1:4" ht="18" customHeight="1" x14ac:dyDescent="0.2">
      <c r="A23" s="18" t="s">
        <v>51</v>
      </c>
      <c r="B23" s="15">
        <v>836</v>
      </c>
      <c r="C23" s="16">
        <v>857</v>
      </c>
      <c r="D23" s="17">
        <v>1693</v>
      </c>
    </row>
    <row r="24" spans="1:4" ht="18" customHeight="1" x14ac:dyDescent="0.2">
      <c r="A24" s="14">
        <v>15</v>
      </c>
      <c r="B24" s="15">
        <v>60</v>
      </c>
      <c r="C24" s="16">
        <v>48</v>
      </c>
      <c r="D24" s="17">
        <v>108</v>
      </c>
    </row>
    <row r="25" spans="1:4" ht="18" customHeight="1" x14ac:dyDescent="0.2">
      <c r="A25" s="14">
        <v>16</v>
      </c>
      <c r="B25" s="15">
        <v>44</v>
      </c>
      <c r="C25" s="16">
        <v>43</v>
      </c>
      <c r="D25" s="17">
        <v>87</v>
      </c>
    </row>
    <row r="26" spans="1:4" ht="18" customHeight="1" x14ac:dyDescent="0.2">
      <c r="A26" s="14">
        <v>17</v>
      </c>
      <c r="B26" s="15">
        <v>50</v>
      </c>
      <c r="C26" s="16">
        <v>48</v>
      </c>
      <c r="D26" s="17">
        <v>98</v>
      </c>
    </row>
    <row r="27" spans="1:4" ht="18" customHeight="1" x14ac:dyDescent="0.2">
      <c r="A27" s="14">
        <v>18</v>
      </c>
      <c r="B27" s="15">
        <v>53</v>
      </c>
      <c r="C27" s="16">
        <v>56</v>
      </c>
      <c r="D27" s="17">
        <v>109</v>
      </c>
    </row>
    <row r="28" spans="1:4" ht="18" customHeight="1" x14ac:dyDescent="0.2">
      <c r="A28" s="14">
        <v>19</v>
      </c>
      <c r="B28" s="15">
        <v>55</v>
      </c>
      <c r="C28" s="16">
        <v>58</v>
      </c>
      <c r="D28" s="17">
        <v>113</v>
      </c>
    </row>
    <row r="29" spans="1:4" ht="18" customHeight="1" x14ac:dyDescent="0.2">
      <c r="A29" s="18" t="s">
        <v>52</v>
      </c>
      <c r="B29" s="15">
        <v>262</v>
      </c>
      <c r="C29" s="16">
        <v>253</v>
      </c>
      <c r="D29" s="17">
        <v>515</v>
      </c>
    </row>
    <row r="30" spans="1:4" ht="18" customHeight="1" x14ac:dyDescent="0.2">
      <c r="A30" s="14">
        <v>20</v>
      </c>
      <c r="B30" s="15">
        <v>59</v>
      </c>
      <c r="C30" s="16">
        <v>47</v>
      </c>
      <c r="D30" s="17">
        <v>106</v>
      </c>
    </row>
    <row r="31" spans="1:4" ht="18" customHeight="1" x14ac:dyDescent="0.2">
      <c r="A31" s="14">
        <v>21</v>
      </c>
      <c r="B31" s="15">
        <v>60</v>
      </c>
      <c r="C31" s="16">
        <v>56</v>
      </c>
      <c r="D31" s="17">
        <v>116</v>
      </c>
    </row>
    <row r="32" spans="1:4" ht="18" customHeight="1" x14ac:dyDescent="0.2">
      <c r="A32" s="14">
        <v>22</v>
      </c>
      <c r="B32" s="15">
        <v>77</v>
      </c>
      <c r="C32" s="16">
        <v>45</v>
      </c>
      <c r="D32" s="17">
        <v>122</v>
      </c>
    </row>
    <row r="33" spans="1:4" ht="18" customHeight="1" x14ac:dyDescent="0.2">
      <c r="A33" s="14">
        <v>23</v>
      </c>
      <c r="B33" s="15">
        <v>52</v>
      </c>
      <c r="C33" s="16">
        <v>73</v>
      </c>
      <c r="D33" s="17">
        <v>125</v>
      </c>
    </row>
    <row r="34" spans="1:4" ht="18" customHeight="1" x14ac:dyDescent="0.2">
      <c r="A34" s="14">
        <v>24</v>
      </c>
      <c r="B34" s="15">
        <v>82</v>
      </c>
      <c r="C34" s="16">
        <v>58</v>
      </c>
      <c r="D34" s="17">
        <v>140</v>
      </c>
    </row>
    <row r="35" spans="1:4" ht="18" customHeight="1" x14ac:dyDescent="0.2">
      <c r="A35" s="18" t="s">
        <v>53</v>
      </c>
      <c r="B35" s="15">
        <v>330</v>
      </c>
      <c r="C35" s="16">
        <v>279</v>
      </c>
      <c r="D35" s="17">
        <v>609</v>
      </c>
    </row>
    <row r="36" spans="1:4" ht="18" customHeight="1" x14ac:dyDescent="0.2">
      <c r="A36" s="14">
        <v>25</v>
      </c>
      <c r="B36" s="15">
        <v>63</v>
      </c>
      <c r="C36" s="16">
        <v>73</v>
      </c>
      <c r="D36" s="17">
        <v>136</v>
      </c>
    </row>
    <row r="37" spans="1:4" ht="18" customHeight="1" x14ac:dyDescent="0.2">
      <c r="A37" s="14">
        <v>26</v>
      </c>
      <c r="B37" s="15">
        <v>86</v>
      </c>
      <c r="C37" s="16">
        <v>74</v>
      </c>
      <c r="D37" s="17">
        <v>160</v>
      </c>
    </row>
    <row r="38" spans="1:4" ht="18" customHeight="1" x14ac:dyDescent="0.2">
      <c r="A38" s="14">
        <v>27</v>
      </c>
      <c r="B38" s="15">
        <v>63</v>
      </c>
      <c r="C38" s="16">
        <v>70</v>
      </c>
      <c r="D38" s="17">
        <v>133</v>
      </c>
    </row>
    <row r="39" spans="1:4" ht="18" customHeight="1" x14ac:dyDescent="0.2">
      <c r="A39" s="14">
        <v>28</v>
      </c>
      <c r="B39" s="15">
        <v>73</v>
      </c>
      <c r="C39" s="16">
        <v>70</v>
      </c>
      <c r="D39" s="17">
        <v>143</v>
      </c>
    </row>
    <row r="40" spans="1:4" ht="18" customHeight="1" x14ac:dyDescent="0.2">
      <c r="A40" s="14">
        <v>29</v>
      </c>
      <c r="B40" s="15">
        <v>80</v>
      </c>
      <c r="C40" s="16">
        <v>72</v>
      </c>
      <c r="D40" s="17">
        <v>152</v>
      </c>
    </row>
    <row r="41" spans="1:4" ht="18" customHeight="1" x14ac:dyDescent="0.2">
      <c r="A41" s="18" t="s">
        <v>54</v>
      </c>
      <c r="B41" s="15">
        <v>365</v>
      </c>
      <c r="C41" s="16">
        <v>359</v>
      </c>
      <c r="D41" s="17">
        <v>724</v>
      </c>
    </row>
    <row r="42" spans="1:4" ht="18" customHeight="1" x14ac:dyDescent="0.2">
      <c r="A42" s="14">
        <v>30</v>
      </c>
      <c r="B42" s="15">
        <v>82</v>
      </c>
      <c r="C42" s="16">
        <v>85</v>
      </c>
      <c r="D42" s="17">
        <v>167</v>
      </c>
    </row>
    <row r="43" spans="1:4" ht="18" customHeight="1" x14ac:dyDescent="0.2">
      <c r="A43" s="14">
        <v>31</v>
      </c>
      <c r="B43" s="15">
        <v>84</v>
      </c>
      <c r="C43" s="16">
        <v>74</v>
      </c>
      <c r="D43" s="17">
        <v>158</v>
      </c>
    </row>
    <row r="44" spans="1:4" ht="18" customHeight="1" x14ac:dyDescent="0.2">
      <c r="A44" s="14">
        <v>32</v>
      </c>
      <c r="B44" s="15">
        <v>77</v>
      </c>
      <c r="C44" s="16">
        <v>77</v>
      </c>
      <c r="D44" s="17">
        <v>154</v>
      </c>
    </row>
    <row r="45" spans="1:4" ht="18" customHeight="1" x14ac:dyDescent="0.2">
      <c r="A45" s="14">
        <v>33</v>
      </c>
      <c r="B45" s="15">
        <v>76</v>
      </c>
      <c r="C45" s="16">
        <v>77</v>
      </c>
      <c r="D45" s="17">
        <v>153</v>
      </c>
    </row>
    <row r="46" spans="1:4" ht="18" customHeight="1" x14ac:dyDescent="0.2">
      <c r="A46" s="14">
        <v>34</v>
      </c>
      <c r="B46" s="15">
        <v>93</v>
      </c>
      <c r="C46" s="16">
        <v>98</v>
      </c>
      <c r="D46" s="17">
        <v>191</v>
      </c>
    </row>
    <row r="47" spans="1:4" ht="18" customHeight="1" x14ac:dyDescent="0.2">
      <c r="A47" s="18" t="s">
        <v>55</v>
      </c>
      <c r="B47" s="15">
        <v>412</v>
      </c>
      <c r="C47" s="16">
        <v>411</v>
      </c>
      <c r="D47" s="17">
        <v>823</v>
      </c>
    </row>
    <row r="48" spans="1:4" ht="18" customHeight="1" x14ac:dyDescent="0.2">
      <c r="A48" s="14">
        <v>35</v>
      </c>
      <c r="B48" s="15">
        <v>92</v>
      </c>
      <c r="C48" s="16">
        <v>80</v>
      </c>
      <c r="D48" s="17">
        <v>172</v>
      </c>
    </row>
    <row r="49" spans="1:4" ht="18" customHeight="1" x14ac:dyDescent="0.2">
      <c r="A49" s="14">
        <v>36</v>
      </c>
      <c r="B49" s="15">
        <v>69</v>
      </c>
      <c r="C49" s="16">
        <v>69</v>
      </c>
      <c r="D49" s="17">
        <v>138</v>
      </c>
    </row>
    <row r="50" spans="1:4" ht="18" customHeight="1" x14ac:dyDescent="0.2">
      <c r="A50" s="14">
        <v>37</v>
      </c>
      <c r="B50" s="15">
        <v>92</v>
      </c>
      <c r="C50" s="16">
        <v>81</v>
      </c>
      <c r="D50" s="17">
        <v>173</v>
      </c>
    </row>
    <row r="51" spans="1:4" ht="18" customHeight="1" x14ac:dyDescent="0.2">
      <c r="A51" s="14">
        <v>38</v>
      </c>
      <c r="B51" s="15">
        <v>94</v>
      </c>
      <c r="C51" s="16">
        <v>85</v>
      </c>
      <c r="D51" s="17">
        <v>179</v>
      </c>
    </row>
    <row r="52" spans="1:4" ht="18" customHeight="1" x14ac:dyDescent="0.2">
      <c r="A52" s="14">
        <v>39</v>
      </c>
      <c r="B52" s="15">
        <v>82</v>
      </c>
      <c r="C52" s="16">
        <v>75</v>
      </c>
      <c r="D52" s="17">
        <v>157</v>
      </c>
    </row>
    <row r="53" spans="1:4" ht="18" customHeight="1" x14ac:dyDescent="0.2">
      <c r="A53" s="18" t="s">
        <v>56</v>
      </c>
      <c r="B53" s="15">
        <v>429</v>
      </c>
      <c r="C53" s="16">
        <v>390</v>
      </c>
      <c r="D53" s="17">
        <v>819</v>
      </c>
    </row>
    <row r="54" spans="1:4" ht="18" customHeight="1" x14ac:dyDescent="0.2">
      <c r="A54" s="14">
        <v>40</v>
      </c>
      <c r="B54" s="15">
        <v>87</v>
      </c>
      <c r="C54" s="16">
        <v>93</v>
      </c>
      <c r="D54" s="17">
        <v>180</v>
      </c>
    </row>
    <row r="55" spans="1:4" ht="18" customHeight="1" x14ac:dyDescent="0.2">
      <c r="A55" s="14">
        <v>41</v>
      </c>
      <c r="B55" s="15">
        <v>87</v>
      </c>
      <c r="C55" s="16">
        <v>72</v>
      </c>
      <c r="D55" s="17">
        <v>159</v>
      </c>
    </row>
    <row r="56" spans="1:4" ht="18" customHeight="1" x14ac:dyDescent="0.2">
      <c r="A56" s="14">
        <v>42</v>
      </c>
      <c r="B56" s="15">
        <v>121</v>
      </c>
      <c r="C56" s="16">
        <v>77</v>
      </c>
      <c r="D56" s="17">
        <v>198</v>
      </c>
    </row>
    <row r="57" spans="1:4" ht="18" customHeight="1" x14ac:dyDescent="0.2">
      <c r="A57" s="14">
        <v>43</v>
      </c>
      <c r="B57" s="15">
        <v>78</v>
      </c>
      <c r="C57" s="16">
        <v>90</v>
      </c>
      <c r="D57" s="17">
        <v>168</v>
      </c>
    </row>
    <row r="58" spans="1:4" ht="18" customHeight="1" x14ac:dyDescent="0.2">
      <c r="A58" s="14">
        <v>44</v>
      </c>
      <c r="B58" s="15">
        <v>90</v>
      </c>
      <c r="C58" s="16">
        <v>88</v>
      </c>
      <c r="D58" s="17">
        <v>178</v>
      </c>
    </row>
    <row r="59" spans="1:4" ht="18" customHeight="1" x14ac:dyDescent="0.2">
      <c r="A59" s="18" t="s">
        <v>57</v>
      </c>
      <c r="B59" s="15">
        <v>463</v>
      </c>
      <c r="C59" s="16">
        <v>420</v>
      </c>
      <c r="D59" s="17">
        <v>883</v>
      </c>
    </row>
    <row r="60" spans="1:4" ht="18" customHeight="1" x14ac:dyDescent="0.2">
      <c r="A60" s="14">
        <v>45</v>
      </c>
      <c r="B60" s="15">
        <v>115</v>
      </c>
      <c r="C60" s="16">
        <v>111</v>
      </c>
      <c r="D60" s="17">
        <v>226</v>
      </c>
    </row>
    <row r="61" spans="1:4" ht="18" customHeight="1" x14ac:dyDescent="0.2">
      <c r="A61" s="14">
        <v>46</v>
      </c>
      <c r="B61" s="15">
        <v>103</v>
      </c>
      <c r="C61" s="16">
        <v>91</v>
      </c>
      <c r="D61" s="17">
        <v>194</v>
      </c>
    </row>
    <row r="62" spans="1:4" ht="18" customHeight="1" x14ac:dyDescent="0.2">
      <c r="A62" s="14">
        <v>47</v>
      </c>
      <c r="B62" s="15">
        <v>111</v>
      </c>
      <c r="C62" s="16">
        <v>106</v>
      </c>
      <c r="D62" s="17">
        <v>217</v>
      </c>
    </row>
    <row r="63" spans="1:4" ht="18" customHeight="1" x14ac:dyDescent="0.2">
      <c r="A63" s="14">
        <v>48</v>
      </c>
      <c r="B63" s="15">
        <v>98</v>
      </c>
      <c r="C63" s="16">
        <v>103</v>
      </c>
      <c r="D63" s="17">
        <v>201</v>
      </c>
    </row>
    <row r="64" spans="1:4" ht="18" customHeight="1" x14ac:dyDescent="0.2">
      <c r="A64" s="14">
        <v>49</v>
      </c>
      <c r="B64" s="15">
        <v>98</v>
      </c>
      <c r="C64" s="16">
        <v>105</v>
      </c>
      <c r="D64" s="17">
        <v>203</v>
      </c>
    </row>
    <row r="65" spans="1:4" ht="18" customHeight="1" x14ac:dyDescent="0.2">
      <c r="A65" s="18" t="s">
        <v>58</v>
      </c>
      <c r="B65" s="15">
        <v>525</v>
      </c>
      <c r="C65" s="16">
        <v>516</v>
      </c>
      <c r="D65" s="17">
        <v>1041</v>
      </c>
    </row>
    <row r="66" spans="1:4" ht="18" customHeight="1" x14ac:dyDescent="0.2">
      <c r="A66" s="14">
        <v>50</v>
      </c>
      <c r="B66" s="15">
        <v>119</v>
      </c>
      <c r="C66" s="16">
        <v>72</v>
      </c>
      <c r="D66" s="17">
        <v>191</v>
      </c>
    </row>
    <row r="67" spans="1:4" ht="18" customHeight="1" x14ac:dyDescent="0.2">
      <c r="A67" s="14">
        <v>51</v>
      </c>
      <c r="B67" s="15">
        <v>79</v>
      </c>
      <c r="C67" s="16">
        <v>101</v>
      </c>
      <c r="D67" s="17">
        <v>180</v>
      </c>
    </row>
    <row r="68" spans="1:4" ht="18" customHeight="1" x14ac:dyDescent="0.2">
      <c r="A68" s="14">
        <v>52</v>
      </c>
      <c r="B68" s="15">
        <v>81</v>
      </c>
      <c r="C68" s="16">
        <v>74</v>
      </c>
      <c r="D68" s="17">
        <v>155</v>
      </c>
    </row>
    <row r="69" spans="1:4" ht="18" customHeight="1" x14ac:dyDescent="0.2">
      <c r="A69" s="14">
        <v>53</v>
      </c>
      <c r="B69" s="15">
        <v>82</v>
      </c>
      <c r="C69" s="16">
        <v>79</v>
      </c>
      <c r="D69" s="17">
        <v>161</v>
      </c>
    </row>
    <row r="70" spans="1:4" ht="18" customHeight="1" x14ac:dyDescent="0.2">
      <c r="A70" s="14">
        <v>54</v>
      </c>
      <c r="B70" s="15">
        <v>64</v>
      </c>
      <c r="C70" s="16">
        <v>67</v>
      </c>
      <c r="D70" s="17">
        <v>131</v>
      </c>
    </row>
    <row r="71" spans="1:4" ht="18" customHeight="1" x14ac:dyDescent="0.2">
      <c r="A71" s="18" t="s">
        <v>59</v>
      </c>
      <c r="B71" s="15">
        <v>425</v>
      </c>
      <c r="C71" s="16">
        <v>393</v>
      </c>
      <c r="D71" s="17">
        <v>818</v>
      </c>
    </row>
    <row r="72" spans="1:4" ht="18" customHeight="1" x14ac:dyDescent="0.2">
      <c r="A72" s="14">
        <v>55</v>
      </c>
      <c r="B72" s="15">
        <v>67</v>
      </c>
      <c r="C72" s="16">
        <v>61</v>
      </c>
      <c r="D72" s="17">
        <v>128</v>
      </c>
    </row>
    <row r="73" spans="1:4" ht="18" customHeight="1" x14ac:dyDescent="0.2">
      <c r="A73" s="14">
        <v>56</v>
      </c>
      <c r="B73" s="15">
        <v>67</v>
      </c>
      <c r="C73" s="16">
        <v>60</v>
      </c>
      <c r="D73" s="17">
        <v>127</v>
      </c>
    </row>
    <row r="74" spans="1:4" ht="18" customHeight="1" x14ac:dyDescent="0.2">
      <c r="A74" s="14">
        <v>57</v>
      </c>
      <c r="B74" s="15">
        <v>88</v>
      </c>
      <c r="C74" s="16">
        <v>81</v>
      </c>
      <c r="D74" s="17">
        <v>169</v>
      </c>
    </row>
    <row r="75" spans="1:4" ht="18" customHeight="1" x14ac:dyDescent="0.2">
      <c r="A75" s="14">
        <v>58</v>
      </c>
      <c r="B75" s="15">
        <v>63</v>
      </c>
      <c r="C75" s="16">
        <v>69</v>
      </c>
      <c r="D75" s="17">
        <v>132</v>
      </c>
    </row>
    <row r="76" spans="1:4" ht="18" customHeight="1" x14ac:dyDescent="0.2">
      <c r="A76" s="14">
        <v>59</v>
      </c>
      <c r="B76" s="15">
        <v>62</v>
      </c>
      <c r="C76" s="16">
        <v>59</v>
      </c>
      <c r="D76" s="17">
        <v>121</v>
      </c>
    </row>
    <row r="77" spans="1:4" ht="18" customHeight="1" x14ac:dyDescent="0.2">
      <c r="A77" s="18" t="s">
        <v>60</v>
      </c>
      <c r="B77" s="15">
        <v>347</v>
      </c>
      <c r="C77" s="16">
        <v>330</v>
      </c>
      <c r="D77" s="17">
        <v>677</v>
      </c>
    </row>
    <row r="78" spans="1:4" ht="18" customHeight="1" x14ac:dyDescent="0.2">
      <c r="A78" s="14">
        <v>60</v>
      </c>
      <c r="B78" s="15">
        <v>50</v>
      </c>
      <c r="C78" s="16">
        <v>63</v>
      </c>
      <c r="D78" s="17">
        <v>113</v>
      </c>
    </row>
    <row r="79" spans="1:4" ht="18" customHeight="1" x14ac:dyDescent="0.2">
      <c r="A79" s="14">
        <v>61</v>
      </c>
      <c r="B79" s="15">
        <v>49</v>
      </c>
      <c r="C79" s="16">
        <v>70</v>
      </c>
      <c r="D79" s="17">
        <v>119</v>
      </c>
    </row>
    <row r="80" spans="1:4" ht="18" customHeight="1" x14ac:dyDescent="0.2">
      <c r="A80" s="14">
        <v>62</v>
      </c>
      <c r="B80" s="15">
        <v>56</v>
      </c>
      <c r="C80" s="16">
        <v>61</v>
      </c>
      <c r="D80" s="17">
        <v>117</v>
      </c>
    </row>
    <row r="81" spans="1:4" ht="18" customHeight="1" x14ac:dyDescent="0.2">
      <c r="A81" s="14">
        <v>63</v>
      </c>
      <c r="B81" s="15">
        <v>55</v>
      </c>
      <c r="C81" s="16">
        <v>54</v>
      </c>
      <c r="D81" s="17">
        <v>109</v>
      </c>
    </row>
    <row r="82" spans="1:4" ht="18" customHeight="1" x14ac:dyDescent="0.2">
      <c r="A82" s="14">
        <v>64</v>
      </c>
      <c r="B82" s="15">
        <v>71</v>
      </c>
      <c r="C82" s="16">
        <v>59</v>
      </c>
      <c r="D82" s="17">
        <v>130</v>
      </c>
    </row>
    <row r="83" spans="1:4" ht="18" customHeight="1" x14ac:dyDescent="0.2">
      <c r="A83" s="18" t="s">
        <v>61</v>
      </c>
      <c r="B83" s="15">
        <v>281</v>
      </c>
      <c r="C83" s="16">
        <v>307</v>
      </c>
      <c r="D83" s="17">
        <v>588</v>
      </c>
    </row>
    <row r="84" spans="1:4" ht="18" customHeight="1" x14ac:dyDescent="0.2">
      <c r="A84" s="18" t="s">
        <v>62</v>
      </c>
      <c r="B84" s="15">
        <v>3839</v>
      </c>
      <c r="C84" s="16">
        <v>3658</v>
      </c>
      <c r="D84" s="17">
        <v>7497</v>
      </c>
    </row>
    <row r="85" spans="1:4" ht="18" customHeight="1" x14ac:dyDescent="0.2">
      <c r="A85" s="14">
        <v>65</v>
      </c>
      <c r="B85" s="15">
        <v>68</v>
      </c>
      <c r="C85" s="16">
        <v>62</v>
      </c>
      <c r="D85" s="17">
        <v>130</v>
      </c>
    </row>
    <row r="86" spans="1:4" ht="18" customHeight="1" x14ac:dyDescent="0.2">
      <c r="A86" s="14">
        <v>66</v>
      </c>
      <c r="B86" s="15">
        <v>66</v>
      </c>
      <c r="C86" s="16">
        <v>62</v>
      </c>
      <c r="D86" s="17">
        <v>128</v>
      </c>
    </row>
    <row r="87" spans="1:4" ht="18" customHeight="1" x14ac:dyDescent="0.2">
      <c r="A87" s="14">
        <v>67</v>
      </c>
      <c r="B87" s="15">
        <v>67</v>
      </c>
      <c r="C87" s="16">
        <v>75</v>
      </c>
      <c r="D87" s="17">
        <v>142</v>
      </c>
    </row>
    <row r="88" spans="1:4" ht="18" customHeight="1" x14ac:dyDescent="0.2">
      <c r="A88" s="14">
        <v>68</v>
      </c>
      <c r="B88" s="15">
        <v>61</v>
      </c>
      <c r="C88" s="16">
        <v>73</v>
      </c>
      <c r="D88" s="17">
        <v>134</v>
      </c>
    </row>
    <row r="89" spans="1:4" ht="18" customHeight="1" x14ac:dyDescent="0.2">
      <c r="A89" s="14">
        <v>69</v>
      </c>
      <c r="B89" s="15">
        <v>71</v>
      </c>
      <c r="C89" s="16">
        <v>86</v>
      </c>
      <c r="D89" s="17">
        <v>157</v>
      </c>
    </row>
    <row r="90" spans="1:4" ht="18" customHeight="1" x14ac:dyDescent="0.2">
      <c r="A90" s="18" t="s">
        <v>63</v>
      </c>
      <c r="B90" s="15">
        <v>333</v>
      </c>
      <c r="C90" s="16">
        <v>358</v>
      </c>
      <c r="D90" s="17">
        <v>691</v>
      </c>
    </row>
    <row r="91" spans="1:4" ht="18" customHeight="1" x14ac:dyDescent="0.2">
      <c r="A91" s="14">
        <v>70</v>
      </c>
      <c r="B91" s="15">
        <v>96</v>
      </c>
      <c r="C91" s="16">
        <v>101</v>
      </c>
      <c r="D91" s="17">
        <v>197</v>
      </c>
    </row>
    <row r="92" spans="1:4" ht="18" customHeight="1" x14ac:dyDescent="0.2">
      <c r="A92" s="14">
        <v>71</v>
      </c>
      <c r="B92" s="15">
        <v>97</v>
      </c>
      <c r="C92" s="16">
        <v>88</v>
      </c>
      <c r="D92" s="17">
        <v>185</v>
      </c>
    </row>
    <row r="93" spans="1:4" ht="18" customHeight="1" x14ac:dyDescent="0.2">
      <c r="A93" s="14">
        <v>72</v>
      </c>
      <c r="B93" s="15">
        <v>82</v>
      </c>
      <c r="C93" s="16">
        <v>113</v>
      </c>
      <c r="D93" s="17">
        <v>195</v>
      </c>
    </row>
    <row r="94" spans="1:4" ht="18" customHeight="1" x14ac:dyDescent="0.2">
      <c r="A94" s="14">
        <v>73</v>
      </c>
      <c r="B94" s="15">
        <v>68</v>
      </c>
      <c r="C94" s="16">
        <v>99</v>
      </c>
      <c r="D94" s="17">
        <v>167</v>
      </c>
    </row>
    <row r="95" spans="1:4" ht="18" customHeight="1" x14ac:dyDescent="0.2">
      <c r="A95" s="14">
        <v>74</v>
      </c>
      <c r="B95" s="15">
        <v>43</v>
      </c>
      <c r="C95" s="16">
        <v>50</v>
      </c>
      <c r="D95" s="17">
        <v>93</v>
      </c>
    </row>
    <row r="96" spans="1:4" ht="18" customHeight="1" x14ac:dyDescent="0.2">
      <c r="A96" s="18" t="s">
        <v>64</v>
      </c>
      <c r="B96" s="15">
        <v>386</v>
      </c>
      <c r="C96" s="16">
        <v>451</v>
      </c>
      <c r="D96" s="17">
        <v>837</v>
      </c>
    </row>
    <row r="97" spans="1:4" ht="18" customHeight="1" x14ac:dyDescent="0.2">
      <c r="A97" s="14">
        <v>75</v>
      </c>
      <c r="B97" s="15">
        <v>58</v>
      </c>
      <c r="C97" s="16">
        <v>65</v>
      </c>
      <c r="D97" s="17">
        <v>123</v>
      </c>
    </row>
    <row r="98" spans="1:4" ht="18" customHeight="1" x14ac:dyDescent="0.2">
      <c r="A98" s="14">
        <v>76</v>
      </c>
      <c r="B98" s="15">
        <v>69</v>
      </c>
      <c r="C98" s="16">
        <v>87</v>
      </c>
      <c r="D98" s="17">
        <v>156</v>
      </c>
    </row>
    <row r="99" spans="1:4" ht="18" customHeight="1" x14ac:dyDescent="0.2">
      <c r="A99" s="14">
        <v>77</v>
      </c>
      <c r="B99" s="15">
        <v>57</v>
      </c>
      <c r="C99" s="16">
        <v>72</v>
      </c>
      <c r="D99" s="17">
        <v>129</v>
      </c>
    </row>
    <row r="100" spans="1:4" ht="18" customHeight="1" x14ac:dyDescent="0.2">
      <c r="A100" s="14">
        <v>78</v>
      </c>
      <c r="B100" s="15">
        <v>61</v>
      </c>
      <c r="C100" s="16">
        <v>93</v>
      </c>
      <c r="D100" s="17">
        <v>154</v>
      </c>
    </row>
    <row r="101" spans="1:4" ht="18" customHeight="1" x14ac:dyDescent="0.2">
      <c r="A101" s="14">
        <v>79</v>
      </c>
      <c r="B101" s="15">
        <v>59</v>
      </c>
      <c r="C101" s="16">
        <v>66</v>
      </c>
      <c r="D101" s="17">
        <v>125</v>
      </c>
    </row>
    <row r="102" spans="1:4" ht="18" customHeight="1" x14ac:dyDescent="0.2">
      <c r="A102" s="18" t="s">
        <v>65</v>
      </c>
      <c r="B102" s="15">
        <v>304</v>
      </c>
      <c r="C102" s="16">
        <v>383</v>
      </c>
      <c r="D102" s="17">
        <v>687</v>
      </c>
    </row>
    <row r="103" spans="1:4" ht="18" customHeight="1" x14ac:dyDescent="0.2">
      <c r="A103" s="14">
        <v>80</v>
      </c>
      <c r="B103" s="15">
        <v>44</v>
      </c>
      <c r="C103" s="16">
        <v>73</v>
      </c>
      <c r="D103" s="17">
        <v>117</v>
      </c>
    </row>
    <row r="104" spans="1:4" ht="18" customHeight="1" x14ac:dyDescent="0.2">
      <c r="A104" s="14">
        <v>81</v>
      </c>
      <c r="B104" s="15">
        <v>40</v>
      </c>
      <c r="C104" s="16">
        <v>63</v>
      </c>
      <c r="D104" s="17">
        <v>103</v>
      </c>
    </row>
    <row r="105" spans="1:4" ht="18" customHeight="1" x14ac:dyDescent="0.2">
      <c r="A105" s="14">
        <v>82</v>
      </c>
      <c r="B105" s="15">
        <v>32</v>
      </c>
      <c r="C105" s="16">
        <v>48</v>
      </c>
      <c r="D105" s="17">
        <v>80</v>
      </c>
    </row>
    <row r="106" spans="1:4" ht="18" customHeight="1" x14ac:dyDescent="0.2">
      <c r="A106" s="14">
        <v>83</v>
      </c>
      <c r="B106" s="15">
        <v>41</v>
      </c>
      <c r="C106" s="16">
        <v>42</v>
      </c>
      <c r="D106" s="17">
        <v>83</v>
      </c>
    </row>
    <row r="107" spans="1:4" ht="18" customHeight="1" x14ac:dyDescent="0.2">
      <c r="A107" s="14">
        <v>84</v>
      </c>
      <c r="B107" s="15">
        <v>46</v>
      </c>
      <c r="C107" s="16">
        <v>61</v>
      </c>
      <c r="D107" s="17">
        <v>107</v>
      </c>
    </row>
    <row r="108" spans="1:4" ht="18" customHeight="1" x14ac:dyDescent="0.2">
      <c r="A108" s="18" t="s">
        <v>66</v>
      </c>
      <c r="B108" s="15">
        <v>203</v>
      </c>
      <c r="C108" s="16">
        <v>287</v>
      </c>
      <c r="D108" s="17">
        <v>490</v>
      </c>
    </row>
    <row r="109" spans="1:4" ht="18" customHeight="1" x14ac:dyDescent="0.2">
      <c r="A109" s="14">
        <v>85</v>
      </c>
      <c r="B109" s="15">
        <v>30</v>
      </c>
      <c r="C109" s="16">
        <v>43</v>
      </c>
      <c r="D109" s="17">
        <v>73</v>
      </c>
    </row>
    <row r="110" spans="1:4" ht="18" customHeight="1" x14ac:dyDescent="0.2">
      <c r="A110" s="14">
        <v>86</v>
      </c>
      <c r="B110" s="15">
        <v>27</v>
      </c>
      <c r="C110" s="16">
        <v>56</v>
      </c>
      <c r="D110" s="17">
        <v>83</v>
      </c>
    </row>
    <row r="111" spans="1:4" ht="18" customHeight="1" x14ac:dyDescent="0.2">
      <c r="A111" s="14">
        <v>87</v>
      </c>
      <c r="B111" s="15">
        <v>25</v>
      </c>
      <c r="C111" s="16">
        <v>47</v>
      </c>
      <c r="D111" s="17">
        <v>72</v>
      </c>
    </row>
    <row r="112" spans="1:4" ht="18" customHeight="1" x14ac:dyDescent="0.2">
      <c r="A112" s="14">
        <v>88</v>
      </c>
      <c r="B112" s="15">
        <v>21</v>
      </c>
      <c r="C112" s="16">
        <v>35</v>
      </c>
      <c r="D112" s="17">
        <v>56</v>
      </c>
    </row>
    <row r="113" spans="1:4" ht="18" customHeight="1" x14ac:dyDescent="0.2">
      <c r="A113" s="14">
        <v>89</v>
      </c>
      <c r="B113" s="15">
        <v>15</v>
      </c>
      <c r="C113" s="16">
        <v>34</v>
      </c>
      <c r="D113" s="17">
        <v>49</v>
      </c>
    </row>
    <row r="114" spans="1:4" ht="18" customHeight="1" x14ac:dyDescent="0.2">
      <c r="A114" s="18" t="s">
        <v>67</v>
      </c>
      <c r="B114" s="15">
        <v>118</v>
      </c>
      <c r="C114" s="16">
        <v>215</v>
      </c>
      <c r="D114" s="17">
        <v>333</v>
      </c>
    </row>
    <row r="115" spans="1:4" ht="18" customHeight="1" x14ac:dyDescent="0.2">
      <c r="A115" s="14">
        <v>90</v>
      </c>
      <c r="B115" s="15">
        <v>9</v>
      </c>
      <c r="C115" s="16">
        <v>33</v>
      </c>
      <c r="D115" s="17">
        <v>42</v>
      </c>
    </row>
    <row r="116" spans="1:4" ht="18" customHeight="1" x14ac:dyDescent="0.2">
      <c r="A116" s="14">
        <v>91</v>
      </c>
      <c r="B116" s="15">
        <v>6</v>
      </c>
      <c r="C116" s="16">
        <v>23</v>
      </c>
      <c r="D116" s="17">
        <v>29</v>
      </c>
    </row>
    <row r="117" spans="1:4" ht="18" customHeight="1" x14ac:dyDescent="0.2">
      <c r="A117" s="14">
        <v>92</v>
      </c>
      <c r="B117" s="15">
        <v>3</v>
      </c>
      <c r="C117" s="16">
        <v>32</v>
      </c>
      <c r="D117" s="17">
        <v>35</v>
      </c>
    </row>
    <row r="118" spans="1:4" ht="18" customHeight="1" x14ac:dyDescent="0.2">
      <c r="A118" s="14">
        <v>93</v>
      </c>
      <c r="B118" s="15">
        <v>6</v>
      </c>
      <c r="C118" s="16">
        <v>20</v>
      </c>
      <c r="D118" s="17">
        <v>26</v>
      </c>
    </row>
    <row r="119" spans="1:4" ht="18" customHeight="1" x14ac:dyDescent="0.2">
      <c r="A119" s="14">
        <v>94</v>
      </c>
      <c r="B119" s="15">
        <v>5</v>
      </c>
      <c r="C119" s="16">
        <v>18</v>
      </c>
      <c r="D119" s="17">
        <v>23</v>
      </c>
    </row>
    <row r="120" spans="1:4" ht="18" customHeight="1" x14ac:dyDescent="0.2">
      <c r="A120" s="18" t="s">
        <v>68</v>
      </c>
      <c r="B120" s="15">
        <v>29</v>
      </c>
      <c r="C120" s="16">
        <v>126</v>
      </c>
      <c r="D120" s="17">
        <v>155</v>
      </c>
    </row>
    <row r="121" spans="1:4" ht="18" customHeight="1" x14ac:dyDescent="0.2">
      <c r="A121" s="14">
        <v>95</v>
      </c>
      <c r="B121" s="15">
        <v>2</v>
      </c>
      <c r="C121" s="16">
        <v>13</v>
      </c>
      <c r="D121" s="17">
        <v>15</v>
      </c>
    </row>
    <row r="122" spans="1:4" ht="18" customHeight="1" x14ac:dyDescent="0.2">
      <c r="A122" s="14">
        <v>96</v>
      </c>
      <c r="B122" s="15">
        <v>4</v>
      </c>
      <c r="C122" s="16">
        <v>12</v>
      </c>
      <c r="D122" s="17">
        <v>16</v>
      </c>
    </row>
    <row r="123" spans="1:4" ht="18" customHeight="1" x14ac:dyDescent="0.2">
      <c r="A123" s="14">
        <v>97</v>
      </c>
      <c r="B123" s="15">
        <v>4</v>
      </c>
      <c r="C123" s="16">
        <v>8</v>
      </c>
      <c r="D123" s="17">
        <v>12</v>
      </c>
    </row>
    <row r="124" spans="1:4" ht="18" customHeight="1" x14ac:dyDescent="0.2">
      <c r="A124" s="14">
        <v>98</v>
      </c>
      <c r="B124" s="15">
        <v>0</v>
      </c>
      <c r="C124" s="16">
        <v>7</v>
      </c>
      <c r="D124" s="17">
        <v>7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11</v>
      </c>
      <c r="C126" s="16">
        <v>42</v>
      </c>
      <c r="D126" s="17">
        <v>53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1385</v>
      </c>
      <c r="C130" s="5">
        <v>1867</v>
      </c>
      <c r="D130" s="6">
        <v>3252</v>
      </c>
    </row>
    <row r="131" spans="1:4" ht="18" customHeight="1" x14ac:dyDescent="0.2">
      <c r="A131" s="20" t="s">
        <v>47</v>
      </c>
      <c r="B131" s="7">
        <v>6060</v>
      </c>
      <c r="C131" s="8">
        <v>6382</v>
      </c>
      <c r="D131" s="9">
        <v>1244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3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90</v>
      </c>
      <c r="C5" s="12">
        <v>70</v>
      </c>
      <c r="D5" s="13">
        <v>160</v>
      </c>
    </row>
    <row r="6" spans="1:4" ht="18" customHeight="1" x14ac:dyDescent="0.2">
      <c r="A6" s="14">
        <v>1</v>
      </c>
      <c r="B6" s="15">
        <v>83</v>
      </c>
      <c r="C6" s="16">
        <v>69</v>
      </c>
      <c r="D6" s="17">
        <v>152</v>
      </c>
    </row>
    <row r="7" spans="1:4" ht="18" customHeight="1" x14ac:dyDescent="0.2">
      <c r="A7" s="14">
        <v>2</v>
      </c>
      <c r="B7" s="15">
        <v>97</v>
      </c>
      <c r="C7" s="16">
        <v>71</v>
      </c>
      <c r="D7" s="17">
        <v>168</v>
      </c>
    </row>
    <row r="8" spans="1:4" ht="18" customHeight="1" x14ac:dyDescent="0.2">
      <c r="A8" s="14">
        <v>3</v>
      </c>
      <c r="B8" s="15">
        <v>88</v>
      </c>
      <c r="C8" s="16">
        <v>72</v>
      </c>
      <c r="D8" s="17">
        <v>160</v>
      </c>
    </row>
    <row r="9" spans="1:4" ht="18" customHeight="1" x14ac:dyDescent="0.2">
      <c r="A9" s="14">
        <v>4</v>
      </c>
      <c r="B9" s="15">
        <v>105</v>
      </c>
      <c r="C9" s="16">
        <v>90</v>
      </c>
      <c r="D9" s="17">
        <v>195</v>
      </c>
    </row>
    <row r="10" spans="1:4" ht="18" customHeight="1" x14ac:dyDescent="0.2">
      <c r="A10" s="18" t="s">
        <v>48</v>
      </c>
      <c r="B10" s="15">
        <v>463</v>
      </c>
      <c r="C10" s="16">
        <v>372</v>
      </c>
      <c r="D10" s="17">
        <v>835</v>
      </c>
    </row>
    <row r="11" spans="1:4" ht="18" customHeight="1" x14ac:dyDescent="0.2">
      <c r="A11" s="14">
        <v>5</v>
      </c>
      <c r="B11" s="15">
        <v>93</v>
      </c>
      <c r="C11" s="16">
        <v>78</v>
      </c>
      <c r="D11" s="17">
        <v>171</v>
      </c>
    </row>
    <row r="12" spans="1:4" ht="18" customHeight="1" x14ac:dyDescent="0.2">
      <c r="A12" s="14">
        <v>6</v>
      </c>
      <c r="B12" s="15">
        <v>85</v>
      </c>
      <c r="C12" s="16">
        <v>97</v>
      </c>
      <c r="D12" s="17">
        <v>182</v>
      </c>
    </row>
    <row r="13" spans="1:4" ht="18" customHeight="1" x14ac:dyDescent="0.2">
      <c r="A13" s="14">
        <v>7</v>
      </c>
      <c r="B13" s="15">
        <v>92</v>
      </c>
      <c r="C13" s="16">
        <v>86</v>
      </c>
      <c r="D13" s="17">
        <v>178</v>
      </c>
    </row>
    <row r="14" spans="1:4" ht="18" customHeight="1" x14ac:dyDescent="0.2">
      <c r="A14" s="14">
        <v>8</v>
      </c>
      <c r="B14" s="15">
        <v>82</v>
      </c>
      <c r="C14" s="16">
        <v>99</v>
      </c>
      <c r="D14" s="17">
        <v>181</v>
      </c>
    </row>
    <row r="15" spans="1:4" ht="18" customHeight="1" x14ac:dyDescent="0.2">
      <c r="A15" s="14">
        <v>9</v>
      </c>
      <c r="B15" s="15">
        <v>102</v>
      </c>
      <c r="C15" s="16">
        <v>73</v>
      </c>
      <c r="D15" s="17">
        <v>175</v>
      </c>
    </row>
    <row r="16" spans="1:4" ht="18" customHeight="1" x14ac:dyDescent="0.2">
      <c r="A16" s="18" t="s">
        <v>49</v>
      </c>
      <c r="B16" s="15">
        <v>454</v>
      </c>
      <c r="C16" s="16">
        <v>433</v>
      </c>
      <c r="D16" s="17">
        <v>887</v>
      </c>
    </row>
    <row r="17" spans="1:4" ht="18" customHeight="1" x14ac:dyDescent="0.2">
      <c r="A17" s="14">
        <v>10</v>
      </c>
      <c r="B17" s="15">
        <v>88</v>
      </c>
      <c r="C17" s="16">
        <v>87</v>
      </c>
      <c r="D17" s="17">
        <v>175</v>
      </c>
    </row>
    <row r="18" spans="1:4" ht="18" customHeight="1" x14ac:dyDescent="0.2">
      <c r="A18" s="14">
        <v>11</v>
      </c>
      <c r="B18" s="15">
        <v>105</v>
      </c>
      <c r="C18" s="16">
        <v>93</v>
      </c>
      <c r="D18" s="17">
        <v>198</v>
      </c>
    </row>
    <row r="19" spans="1:4" ht="18" customHeight="1" x14ac:dyDescent="0.2">
      <c r="A19" s="14">
        <v>12</v>
      </c>
      <c r="B19" s="15">
        <v>80</v>
      </c>
      <c r="C19" s="16">
        <v>88</v>
      </c>
      <c r="D19" s="17">
        <v>168</v>
      </c>
    </row>
    <row r="20" spans="1:4" ht="18" customHeight="1" x14ac:dyDescent="0.2">
      <c r="A20" s="14">
        <v>13</v>
      </c>
      <c r="B20" s="15">
        <v>79</v>
      </c>
      <c r="C20" s="16">
        <v>102</v>
      </c>
      <c r="D20" s="17">
        <v>181</v>
      </c>
    </row>
    <row r="21" spans="1:4" ht="18" customHeight="1" x14ac:dyDescent="0.2">
      <c r="A21" s="14">
        <v>14</v>
      </c>
      <c r="B21" s="15">
        <v>84</v>
      </c>
      <c r="C21" s="16">
        <v>76</v>
      </c>
      <c r="D21" s="17">
        <v>160</v>
      </c>
    </row>
    <row r="22" spans="1:4" ht="18" customHeight="1" x14ac:dyDescent="0.2">
      <c r="A22" s="18" t="s">
        <v>50</v>
      </c>
      <c r="B22" s="15">
        <v>436</v>
      </c>
      <c r="C22" s="16">
        <v>446</v>
      </c>
      <c r="D22" s="17">
        <v>882</v>
      </c>
    </row>
    <row r="23" spans="1:4" ht="18" customHeight="1" x14ac:dyDescent="0.2">
      <c r="A23" s="18" t="s">
        <v>51</v>
      </c>
      <c r="B23" s="15">
        <v>1353</v>
      </c>
      <c r="C23" s="16">
        <v>1251</v>
      </c>
      <c r="D23" s="17">
        <v>2604</v>
      </c>
    </row>
    <row r="24" spans="1:4" ht="18" customHeight="1" x14ac:dyDescent="0.2">
      <c r="A24" s="14">
        <v>15</v>
      </c>
      <c r="B24" s="15">
        <v>84</v>
      </c>
      <c r="C24" s="16">
        <v>59</v>
      </c>
      <c r="D24" s="17">
        <v>143</v>
      </c>
    </row>
    <row r="25" spans="1:4" ht="18" customHeight="1" x14ac:dyDescent="0.2">
      <c r="A25" s="14">
        <v>16</v>
      </c>
      <c r="B25" s="15">
        <v>78</v>
      </c>
      <c r="C25" s="16">
        <v>81</v>
      </c>
      <c r="D25" s="17">
        <v>159</v>
      </c>
    </row>
    <row r="26" spans="1:4" ht="18" customHeight="1" x14ac:dyDescent="0.2">
      <c r="A26" s="14">
        <v>17</v>
      </c>
      <c r="B26" s="15">
        <v>77</v>
      </c>
      <c r="C26" s="16">
        <v>66</v>
      </c>
      <c r="D26" s="17">
        <v>143</v>
      </c>
    </row>
    <row r="27" spans="1:4" ht="18" customHeight="1" x14ac:dyDescent="0.2">
      <c r="A27" s="14">
        <v>18</v>
      </c>
      <c r="B27" s="15">
        <v>68</v>
      </c>
      <c r="C27" s="16">
        <v>72</v>
      </c>
      <c r="D27" s="17">
        <v>140</v>
      </c>
    </row>
    <row r="28" spans="1:4" ht="18" customHeight="1" x14ac:dyDescent="0.2">
      <c r="A28" s="14">
        <v>19</v>
      </c>
      <c r="B28" s="15">
        <v>57</v>
      </c>
      <c r="C28" s="16">
        <v>66</v>
      </c>
      <c r="D28" s="17">
        <v>123</v>
      </c>
    </row>
    <row r="29" spans="1:4" ht="18" customHeight="1" x14ac:dyDescent="0.2">
      <c r="A29" s="18" t="s">
        <v>52</v>
      </c>
      <c r="B29" s="15">
        <v>364</v>
      </c>
      <c r="C29" s="16">
        <v>344</v>
      </c>
      <c r="D29" s="17">
        <v>708</v>
      </c>
    </row>
    <row r="30" spans="1:4" ht="18" customHeight="1" x14ac:dyDescent="0.2">
      <c r="A30" s="14">
        <v>20</v>
      </c>
      <c r="B30" s="15">
        <v>77</v>
      </c>
      <c r="C30" s="16">
        <v>56</v>
      </c>
      <c r="D30" s="17">
        <v>133</v>
      </c>
    </row>
    <row r="31" spans="1:4" ht="18" customHeight="1" x14ac:dyDescent="0.2">
      <c r="A31" s="14">
        <v>21</v>
      </c>
      <c r="B31" s="15">
        <v>66</v>
      </c>
      <c r="C31" s="16">
        <v>64</v>
      </c>
      <c r="D31" s="17">
        <v>130</v>
      </c>
    </row>
    <row r="32" spans="1:4" ht="18" customHeight="1" x14ac:dyDescent="0.2">
      <c r="A32" s="14">
        <v>22</v>
      </c>
      <c r="B32" s="15">
        <v>57</v>
      </c>
      <c r="C32" s="16">
        <v>69</v>
      </c>
      <c r="D32" s="17">
        <v>126</v>
      </c>
    </row>
    <row r="33" spans="1:4" ht="18" customHeight="1" x14ac:dyDescent="0.2">
      <c r="A33" s="14">
        <v>23</v>
      </c>
      <c r="B33" s="15">
        <v>54</v>
      </c>
      <c r="C33" s="16">
        <v>73</v>
      </c>
      <c r="D33" s="17">
        <v>127</v>
      </c>
    </row>
    <row r="34" spans="1:4" ht="18" customHeight="1" x14ac:dyDescent="0.2">
      <c r="A34" s="14">
        <v>24</v>
      </c>
      <c r="B34" s="15">
        <v>58</v>
      </c>
      <c r="C34" s="16">
        <v>60</v>
      </c>
      <c r="D34" s="17">
        <v>118</v>
      </c>
    </row>
    <row r="35" spans="1:4" ht="18" customHeight="1" x14ac:dyDescent="0.2">
      <c r="A35" s="18" t="s">
        <v>53</v>
      </c>
      <c r="B35" s="15">
        <v>312</v>
      </c>
      <c r="C35" s="16">
        <v>322</v>
      </c>
      <c r="D35" s="17">
        <v>634</v>
      </c>
    </row>
    <row r="36" spans="1:4" ht="18" customHeight="1" x14ac:dyDescent="0.2">
      <c r="A36" s="14">
        <v>25</v>
      </c>
      <c r="B36" s="15">
        <v>69</v>
      </c>
      <c r="C36" s="16">
        <v>90</v>
      </c>
      <c r="D36" s="17">
        <v>159</v>
      </c>
    </row>
    <row r="37" spans="1:4" ht="18" customHeight="1" x14ac:dyDescent="0.2">
      <c r="A37" s="14">
        <v>26</v>
      </c>
      <c r="B37" s="15">
        <v>82</v>
      </c>
      <c r="C37" s="16">
        <v>85</v>
      </c>
      <c r="D37" s="17">
        <v>167</v>
      </c>
    </row>
    <row r="38" spans="1:4" ht="18" customHeight="1" x14ac:dyDescent="0.2">
      <c r="A38" s="14">
        <v>27</v>
      </c>
      <c r="B38" s="15">
        <v>66</v>
      </c>
      <c r="C38" s="16">
        <v>85</v>
      </c>
      <c r="D38" s="17">
        <v>151</v>
      </c>
    </row>
    <row r="39" spans="1:4" ht="18" customHeight="1" x14ac:dyDescent="0.2">
      <c r="A39" s="14">
        <v>28</v>
      </c>
      <c r="B39" s="15">
        <v>79</v>
      </c>
      <c r="C39" s="16">
        <v>79</v>
      </c>
      <c r="D39" s="17">
        <v>158</v>
      </c>
    </row>
    <row r="40" spans="1:4" ht="18" customHeight="1" x14ac:dyDescent="0.2">
      <c r="A40" s="14">
        <v>29</v>
      </c>
      <c r="B40" s="15">
        <v>89</v>
      </c>
      <c r="C40" s="16">
        <v>85</v>
      </c>
      <c r="D40" s="17">
        <v>174</v>
      </c>
    </row>
    <row r="41" spans="1:4" ht="18" customHeight="1" x14ac:dyDescent="0.2">
      <c r="A41" s="18" t="s">
        <v>54</v>
      </c>
      <c r="B41" s="15">
        <v>385</v>
      </c>
      <c r="C41" s="16">
        <v>424</v>
      </c>
      <c r="D41" s="17">
        <v>809</v>
      </c>
    </row>
    <row r="42" spans="1:4" ht="18" customHeight="1" x14ac:dyDescent="0.2">
      <c r="A42" s="14">
        <v>30</v>
      </c>
      <c r="B42" s="15">
        <v>91</v>
      </c>
      <c r="C42" s="16">
        <v>99</v>
      </c>
      <c r="D42" s="17">
        <v>190</v>
      </c>
    </row>
    <row r="43" spans="1:4" ht="18" customHeight="1" x14ac:dyDescent="0.2">
      <c r="A43" s="14">
        <v>31</v>
      </c>
      <c r="B43" s="15">
        <v>102</v>
      </c>
      <c r="C43" s="16">
        <v>100</v>
      </c>
      <c r="D43" s="17">
        <v>202</v>
      </c>
    </row>
    <row r="44" spans="1:4" ht="18" customHeight="1" x14ac:dyDescent="0.2">
      <c r="A44" s="14">
        <v>32</v>
      </c>
      <c r="B44" s="15">
        <v>110</v>
      </c>
      <c r="C44" s="16">
        <v>94</v>
      </c>
      <c r="D44" s="17">
        <v>204</v>
      </c>
    </row>
    <row r="45" spans="1:4" ht="18" customHeight="1" x14ac:dyDescent="0.2">
      <c r="A45" s="14">
        <v>33</v>
      </c>
      <c r="B45" s="15">
        <v>85</v>
      </c>
      <c r="C45" s="16">
        <v>97</v>
      </c>
      <c r="D45" s="17">
        <v>182</v>
      </c>
    </row>
    <row r="46" spans="1:4" ht="18" customHeight="1" x14ac:dyDescent="0.2">
      <c r="A46" s="14">
        <v>34</v>
      </c>
      <c r="B46" s="15">
        <v>119</v>
      </c>
      <c r="C46" s="16">
        <v>96</v>
      </c>
      <c r="D46" s="17">
        <v>215</v>
      </c>
    </row>
    <row r="47" spans="1:4" ht="18" customHeight="1" x14ac:dyDescent="0.2">
      <c r="A47" s="18" t="s">
        <v>55</v>
      </c>
      <c r="B47" s="15">
        <v>507</v>
      </c>
      <c r="C47" s="16">
        <v>486</v>
      </c>
      <c r="D47" s="17">
        <v>993</v>
      </c>
    </row>
    <row r="48" spans="1:4" ht="18" customHeight="1" x14ac:dyDescent="0.2">
      <c r="A48" s="14">
        <v>35</v>
      </c>
      <c r="B48" s="15">
        <v>119</v>
      </c>
      <c r="C48" s="16">
        <v>124</v>
      </c>
      <c r="D48" s="17">
        <v>243</v>
      </c>
    </row>
    <row r="49" spans="1:4" ht="18" customHeight="1" x14ac:dyDescent="0.2">
      <c r="A49" s="14">
        <v>36</v>
      </c>
      <c r="B49" s="15">
        <v>118</v>
      </c>
      <c r="C49" s="16">
        <v>108</v>
      </c>
      <c r="D49" s="17">
        <v>226</v>
      </c>
    </row>
    <row r="50" spans="1:4" ht="18" customHeight="1" x14ac:dyDescent="0.2">
      <c r="A50" s="14">
        <v>37</v>
      </c>
      <c r="B50" s="15">
        <v>133</v>
      </c>
      <c r="C50" s="16">
        <v>110</v>
      </c>
      <c r="D50" s="17">
        <v>243</v>
      </c>
    </row>
    <row r="51" spans="1:4" ht="18" customHeight="1" x14ac:dyDescent="0.2">
      <c r="A51" s="14">
        <v>38</v>
      </c>
      <c r="B51" s="15">
        <v>126</v>
      </c>
      <c r="C51" s="16">
        <v>107</v>
      </c>
      <c r="D51" s="17">
        <v>233</v>
      </c>
    </row>
    <row r="52" spans="1:4" ht="18" customHeight="1" x14ac:dyDescent="0.2">
      <c r="A52" s="14">
        <v>39</v>
      </c>
      <c r="B52" s="15">
        <v>130</v>
      </c>
      <c r="C52" s="16">
        <v>133</v>
      </c>
      <c r="D52" s="17">
        <v>263</v>
      </c>
    </row>
    <row r="53" spans="1:4" ht="18" customHeight="1" x14ac:dyDescent="0.2">
      <c r="A53" s="18" t="s">
        <v>56</v>
      </c>
      <c r="B53" s="15">
        <v>626</v>
      </c>
      <c r="C53" s="16">
        <v>582</v>
      </c>
      <c r="D53" s="17">
        <v>1208</v>
      </c>
    </row>
    <row r="54" spans="1:4" ht="18" customHeight="1" x14ac:dyDescent="0.2">
      <c r="A54" s="14">
        <v>40</v>
      </c>
      <c r="B54" s="15">
        <v>145</v>
      </c>
      <c r="C54" s="16">
        <v>115</v>
      </c>
      <c r="D54" s="17">
        <v>260</v>
      </c>
    </row>
    <row r="55" spans="1:4" ht="18" customHeight="1" x14ac:dyDescent="0.2">
      <c r="A55" s="14">
        <v>41</v>
      </c>
      <c r="B55" s="15">
        <v>122</v>
      </c>
      <c r="C55" s="16">
        <v>114</v>
      </c>
      <c r="D55" s="17">
        <v>236</v>
      </c>
    </row>
    <row r="56" spans="1:4" ht="18" customHeight="1" x14ac:dyDescent="0.2">
      <c r="A56" s="14">
        <v>42</v>
      </c>
      <c r="B56" s="15">
        <v>128</v>
      </c>
      <c r="C56" s="16">
        <v>114</v>
      </c>
      <c r="D56" s="17">
        <v>242</v>
      </c>
    </row>
    <row r="57" spans="1:4" ht="18" customHeight="1" x14ac:dyDescent="0.2">
      <c r="A57" s="14">
        <v>43</v>
      </c>
      <c r="B57" s="15">
        <v>135</v>
      </c>
      <c r="C57" s="16">
        <v>124</v>
      </c>
      <c r="D57" s="17">
        <v>259</v>
      </c>
    </row>
    <row r="58" spans="1:4" ht="18" customHeight="1" x14ac:dyDescent="0.2">
      <c r="A58" s="14">
        <v>44</v>
      </c>
      <c r="B58" s="15">
        <v>134</v>
      </c>
      <c r="C58" s="16">
        <v>118</v>
      </c>
      <c r="D58" s="17">
        <v>252</v>
      </c>
    </row>
    <row r="59" spans="1:4" ht="18" customHeight="1" x14ac:dyDescent="0.2">
      <c r="A59" s="18" t="s">
        <v>57</v>
      </c>
      <c r="B59" s="15">
        <v>664</v>
      </c>
      <c r="C59" s="16">
        <v>585</v>
      </c>
      <c r="D59" s="17">
        <v>1249</v>
      </c>
    </row>
    <row r="60" spans="1:4" ht="18" customHeight="1" x14ac:dyDescent="0.2">
      <c r="A60" s="14">
        <v>45</v>
      </c>
      <c r="B60" s="15">
        <v>166</v>
      </c>
      <c r="C60" s="16">
        <v>163</v>
      </c>
      <c r="D60" s="17">
        <v>329</v>
      </c>
    </row>
    <row r="61" spans="1:4" ht="18" customHeight="1" x14ac:dyDescent="0.2">
      <c r="A61" s="14">
        <v>46</v>
      </c>
      <c r="B61" s="15">
        <v>136</v>
      </c>
      <c r="C61" s="16">
        <v>159</v>
      </c>
      <c r="D61" s="17">
        <v>295</v>
      </c>
    </row>
    <row r="62" spans="1:4" ht="18" customHeight="1" x14ac:dyDescent="0.2">
      <c r="A62" s="14">
        <v>47</v>
      </c>
      <c r="B62" s="15">
        <v>132</v>
      </c>
      <c r="C62" s="16">
        <v>131</v>
      </c>
      <c r="D62" s="17">
        <v>263</v>
      </c>
    </row>
    <row r="63" spans="1:4" ht="18" customHeight="1" x14ac:dyDescent="0.2">
      <c r="A63" s="14">
        <v>48</v>
      </c>
      <c r="B63" s="15">
        <v>160</v>
      </c>
      <c r="C63" s="16">
        <v>124</v>
      </c>
      <c r="D63" s="17">
        <v>284</v>
      </c>
    </row>
    <row r="64" spans="1:4" ht="18" customHeight="1" x14ac:dyDescent="0.2">
      <c r="A64" s="14">
        <v>49</v>
      </c>
      <c r="B64" s="15">
        <v>116</v>
      </c>
      <c r="C64" s="16">
        <v>105</v>
      </c>
      <c r="D64" s="17">
        <v>221</v>
      </c>
    </row>
    <row r="65" spans="1:4" ht="18" customHeight="1" x14ac:dyDescent="0.2">
      <c r="A65" s="18" t="s">
        <v>58</v>
      </c>
      <c r="B65" s="15">
        <v>710</v>
      </c>
      <c r="C65" s="16">
        <v>682</v>
      </c>
      <c r="D65" s="17">
        <v>1392</v>
      </c>
    </row>
    <row r="66" spans="1:4" ht="18" customHeight="1" x14ac:dyDescent="0.2">
      <c r="A66" s="14">
        <v>50</v>
      </c>
      <c r="B66" s="15">
        <v>98</v>
      </c>
      <c r="C66" s="16">
        <v>94</v>
      </c>
      <c r="D66" s="17">
        <v>192</v>
      </c>
    </row>
    <row r="67" spans="1:4" ht="18" customHeight="1" x14ac:dyDescent="0.2">
      <c r="A67" s="14">
        <v>51</v>
      </c>
      <c r="B67" s="15">
        <v>100</v>
      </c>
      <c r="C67" s="16">
        <v>100</v>
      </c>
      <c r="D67" s="17">
        <v>200</v>
      </c>
    </row>
    <row r="68" spans="1:4" ht="18" customHeight="1" x14ac:dyDescent="0.2">
      <c r="A68" s="14">
        <v>52</v>
      </c>
      <c r="B68" s="15">
        <v>107</v>
      </c>
      <c r="C68" s="16">
        <v>91</v>
      </c>
      <c r="D68" s="17">
        <v>198</v>
      </c>
    </row>
    <row r="69" spans="1:4" ht="18" customHeight="1" x14ac:dyDescent="0.2">
      <c r="A69" s="14">
        <v>53</v>
      </c>
      <c r="B69" s="15">
        <v>78</v>
      </c>
      <c r="C69" s="16">
        <v>90</v>
      </c>
      <c r="D69" s="17">
        <v>168</v>
      </c>
    </row>
    <row r="70" spans="1:4" ht="18" customHeight="1" x14ac:dyDescent="0.2">
      <c r="A70" s="14">
        <v>54</v>
      </c>
      <c r="B70" s="15">
        <v>74</v>
      </c>
      <c r="C70" s="16">
        <v>73</v>
      </c>
      <c r="D70" s="17">
        <v>147</v>
      </c>
    </row>
    <row r="71" spans="1:4" ht="18" customHeight="1" x14ac:dyDescent="0.2">
      <c r="A71" s="18" t="s">
        <v>59</v>
      </c>
      <c r="B71" s="15">
        <v>457</v>
      </c>
      <c r="C71" s="16">
        <v>448</v>
      </c>
      <c r="D71" s="17">
        <v>905</v>
      </c>
    </row>
    <row r="72" spans="1:4" ht="18" customHeight="1" x14ac:dyDescent="0.2">
      <c r="A72" s="14">
        <v>55</v>
      </c>
      <c r="B72" s="15">
        <v>89</v>
      </c>
      <c r="C72" s="16">
        <v>105</v>
      </c>
      <c r="D72" s="17">
        <v>194</v>
      </c>
    </row>
    <row r="73" spans="1:4" ht="18" customHeight="1" x14ac:dyDescent="0.2">
      <c r="A73" s="14">
        <v>56</v>
      </c>
      <c r="B73" s="15">
        <v>67</v>
      </c>
      <c r="C73" s="16">
        <v>79</v>
      </c>
      <c r="D73" s="17">
        <v>146</v>
      </c>
    </row>
    <row r="74" spans="1:4" ht="18" customHeight="1" x14ac:dyDescent="0.2">
      <c r="A74" s="14">
        <v>57</v>
      </c>
      <c r="B74" s="15">
        <v>75</v>
      </c>
      <c r="C74" s="16">
        <v>86</v>
      </c>
      <c r="D74" s="17">
        <v>161</v>
      </c>
    </row>
    <row r="75" spans="1:4" ht="18" customHeight="1" x14ac:dyDescent="0.2">
      <c r="A75" s="14">
        <v>58</v>
      </c>
      <c r="B75" s="15">
        <v>65</v>
      </c>
      <c r="C75" s="16">
        <v>63</v>
      </c>
      <c r="D75" s="17">
        <v>128</v>
      </c>
    </row>
    <row r="76" spans="1:4" ht="18" customHeight="1" x14ac:dyDescent="0.2">
      <c r="A76" s="14">
        <v>59</v>
      </c>
      <c r="B76" s="15">
        <v>71</v>
      </c>
      <c r="C76" s="16">
        <v>78</v>
      </c>
      <c r="D76" s="17">
        <v>149</v>
      </c>
    </row>
    <row r="77" spans="1:4" ht="18" customHeight="1" x14ac:dyDescent="0.2">
      <c r="A77" s="18" t="s">
        <v>60</v>
      </c>
      <c r="B77" s="15">
        <v>367</v>
      </c>
      <c r="C77" s="16">
        <v>411</v>
      </c>
      <c r="D77" s="17">
        <v>778</v>
      </c>
    </row>
    <row r="78" spans="1:4" ht="18" customHeight="1" x14ac:dyDescent="0.2">
      <c r="A78" s="14">
        <v>60</v>
      </c>
      <c r="B78" s="15">
        <v>68</v>
      </c>
      <c r="C78" s="16">
        <v>78</v>
      </c>
      <c r="D78" s="17">
        <v>146</v>
      </c>
    </row>
    <row r="79" spans="1:4" ht="18" customHeight="1" x14ac:dyDescent="0.2">
      <c r="A79" s="14">
        <v>61</v>
      </c>
      <c r="B79" s="15">
        <v>72</v>
      </c>
      <c r="C79" s="16">
        <v>87</v>
      </c>
      <c r="D79" s="17">
        <v>159</v>
      </c>
    </row>
    <row r="80" spans="1:4" ht="18" customHeight="1" x14ac:dyDescent="0.2">
      <c r="A80" s="14">
        <v>62</v>
      </c>
      <c r="B80" s="15">
        <v>76</v>
      </c>
      <c r="C80" s="16">
        <v>76</v>
      </c>
      <c r="D80" s="17">
        <v>152</v>
      </c>
    </row>
    <row r="81" spans="1:4" ht="18" customHeight="1" x14ac:dyDescent="0.2">
      <c r="A81" s="14">
        <v>63</v>
      </c>
      <c r="B81" s="15">
        <v>70</v>
      </c>
      <c r="C81" s="16">
        <v>72</v>
      </c>
      <c r="D81" s="17">
        <v>142</v>
      </c>
    </row>
    <row r="82" spans="1:4" ht="18" customHeight="1" x14ac:dyDescent="0.2">
      <c r="A82" s="14">
        <v>64</v>
      </c>
      <c r="B82" s="15">
        <v>66</v>
      </c>
      <c r="C82" s="16">
        <v>72</v>
      </c>
      <c r="D82" s="17">
        <v>138</v>
      </c>
    </row>
    <row r="83" spans="1:4" ht="18" customHeight="1" x14ac:dyDescent="0.2">
      <c r="A83" s="18" t="s">
        <v>61</v>
      </c>
      <c r="B83" s="15">
        <v>352</v>
      </c>
      <c r="C83" s="16">
        <v>385</v>
      </c>
      <c r="D83" s="17">
        <v>737</v>
      </c>
    </row>
    <row r="84" spans="1:4" ht="18" customHeight="1" x14ac:dyDescent="0.2">
      <c r="A84" s="18" t="s">
        <v>62</v>
      </c>
      <c r="B84" s="15">
        <v>4744</v>
      </c>
      <c r="C84" s="16">
        <v>4669</v>
      </c>
      <c r="D84" s="17">
        <v>9413</v>
      </c>
    </row>
    <row r="85" spans="1:4" ht="18" customHeight="1" x14ac:dyDescent="0.2">
      <c r="A85" s="14">
        <v>65</v>
      </c>
      <c r="B85" s="15">
        <v>86</v>
      </c>
      <c r="C85" s="16">
        <v>74</v>
      </c>
      <c r="D85" s="17">
        <v>160</v>
      </c>
    </row>
    <row r="86" spans="1:4" ht="18" customHeight="1" x14ac:dyDescent="0.2">
      <c r="A86" s="14">
        <v>66</v>
      </c>
      <c r="B86" s="15">
        <v>72</v>
      </c>
      <c r="C86" s="16">
        <v>88</v>
      </c>
      <c r="D86" s="17">
        <v>160</v>
      </c>
    </row>
    <row r="87" spans="1:4" ht="18" customHeight="1" x14ac:dyDescent="0.2">
      <c r="A87" s="14">
        <v>67</v>
      </c>
      <c r="B87" s="15">
        <v>92</v>
      </c>
      <c r="C87" s="16">
        <v>110</v>
      </c>
      <c r="D87" s="17">
        <v>202</v>
      </c>
    </row>
    <row r="88" spans="1:4" ht="18" customHeight="1" x14ac:dyDescent="0.2">
      <c r="A88" s="14">
        <v>68</v>
      </c>
      <c r="B88" s="15">
        <v>83</v>
      </c>
      <c r="C88" s="16">
        <v>103</v>
      </c>
      <c r="D88" s="17">
        <v>186</v>
      </c>
    </row>
    <row r="89" spans="1:4" ht="18" customHeight="1" x14ac:dyDescent="0.2">
      <c r="A89" s="14">
        <v>69</v>
      </c>
      <c r="B89" s="15">
        <v>84</v>
      </c>
      <c r="C89" s="16">
        <v>96</v>
      </c>
      <c r="D89" s="17">
        <v>180</v>
      </c>
    </row>
    <row r="90" spans="1:4" ht="18" customHeight="1" x14ac:dyDescent="0.2">
      <c r="A90" s="18" t="s">
        <v>63</v>
      </c>
      <c r="B90" s="15">
        <v>417</v>
      </c>
      <c r="C90" s="16">
        <v>471</v>
      </c>
      <c r="D90" s="17">
        <v>888</v>
      </c>
    </row>
    <row r="91" spans="1:4" ht="18" customHeight="1" x14ac:dyDescent="0.2">
      <c r="A91" s="14">
        <v>70</v>
      </c>
      <c r="B91" s="15">
        <v>108</v>
      </c>
      <c r="C91" s="16">
        <v>114</v>
      </c>
      <c r="D91" s="17">
        <v>222</v>
      </c>
    </row>
    <row r="92" spans="1:4" ht="18" customHeight="1" x14ac:dyDescent="0.2">
      <c r="A92" s="14">
        <v>71</v>
      </c>
      <c r="B92" s="15">
        <v>107</v>
      </c>
      <c r="C92" s="16">
        <v>133</v>
      </c>
      <c r="D92" s="17">
        <v>240</v>
      </c>
    </row>
    <row r="93" spans="1:4" ht="18" customHeight="1" x14ac:dyDescent="0.2">
      <c r="A93" s="14">
        <v>72</v>
      </c>
      <c r="B93" s="15">
        <v>108</v>
      </c>
      <c r="C93" s="16">
        <v>171</v>
      </c>
      <c r="D93" s="17">
        <v>279</v>
      </c>
    </row>
    <row r="94" spans="1:4" ht="18" customHeight="1" x14ac:dyDescent="0.2">
      <c r="A94" s="14">
        <v>73</v>
      </c>
      <c r="B94" s="15">
        <v>114</v>
      </c>
      <c r="C94" s="16">
        <v>137</v>
      </c>
      <c r="D94" s="17">
        <v>251</v>
      </c>
    </row>
    <row r="95" spans="1:4" ht="18" customHeight="1" x14ac:dyDescent="0.2">
      <c r="A95" s="14">
        <v>74</v>
      </c>
      <c r="B95" s="15">
        <v>65</v>
      </c>
      <c r="C95" s="16">
        <v>74</v>
      </c>
      <c r="D95" s="17">
        <v>139</v>
      </c>
    </row>
    <row r="96" spans="1:4" ht="18" customHeight="1" x14ac:dyDescent="0.2">
      <c r="A96" s="18" t="s">
        <v>64</v>
      </c>
      <c r="B96" s="15">
        <v>502</v>
      </c>
      <c r="C96" s="16">
        <v>629</v>
      </c>
      <c r="D96" s="17">
        <v>1131</v>
      </c>
    </row>
    <row r="97" spans="1:4" ht="18" customHeight="1" x14ac:dyDescent="0.2">
      <c r="A97" s="14">
        <v>75</v>
      </c>
      <c r="B97" s="15">
        <v>81</v>
      </c>
      <c r="C97" s="16">
        <v>95</v>
      </c>
      <c r="D97" s="17">
        <v>176</v>
      </c>
    </row>
    <row r="98" spans="1:4" ht="18" customHeight="1" x14ac:dyDescent="0.2">
      <c r="A98" s="14">
        <v>76</v>
      </c>
      <c r="B98" s="15">
        <v>98</v>
      </c>
      <c r="C98" s="16">
        <v>112</v>
      </c>
      <c r="D98" s="17">
        <v>210</v>
      </c>
    </row>
    <row r="99" spans="1:4" ht="18" customHeight="1" x14ac:dyDescent="0.2">
      <c r="A99" s="14">
        <v>77</v>
      </c>
      <c r="B99" s="15">
        <v>76</v>
      </c>
      <c r="C99" s="16">
        <v>96</v>
      </c>
      <c r="D99" s="17">
        <v>172</v>
      </c>
    </row>
    <row r="100" spans="1:4" ht="18" customHeight="1" x14ac:dyDescent="0.2">
      <c r="A100" s="14">
        <v>78</v>
      </c>
      <c r="B100" s="15">
        <v>84</v>
      </c>
      <c r="C100" s="16">
        <v>115</v>
      </c>
      <c r="D100" s="17">
        <v>199</v>
      </c>
    </row>
    <row r="101" spans="1:4" ht="18" customHeight="1" x14ac:dyDescent="0.2">
      <c r="A101" s="14">
        <v>79</v>
      </c>
      <c r="B101" s="15">
        <v>74</v>
      </c>
      <c r="C101" s="16">
        <v>90</v>
      </c>
      <c r="D101" s="17">
        <v>164</v>
      </c>
    </row>
    <row r="102" spans="1:4" ht="18" customHeight="1" x14ac:dyDescent="0.2">
      <c r="A102" s="18" t="s">
        <v>65</v>
      </c>
      <c r="B102" s="15">
        <v>413</v>
      </c>
      <c r="C102" s="16">
        <v>508</v>
      </c>
      <c r="D102" s="17">
        <v>921</v>
      </c>
    </row>
    <row r="103" spans="1:4" ht="18" customHeight="1" x14ac:dyDescent="0.2">
      <c r="A103" s="14">
        <v>80</v>
      </c>
      <c r="B103" s="15">
        <v>55</v>
      </c>
      <c r="C103" s="16">
        <v>74</v>
      </c>
      <c r="D103" s="17">
        <v>129</v>
      </c>
    </row>
    <row r="104" spans="1:4" ht="18" customHeight="1" x14ac:dyDescent="0.2">
      <c r="A104" s="14">
        <v>81</v>
      </c>
      <c r="B104" s="15">
        <v>55</v>
      </c>
      <c r="C104" s="16">
        <v>53</v>
      </c>
      <c r="D104" s="17">
        <v>108</v>
      </c>
    </row>
    <row r="105" spans="1:4" ht="18" customHeight="1" x14ac:dyDescent="0.2">
      <c r="A105" s="14">
        <v>82</v>
      </c>
      <c r="B105" s="15">
        <v>55</v>
      </c>
      <c r="C105" s="16">
        <v>56</v>
      </c>
      <c r="D105" s="17">
        <v>111</v>
      </c>
    </row>
    <row r="106" spans="1:4" ht="18" customHeight="1" x14ac:dyDescent="0.2">
      <c r="A106" s="14">
        <v>83</v>
      </c>
      <c r="B106" s="15">
        <v>42</v>
      </c>
      <c r="C106" s="16">
        <v>56</v>
      </c>
      <c r="D106" s="17">
        <v>98</v>
      </c>
    </row>
    <row r="107" spans="1:4" ht="18" customHeight="1" x14ac:dyDescent="0.2">
      <c r="A107" s="14">
        <v>84</v>
      </c>
      <c r="B107" s="15">
        <v>35</v>
      </c>
      <c r="C107" s="16">
        <v>62</v>
      </c>
      <c r="D107" s="17">
        <v>97</v>
      </c>
    </row>
    <row r="108" spans="1:4" ht="18" customHeight="1" x14ac:dyDescent="0.2">
      <c r="A108" s="18" t="s">
        <v>66</v>
      </c>
      <c r="B108" s="15">
        <v>242</v>
      </c>
      <c r="C108" s="16">
        <v>301</v>
      </c>
      <c r="D108" s="17">
        <v>543</v>
      </c>
    </row>
    <row r="109" spans="1:4" ht="18" customHeight="1" x14ac:dyDescent="0.2">
      <c r="A109" s="14">
        <v>85</v>
      </c>
      <c r="B109" s="15">
        <v>39</v>
      </c>
      <c r="C109" s="16">
        <v>55</v>
      </c>
      <c r="D109" s="17">
        <v>94</v>
      </c>
    </row>
    <row r="110" spans="1:4" ht="18" customHeight="1" x14ac:dyDescent="0.2">
      <c r="A110" s="14">
        <v>86</v>
      </c>
      <c r="B110" s="15">
        <v>31</v>
      </c>
      <c r="C110" s="16">
        <v>35</v>
      </c>
      <c r="D110" s="17">
        <v>66</v>
      </c>
    </row>
    <row r="111" spans="1:4" ht="18" customHeight="1" x14ac:dyDescent="0.2">
      <c r="A111" s="14">
        <v>87</v>
      </c>
      <c r="B111" s="15">
        <v>26</v>
      </c>
      <c r="C111" s="16">
        <v>35</v>
      </c>
      <c r="D111" s="17">
        <v>61</v>
      </c>
    </row>
    <row r="112" spans="1:4" ht="18" customHeight="1" x14ac:dyDescent="0.2">
      <c r="A112" s="14">
        <v>88</v>
      </c>
      <c r="B112" s="15">
        <v>11</v>
      </c>
      <c r="C112" s="16">
        <v>26</v>
      </c>
      <c r="D112" s="17">
        <v>37</v>
      </c>
    </row>
    <row r="113" spans="1:4" ht="18" customHeight="1" x14ac:dyDescent="0.2">
      <c r="A113" s="14">
        <v>89</v>
      </c>
      <c r="B113" s="15">
        <v>17</v>
      </c>
      <c r="C113" s="16">
        <v>39</v>
      </c>
      <c r="D113" s="17">
        <v>56</v>
      </c>
    </row>
    <row r="114" spans="1:4" ht="18" customHeight="1" x14ac:dyDescent="0.2">
      <c r="A114" s="18" t="s">
        <v>67</v>
      </c>
      <c r="B114" s="15">
        <v>124</v>
      </c>
      <c r="C114" s="16">
        <v>190</v>
      </c>
      <c r="D114" s="17">
        <v>314</v>
      </c>
    </row>
    <row r="115" spans="1:4" ht="18" customHeight="1" x14ac:dyDescent="0.2">
      <c r="A115" s="14">
        <v>90</v>
      </c>
      <c r="B115" s="15">
        <v>11</v>
      </c>
      <c r="C115" s="16">
        <v>21</v>
      </c>
      <c r="D115" s="17">
        <v>32</v>
      </c>
    </row>
    <row r="116" spans="1:4" ht="18" customHeight="1" x14ac:dyDescent="0.2">
      <c r="A116" s="14">
        <v>91</v>
      </c>
      <c r="B116" s="15">
        <v>13</v>
      </c>
      <c r="C116" s="16">
        <v>32</v>
      </c>
      <c r="D116" s="17">
        <v>45</v>
      </c>
    </row>
    <row r="117" spans="1:4" ht="18" customHeight="1" x14ac:dyDescent="0.2">
      <c r="A117" s="14">
        <v>92</v>
      </c>
      <c r="B117" s="15">
        <v>7</v>
      </c>
      <c r="C117" s="16">
        <v>16</v>
      </c>
      <c r="D117" s="17">
        <v>23</v>
      </c>
    </row>
    <row r="118" spans="1:4" ht="18" customHeight="1" x14ac:dyDescent="0.2">
      <c r="A118" s="14">
        <v>93</v>
      </c>
      <c r="B118" s="15">
        <v>8</v>
      </c>
      <c r="C118" s="16">
        <v>18</v>
      </c>
      <c r="D118" s="17">
        <v>26</v>
      </c>
    </row>
    <row r="119" spans="1:4" ht="18" customHeight="1" x14ac:dyDescent="0.2">
      <c r="A119" s="14">
        <v>94</v>
      </c>
      <c r="B119" s="15">
        <v>0</v>
      </c>
      <c r="C119" s="16">
        <v>13</v>
      </c>
      <c r="D119" s="17">
        <v>13</v>
      </c>
    </row>
    <row r="120" spans="1:4" ht="18" customHeight="1" x14ac:dyDescent="0.2">
      <c r="A120" s="18" t="s">
        <v>68</v>
      </c>
      <c r="B120" s="15">
        <v>39</v>
      </c>
      <c r="C120" s="16">
        <v>100</v>
      </c>
      <c r="D120" s="17">
        <v>139</v>
      </c>
    </row>
    <row r="121" spans="1:4" ht="18" customHeight="1" x14ac:dyDescent="0.2">
      <c r="A121" s="14">
        <v>95</v>
      </c>
      <c r="B121" s="15">
        <v>5</v>
      </c>
      <c r="C121" s="16">
        <v>14</v>
      </c>
      <c r="D121" s="17">
        <v>19</v>
      </c>
    </row>
    <row r="122" spans="1:4" ht="18" customHeight="1" x14ac:dyDescent="0.2">
      <c r="A122" s="14">
        <v>96</v>
      </c>
      <c r="B122" s="15">
        <v>1</v>
      </c>
      <c r="C122" s="16">
        <v>16</v>
      </c>
      <c r="D122" s="17">
        <v>17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0</v>
      </c>
      <c r="D124" s="17">
        <v>10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6</v>
      </c>
      <c r="C126" s="16">
        <v>49</v>
      </c>
      <c r="D126" s="17">
        <v>55</v>
      </c>
    </row>
    <row r="127" spans="1:4" ht="18" customHeight="1" x14ac:dyDescent="0.2">
      <c r="A127" s="14">
        <v>100</v>
      </c>
      <c r="B127" s="15">
        <v>1</v>
      </c>
      <c r="C127" s="16">
        <v>3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7</v>
      </c>
      <c r="D129" s="17">
        <v>8</v>
      </c>
    </row>
    <row r="130" spans="1:4" ht="18" customHeight="1" x14ac:dyDescent="0.2">
      <c r="A130" s="18" t="s">
        <v>72</v>
      </c>
      <c r="B130" s="4">
        <v>1744</v>
      </c>
      <c r="C130" s="5">
        <v>2255</v>
      </c>
      <c r="D130" s="6">
        <v>3999</v>
      </c>
    </row>
    <row r="131" spans="1:4" ht="18" customHeight="1" x14ac:dyDescent="0.2">
      <c r="A131" s="20" t="s">
        <v>47</v>
      </c>
      <c r="B131" s="7">
        <v>7841</v>
      </c>
      <c r="C131" s="8">
        <v>8175</v>
      </c>
      <c r="D131" s="9">
        <v>1601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3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6</v>
      </c>
      <c r="C5" s="12">
        <v>47</v>
      </c>
      <c r="D5" s="13">
        <v>93</v>
      </c>
    </row>
    <row r="6" spans="1:4" ht="18" customHeight="1" x14ac:dyDescent="0.2">
      <c r="A6" s="14">
        <v>1</v>
      </c>
      <c r="B6" s="15">
        <v>54</v>
      </c>
      <c r="C6" s="16">
        <v>52</v>
      </c>
      <c r="D6" s="17">
        <v>106</v>
      </c>
    </row>
    <row r="7" spans="1:4" ht="18" customHeight="1" x14ac:dyDescent="0.2">
      <c r="A7" s="14">
        <v>2</v>
      </c>
      <c r="B7" s="15">
        <v>56</v>
      </c>
      <c r="C7" s="16">
        <v>50</v>
      </c>
      <c r="D7" s="17">
        <v>106</v>
      </c>
    </row>
    <row r="8" spans="1:4" ht="18" customHeight="1" x14ac:dyDescent="0.2">
      <c r="A8" s="14">
        <v>3</v>
      </c>
      <c r="B8" s="15">
        <v>69</v>
      </c>
      <c r="C8" s="16">
        <v>59</v>
      </c>
      <c r="D8" s="17">
        <v>128</v>
      </c>
    </row>
    <row r="9" spans="1:4" ht="18" customHeight="1" x14ac:dyDescent="0.2">
      <c r="A9" s="14">
        <v>4</v>
      </c>
      <c r="B9" s="15">
        <v>54</v>
      </c>
      <c r="C9" s="16">
        <v>54</v>
      </c>
      <c r="D9" s="17">
        <v>108</v>
      </c>
    </row>
    <row r="10" spans="1:4" ht="18" customHeight="1" x14ac:dyDescent="0.2">
      <c r="A10" s="18" t="s">
        <v>48</v>
      </c>
      <c r="B10" s="15">
        <v>279</v>
      </c>
      <c r="C10" s="16">
        <v>262</v>
      </c>
      <c r="D10" s="17">
        <v>541</v>
      </c>
    </row>
    <row r="11" spans="1:4" ht="18" customHeight="1" x14ac:dyDescent="0.2">
      <c r="A11" s="14">
        <v>5</v>
      </c>
      <c r="B11" s="15">
        <v>51</v>
      </c>
      <c r="C11" s="16">
        <v>59</v>
      </c>
      <c r="D11" s="17">
        <v>110</v>
      </c>
    </row>
    <row r="12" spans="1:4" ht="18" customHeight="1" x14ac:dyDescent="0.2">
      <c r="A12" s="14">
        <v>6</v>
      </c>
      <c r="B12" s="15">
        <v>50</v>
      </c>
      <c r="C12" s="16">
        <v>55</v>
      </c>
      <c r="D12" s="17">
        <v>105</v>
      </c>
    </row>
    <row r="13" spans="1:4" ht="18" customHeight="1" x14ac:dyDescent="0.2">
      <c r="A13" s="14">
        <v>7</v>
      </c>
      <c r="B13" s="15">
        <v>53</v>
      </c>
      <c r="C13" s="16">
        <v>55</v>
      </c>
      <c r="D13" s="17">
        <v>108</v>
      </c>
    </row>
    <row r="14" spans="1:4" ht="18" customHeight="1" x14ac:dyDescent="0.2">
      <c r="A14" s="14">
        <v>8</v>
      </c>
      <c r="B14" s="15">
        <v>44</v>
      </c>
      <c r="C14" s="16">
        <v>44</v>
      </c>
      <c r="D14" s="17">
        <v>88</v>
      </c>
    </row>
    <row r="15" spans="1:4" ht="18" customHeight="1" x14ac:dyDescent="0.2">
      <c r="A15" s="14">
        <v>9</v>
      </c>
      <c r="B15" s="15">
        <v>59</v>
      </c>
      <c r="C15" s="16">
        <v>45</v>
      </c>
      <c r="D15" s="17">
        <v>104</v>
      </c>
    </row>
    <row r="16" spans="1:4" ht="18" customHeight="1" x14ac:dyDescent="0.2">
      <c r="A16" s="18" t="s">
        <v>49</v>
      </c>
      <c r="B16" s="15">
        <v>257</v>
      </c>
      <c r="C16" s="16">
        <v>258</v>
      </c>
      <c r="D16" s="17">
        <v>515</v>
      </c>
    </row>
    <row r="17" spans="1:4" ht="18" customHeight="1" x14ac:dyDescent="0.2">
      <c r="A17" s="14">
        <v>10</v>
      </c>
      <c r="B17" s="15">
        <v>43</v>
      </c>
      <c r="C17" s="16">
        <v>47</v>
      </c>
      <c r="D17" s="17">
        <v>90</v>
      </c>
    </row>
    <row r="18" spans="1:4" ht="18" customHeight="1" x14ac:dyDescent="0.2">
      <c r="A18" s="14">
        <v>11</v>
      </c>
      <c r="B18" s="15">
        <v>53</v>
      </c>
      <c r="C18" s="16">
        <v>39</v>
      </c>
      <c r="D18" s="17">
        <v>92</v>
      </c>
    </row>
    <row r="19" spans="1:4" ht="18" customHeight="1" x14ac:dyDescent="0.2">
      <c r="A19" s="14">
        <v>12</v>
      </c>
      <c r="B19" s="15">
        <v>44</v>
      </c>
      <c r="C19" s="16">
        <v>46</v>
      </c>
      <c r="D19" s="17">
        <v>90</v>
      </c>
    </row>
    <row r="20" spans="1:4" ht="18" customHeight="1" x14ac:dyDescent="0.2">
      <c r="A20" s="14">
        <v>13</v>
      </c>
      <c r="B20" s="15">
        <v>44</v>
      </c>
      <c r="C20" s="16">
        <v>48</v>
      </c>
      <c r="D20" s="17">
        <v>92</v>
      </c>
    </row>
    <row r="21" spans="1:4" ht="18" customHeight="1" x14ac:dyDescent="0.2">
      <c r="A21" s="14">
        <v>14</v>
      </c>
      <c r="B21" s="15">
        <v>66</v>
      </c>
      <c r="C21" s="16">
        <v>39</v>
      </c>
      <c r="D21" s="17">
        <v>105</v>
      </c>
    </row>
    <row r="22" spans="1:4" ht="18" customHeight="1" x14ac:dyDescent="0.2">
      <c r="A22" s="18" t="s">
        <v>50</v>
      </c>
      <c r="B22" s="15">
        <v>250</v>
      </c>
      <c r="C22" s="16">
        <v>219</v>
      </c>
      <c r="D22" s="17">
        <v>469</v>
      </c>
    </row>
    <row r="23" spans="1:4" ht="18" customHeight="1" x14ac:dyDescent="0.2">
      <c r="A23" s="18" t="s">
        <v>51</v>
      </c>
      <c r="B23" s="15">
        <v>786</v>
      </c>
      <c r="C23" s="16">
        <v>739</v>
      </c>
      <c r="D23" s="17">
        <v>1525</v>
      </c>
    </row>
    <row r="24" spans="1:4" ht="18" customHeight="1" x14ac:dyDescent="0.2">
      <c r="A24" s="14">
        <v>15</v>
      </c>
      <c r="B24" s="15">
        <v>48</v>
      </c>
      <c r="C24" s="16">
        <v>50</v>
      </c>
      <c r="D24" s="17">
        <v>98</v>
      </c>
    </row>
    <row r="25" spans="1:4" ht="18" customHeight="1" x14ac:dyDescent="0.2">
      <c r="A25" s="14">
        <v>16</v>
      </c>
      <c r="B25" s="15">
        <v>44</v>
      </c>
      <c r="C25" s="16">
        <v>34</v>
      </c>
      <c r="D25" s="17">
        <v>78</v>
      </c>
    </row>
    <row r="26" spans="1:4" ht="18" customHeight="1" x14ac:dyDescent="0.2">
      <c r="A26" s="14">
        <v>17</v>
      </c>
      <c r="B26" s="15">
        <v>52</v>
      </c>
      <c r="C26" s="16">
        <v>47</v>
      </c>
      <c r="D26" s="17">
        <v>99</v>
      </c>
    </row>
    <row r="27" spans="1:4" ht="18" customHeight="1" x14ac:dyDescent="0.2">
      <c r="A27" s="14">
        <v>18</v>
      </c>
      <c r="B27" s="15">
        <v>44</v>
      </c>
      <c r="C27" s="16">
        <v>48</v>
      </c>
      <c r="D27" s="17">
        <v>92</v>
      </c>
    </row>
    <row r="28" spans="1:4" ht="18" customHeight="1" x14ac:dyDescent="0.2">
      <c r="A28" s="14">
        <v>19</v>
      </c>
      <c r="B28" s="15">
        <v>57</v>
      </c>
      <c r="C28" s="16">
        <v>55</v>
      </c>
      <c r="D28" s="17">
        <v>112</v>
      </c>
    </row>
    <row r="29" spans="1:4" ht="18" customHeight="1" x14ac:dyDescent="0.2">
      <c r="A29" s="18" t="s">
        <v>52</v>
      </c>
      <c r="B29" s="15">
        <v>245</v>
      </c>
      <c r="C29" s="16">
        <v>234</v>
      </c>
      <c r="D29" s="17">
        <v>479</v>
      </c>
    </row>
    <row r="30" spans="1:4" ht="18" customHeight="1" x14ac:dyDescent="0.2">
      <c r="A30" s="14">
        <v>20</v>
      </c>
      <c r="B30" s="15">
        <v>39</v>
      </c>
      <c r="C30" s="16">
        <v>39</v>
      </c>
      <c r="D30" s="17">
        <v>78</v>
      </c>
    </row>
    <row r="31" spans="1:4" ht="18" customHeight="1" x14ac:dyDescent="0.2">
      <c r="A31" s="14">
        <v>21</v>
      </c>
      <c r="B31" s="15">
        <v>47</v>
      </c>
      <c r="C31" s="16">
        <v>39</v>
      </c>
      <c r="D31" s="17">
        <v>86</v>
      </c>
    </row>
    <row r="32" spans="1:4" ht="18" customHeight="1" x14ac:dyDescent="0.2">
      <c r="A32" s="14">
        <v>22</v>
      </c>
      <c r="B32" s="15">
        <v>61</v>
      </c>
      <c r="C32" s="16">
        <v>58</v>
      </c>
      <c r="D32" s="17">
        <v>119</v>
      </c>
    </row>
    <row r="33" spans="1:4" ht="18" customHeight="1" x14ac:dyDescent="0.2">
      <c r="A33" s="14">
        <v>23</v>
      </c>
      <c r="B33" s="15">
        <v>48</v>
      </c>
      <c r="C33" s="16">
        <v>57</v>
      </c>
      <c r="D33" s="17">
        <v>105</v>
      </c>
    </row>
    <row r="34" spans="1:4" ht="18" customHeight="1" x14ac:dyDescent="0.2">
      <c r="A34" s="14">
        <v>24</v>
      </c>
      <c r="B34" s="15">
        <v>51</v>
      </c>
      <c r="C34" s="16">
        <v>46</v>
      </c>
      <c r="D34" s="17">
        <v>97</v>
      </c>
    </row>
    <row r="35" spans="1:4" ht="18" customHeight="1" x14ac:dyDescent="0.2">
      <c r="A35" s="18" t="s">
        <v>53</v>
      </c>
      <c r="B35" s="15">
        <v>246</v>
      </c>
      <c r="C35" s="16">
        <v>239</v>
      </c>
      <c r="D35" s="17">
        <v>485</v>
      </c>
    </row>
    <row r="36" spans="1:4" ht="18" customHeight="1" x14ac:dyDescent="0.2">
      <c r="A36" s="14">
        <v>25</v>
      </c>
      <c r="B36" s="15">
        <v>68</v>
      </c>
      <c r="C36" s="16">
        <v>69</v>
      </c>
      <c r="D36" s="17">
        <v>137</v>
      </c>
    </row>
    <row r="37" spans="1:4" ht="18" customHeight="1" x14ac:dyDescent="0.2">
      <c r="A37" s="14">
        <v>26</v>
      </c>
      <c r="B37" s="15">
        <v>52</v>
      </c>
      <c r="C37" s="16">
        <v>70</v>
      </c>
      <c r="D37" s="17">
        <v>122</v>
      </c>
    </row>
    <row r="38" spans="1:4" ht="18" customHeight="1" x14ac:dyDescent="0.2">
      <c r="A38" s="14">
        <v>27</v>
      </c>
      <c r="B38" s="15">
        <v>70</v>
      </c>
      <c r="C38" s="16">
        <v>61</v>
      </c>
      <c r="D38" s="17">
        <v>131</v>
      </c>
    </row>
    <row r="39" spans="1:4" ht="18" customHeight="1" x14ac:dyDescent="0.2">
      <c r="A39" s="14">
        <v>28</v>
      </c>
      <c r="B39" s="15">
        <v>64</v>
      </c>
      <c r="C39" s="16">
        <v>61</v>
      </c>
      <c r="D39" s="17">
        <v>125</v>
      </c>
    </row>
    <row r="40" spans="1:4" ht="18" customHeight="1" x14ac:dyDescent="0.2">
      <c r="A40" s="14">
        <v>29</v>
      </c>
      <c r="B40" s="15">
        <v>73</v>
      </c>
      <c r="C40" s="16">
        <v>56</v>
      </c>
      <c r="D40" s="17">
        <v>129</v>
      </c>
    </row>
    <row r="41" spans="1:4" ht="18" customHeight="1" x14ac:dyDescent="0.2">
      <c r="A41" s="18" t="s">
        <v>54</v>
      </c>
      <c r="B41" s="15">
        <v>327</v>
      </c>
      <c r="C41" s="16">
        <v>317</v>
      </c>
      <c r="D41" s="17">
        <v>644</v>
      </c>
    </row>
    <row r="42" spans="1:4" ht="18" customHeight="1" x14ac:dyDescent="0.2">
      <c r="A42" s="14">
        <v>30</v>
      </c>
      <c r="B42" s="15">
        <v>68</v>
      </c>
      <c r="C42" s="16">
        <v>70</v>
      </c>
      <c r="D42" s="17">
        <v>138</v>
      </c>
    </row>
    <row r="43" spans="1:4" ht="18" customHeight="1" x14ac:dyDescent="0.2">
      <c r="A43" s="14">
        <v>31</v>
      </c>
      <c r="B43" s="15">
        <v>63</v>
      </c>
      <c r="C43" s="16">
        <v>77</v>
      </c>
      <c r="D43" s="17">
        <v>140</v>
      </c>
    </row>
    <row r="44" spans="1:4" ht="18" customHeight="1" x14ac:dyDescent="0.2">
      <c r="A44" s="14">
        <v>32</v>
      </c>
      <c r="B44" s="15">
        <v>69</v>
      </c>
      <c r="C44" s="16">
        <v>71</v>
      </c>
      <c r="D44" s="17">
        <v>140</v>
      </c>
    </row>
    <row r="45" spans="1:4" ht="18" customHeight="1" x14ac:dyDescent="0.2">
      <c r="A45" s="14">
        <v>33</v>
      </c>
      <c r="B45" s="15">
        <v>68</v>
      </c>
      <c r="C45" s="16">
        <v>72</v>
      </c>
      <c r="D45" s="17">
        <v>140</v>
      </c>
    </row>
    <row r="46" spans="1:4" ht="18" customHeight="1" x14ac:dyDescent="0.2">
      <c r="A46" s="14">
        <v>34</v>
      </c>
      <c r="B46" s="15">
        <v>67</v>
      </c>
      <c r="C46" s="16">
        <v>71</v>
      </c>
      <c r="D46" s="17">
        <v>138</v>
      </c>
    </row>
    <row r="47" spans="1:4" ht="18" customHeight="1" x14ac:dyDescent="0.2">
      <c r="A47" s="18" t="s">
        <v>55</v>
      </c>
      <c r="B47" s="15">
        <v>335</v>
      </c>
      <c r="C47" s="16">
        <v>361</v>
      </c>
      <c r="D47" s="17">
        <v>696</v>
      </c>
    </row>
    <row r="48" spans="1:4" ht="18" customHeight="1" x14ac:dyDescent="0.2">
      <c r="A48" s="14">
        <v>35</v>
      </c>
      <c r="B48" s="15">
        <v>86</v>
      </c>
      <c r="C48" s="16">
        <v>69</v>
      </c>
      <c r="D48" s="17">
        <v>155</v>
      </c>
    </row>
    <row r="49" spans="1:4" ht="18" customHeight="1" x14ac:dyDescent="0.2">
      <c r="A49" s="14">
        <v>36</v>
      </c>
      <c r="B49" s="15">
        <v>77</v>
      </c>
      <c r="C49" s="16">
        <v>71</v>
      </c>
      <c r="D49" s="17">
        <v>148</v>
      </c>
    </row>
    <row r="50" spans="1:4" ht="18" customHeight="1" x14ac:dyDescent="0.2">
      <c r="A50" s="14">
        <v>37</v>
      </c>
      <c r="B50" s="15">
        <v>70</v>
      </c>
      <c r="C50" s="16">
        <v>69</v>
      </c>
      <c r="D50" s="17">
        <v>139</v>
      </c>
    </row>
    <row r="51" spans="1:4" ht="18" customHeight="1" x14ac:dyDescent="0.2">
      <c r="A51" s="14">
        <v>38</v>
      </c>
      <c r="B51" s="15">
        <v>73</v>
      </c>
      <c r="C51" s="16">
        <v>63</v>
      </c>
      <c r="D51" s="17">
        <v>136</v>
      </c>
    </row>
    <row r="52" spans="1:4" ht="18" customHeight="1" x14ac:dyDescent="0.2">
      <c r="A52" s="14">
        <v>39</v>
      </c>
      <c r="B52" s="15">
        <v>82</v>
      </c>
      <c r="C52" s="16">
        <v>81</v>
      </c>
      <c r="D52" s="17">
        <v>163</v>
      </c>
    </row>
    <row r="53" spans="1:4" ht="18" customHeight="1" x14ac:dyDescent="0.2">
      <c r="A53" s="18" t="s">
        <v>56</v>
      </c>
      <c r="B53" s="15">
        <v>388</v>
      </c>
      <c r="C53" s="16">
        <v>353</v>
      </c>
      <c r="D53" s="17">
        <v>741</v>
      </c>
    </row>
    <row r="54" spans="1:4" ht="18" customHeight="1" x14ac:dyDescent="0.2">
      <c r="A54" s="14">
        <v>40</v>
      </c>
      <c r="B54" s="15">
        <v>71</v>
      </c>
      <c r="C54" s="16">
        <v>70</v>
      </c>
      <c r="D54" s="17">
        <v>141</v>
      </c>
    </row>
    <row r="55" spans="1:4" ht="18" customHeight="1" x14ac:dyDescent="0.2">
      <c r="A55" s="14">
        <v>41</v>
      </c>
      <c r="B55" s="15">
        <v>78</v>
      </c>
      <c r="C55" s="16">
        <v>94</v>
      </c>
      <c r="D55" s="17">
        <v>172</v>
      </c>
    </row>
    <row r="56" spans="1:4" ht="18" customHeight="1" x14ac:dyDescent="0.2">
      <c r="A56" s="14">
        <v>42</v>
      </c>
      <c r="B56" s="15">
        <v>81</v>
      </c>
      <c r="C56" s="16">
        <v>82</v>
      </c>
      <c r="D56" s="17">
        <v>163</v>
      </c>
    </row>
    <row r="57" spans="1:4" ht="18" customHeight="1" x14ac:dyDescent="0.2">
      <c r="A57" s="14">
        <v>43</v>
      </c>
      <c r="B57" s="15">
        <v>73</v>
      </c>
      <c r="C57" s="16">
        <v>85</v>
      </c>
      <c r="D57" s="17">
        <v>158</v>
      </c>
    </row>
    <row r="58" spans="1:4" ht="18" customHeight="1" x14ac:dyDescent="0.2">
      <c r="A58" s="14">
        <v>44</v>
      </c>
      <c r="B58" s="15">
        <v>106</v>
      </c>
      <c r="C58" s="16">
        <v>91</v>
      </c>
      <c r="D58" s="17">
        <v>197</v>
      </c>
    </row>
    <row r="59" spans="1:4" ht="18" customHeight="1" x14ac:dyDescent="0.2">
      <c r="A59" s="18" t="s">
        <v>57</v>
      </c>
      <c r="B59" s="15">
        <v>409</v>
      </c>
      <c r="C59" s="16">
        <v>422</v>
      </c>
      <c r="D59" s="17">
        <v>831</v>
      </c>
    </row>
    <row r="60" spans="1:4" ht="18" customHeight="1" x14ac:dyDescent="0.2">
      <c r="A60" s="14">
        <v>45</v>
      </c>
      <c r="B60" s="15">
        <v>103</v>
      </c>
      <c r="C60" s="16">
        <v>93</v>
      </c>
      <c r="D60" s="17">
        <v>196</v>
      </c>
    </row>
    <row r="61" spans="1:4" ht="18" customHeight="1" x14ac:dyDescent="0.2">
      <c r="A61" s="14">
        <v>46</v>
      </c>
      <c r="B61" s="15">
        <v>108</v>
      </c>
      <c r="C61" s="16">
        <v>79</v>
      </c>
      <c r="D61" s="17">
        <v>187</v>
      </c>
    </row>
    <row r="62" spans="1:4" ht="18" customHeight="1" x14ac:dyDescent="0.2">
      <c r="A62" s="14">
        <v>47</v>
      </c>
      <c r="B62" s="15">
        <v>93</v>
      </c>
      <c r="C62" s="16">
        <v>95</v>
      </c>
      <c r="D62" s="17">
        <v>188</v>
      </c>
    </row>
    <row r="63" spans="1:4" ht="18" customHeight="1" x14ac:dyDescent="0.2">
      <c r="A63" s="14">
        <v>48</v>
      </c>
      <c r="B63" s="15">
        <v>106</v>
      </c>
      <c r="C63" s="16">
        <v>90</v>
      </c>
      <c r="D63" s="17">
        <v>196</v>
      </c>
    </row>
    <row r="64" spans="1:4" ht="18" customHeight="1" x14ac:dyDescent="0.2">
      <c r="A64" s="14">
        <v>49</v>
      </c>
      <c r="B64" s="15">
        <v>79</v>
      </c>
      <c r="C64" s="16">
        <v>88</v>
      </c>
      <c r="D64" s="17">
        <v>167</v>
      </c>
    </row>
    <row r="65" spans="1:4" ht="18" customHeight="1" x14ac:dyDescent="0.2">
      <c r="A65" s="18" t="s">
        <v>58</v>
      </c>
      <c r="B65" s="15">
        <v>489</v>
      </c>
      <c r="C65" s="16">
        <v>445</v>
      </c>
      <c r="D65" s="17">
        <v>934</v>
      </c>
    </row>
    <row r="66" spans="1:4" ht="18" customHeight="1" x14ac:dyDescent="0.2">
      <c r="A66" s="14">
        <v>50</v>
      </c>
      <c r="B66" s="15">
        <v>90</v>
      </c>
      <c r="C66" s="16">
        <v>70</v>
      </c>
      <c r="D66" s="17">
        <v>160</v>
      </c>
    </row>
    <row r="67" spans="1:4" ht="18" customHeight="1" x14ac:dyDescent="0.2">
      <c r="A67" s="14">
        <v>51</v>
      </c>
      <c r="B67" s="15">
        <v>81</v>
      </c>
      <c r="C67" s="16">
        <v>75</v>
      </c>
      <c r="D67" s="17">
        <v>156</v>
      </c>
    </row>
    <row r="68" spans="1:4" ht="18" customHeight="1" x14ac:dyDescent="0.2">
      <c r="A68" s="14">
        <v>52</v>
      </c>
      <c r="B68" s="15">
        <v>79</v>
      </c>
      <c r="C68" s="16">
        <v>78</v>
      </c>
      <c r="D68" s="17">
        <v>157</v>
      </c>
    </row>
    <row r="69" spans="1:4" ht="18" customHeight="1" x14ac:dyDescent="0.2">
      <c r="A69" s="14">
        <v>53</v>
      </c>
      <c r="B69" s="15">
        <v>61</v>
      </c>
      <c r="C69" s="16">
        <v>64</v>
      </c>
      <c r="D69" s="17">
        <v>125</v>
      </c>
    </row>
    <row r="70" spans="1:4" ht="18" customHeight="1" x14ac:dyDescent="0.2">
      <c r="A70" s="14">
        <v>54</v>
      </c>
      <c r="B70" s="15">
        <v>54</v>
      </c>
      <c r="C70" s="16">
        <v>71</v>
      </c>
      <c r="D70" s="17">
        <v>125</v>
      </c>
    </row>
    <row r="71" spans="1:4" ht="18" customHeight="1" x14ac:dyDescent="0.2">
      <c r="A71" s="18" t="s">
        <v>59</v>
      </c>
      <c r="B71" s="15">
        <v>365</v>
      </c>
      <c r="C71" s="16">
        <v>358</v>
      </c>
      <c r="D71" s="17">
        <v>723</v>
      </c>
    </row>
    <row r="72" spans="1:4" ht="18" customHeight="1" x14ac:dyDescent="0.2">
      <c r="A72" s="14">
        <v>55</v>
      </c>
      <c r="B72" s="15">
        <v>67</v>
      </c>
      <c r="C72" s="16">
        <v>68</v>
      </c>
      <c r="D72" s="17">
        <v>135</v>
      </c>
    </row>
    <row r="73" spans="1:4" ht="18" customHeight="1" x14ac:dyDescent="0.2">
      <c r="A73" s="14">
        <v>56</v>
      </c>
      <c r="B73" s="15">
        <v>76</v>
      </c>
      <c r="C73" s="16">
        <v>74</v>
      </c>
      <c r="D73" s="17">
        <v>150</v>
      </c>
    </row>
    <row r="74" spans="1:4" ht="18" customHeight="1" x14ac:dyDescent="0.2">
      <c r="A74" s="14">
        <v>57</v>
      </c>
      <c r="B74" s="15">
        <v>68</v>
      </c>
      <c r="C74" s="16">
        <v>61</v>
      </c>
      <c r="D74" s="17">
        <v>129</v>
      </c>
    </row>
    <row r="75" spans="1:4" ht="18" customHeight="1" x14ac:dyDescent="0.2">
      <c r="A75" s="14">
        <v>58</v>
      </c>
      <c r="B75" s="15">
        <v>50</v>
      </c>
      <c r="C75" s="16">
        <v>62</v>
      </c>
      <c r="D75" s="17">
        <v>112</v>
      </c>
    </row>
    <row r="76" spans="1:4" ht="18" customHeight="1" x14ac:dyDescent="0.2">
      <c r="A76" s="14">
        <v>59</v>
      </c>
      <c r="B76" s="15">
        <v>53</v>
      </c>
      <c r="C76" s="16">
        <v>60</v>
      </c>
      <c r="D76" s="17">
        <v>113</v>
      </c>
    </row>
    <row r="77" spans="1:4" ht="18" customHeight="1" x14ac:dyDescent="0.2">
      <c r="A77" s="18" t="s">
        <v>60</v>
      </c>
      <c r="B77" s="15">
        <v>314</v>
      </c>
      <c r="C77" s="16">
        <v>325</v>
      </c>
      <c r="D77" s="17">
        <v>639</v>
      </c>
    </row>
    <row r="78" spans="1:4" ht="18" customHeight="1" x14ac:dyDescent="0.2">
      <c r="A78" s="14">
        <v>60</v>
      </c>
      <c r="B78" s="15">
        <v>64</v>
      </c>
      <c r="C78" s="16">
        <v>49</v>
      </c>
      <c r="D78" s="17">
        <v>113</v>
      </c>
    </row>
    <row r="79" spans="1:4" ht="18" customHeight="1" x14ac:dyDescent="0.2">
      <c r="A79" s="14">
        <v>61</v>
      </c>
      <c r="B79" s="15">
        <v>65</v>
      </c>
      <c r="C79" s="16">
        <v>66</v>
      </c>
      <c r="D79" s="17">
        <v>131</v>
      </c>
    </row>
    <row r="80" spans="1:4" ht="18" customHeight="1" x14ac:dyDescent="0.2">
      <c r="A80" s="14">
        <v>62</v>
      </c>
      <c r="B80" s="15">
        <v>62</v>
      </c>
      <c r="C80" s="16">
        <v>52</v>
      </c>
      <c r="D80" s="17">
        <v>114</v>
      </c>
    </row>
    <row r="81" spans="1:4" ht="18" customHeight="1" x14ac:dyDescent="0.2">
      <c r="A81" s="14">
        <v>63</v>
      </c>
      <c r="B81" s="15">
        <v>58</v>
      </c>
      <c r="C81" s="16">
        <v>65</v>
      </c>
      <c r="D81" s="17">
        <v>123</v>
      </c>
    </row>
    <row r="82" spans="1:4" ht="18" customHeight="1" x14ac:dyDescent="0.2">
      <c r="A82" s="14">
        <v>64</v>
      </c>
      <c r="B82" s="15">
        <v>48</v>
      </c>
      <c r="C82" s="16">
        <v>69</v>
      </c>
      <c r="D82" s="17">
        <v>117</v>
      </c>
    </row>
    <row r="83" spans="1:4" ht="18" customHeight="1" x14ac:dyDescent="0.2">
      <c r="A83" s="18" t="s">
        <v>61</v>
      </c>
      <c r="B83" s="15">
        <v>297</v>
      </c>
      <c r="C83" s="16">
        <v>301</v>
      </c>
      <c r="D83" s="17">
        <v>598</v>
      </c>
    </row>
    <row r="84" spans="1:4" ht="18" customHeight="1" x14ac:dyDescent="0.2">
      <c r="A84" s="18" t="s">
        <v>62</v>
      </c>
      <c r="B84" s="15">
        <v>3415</v>
      </c>
      <c r="C84" s="16">
        <v>3355</v>
      </c>
      <c r="D84" s="17">
        <v>6770</v>
      </c>
    </row>
    <row r="85" spans="1:4" ht="18" customHeight="1" x14ac:dyDescent="0.2">
      <c r="A85" s="14">
        <v>65</v>
      </c>
      <c r="B85" s="15">
        <v>69</v>
      </c>
      <c r="C85" s="16">
        <v>70</v>
      </c>
      <c r="D85" s="17">
        <v>139</v>
      </c>
    </row>
    <row r="86" spans="1:4" ht="18" customHeight="1" x14ac:dyDescent="0.2">
      <c r="A86" s="14">
        <v>66</v>
      </c>
      <c r="B86" s="15">
        <v>68</v>
      </c>
      <c r="C86" s="16">
        <v>62</v>
      </c>
      <c r="D86" s="17">
        <v>130</v>
      </c>
    </row>
    <row r="87" spans="1:4" ht="18" customHeight="1" x14ac:dyDescent="0.2">
      <c r="A87" s="14">
        <v>67</v>
      </c>
      <c r="B87" s="15">
        <v>65</v>
      </c>
      <c r="C87" s="16">
        <v>62</v>
      </c>
      <c r="D87" s="17">
        <v>127</v>
      </c>
    </row>
    <row r="88" spans="1:4" ht="18" customHeight="1" x14ac:dyDescent="0.2">
      <c r="A88" s="14">
        <v>68</v>
      </c>
      <c r="B88" s="15">
        <v>52</v>
      </c>
      <c r="C88" s="16">
        <v>90</v>
      </c>
      <c r="D88" s="17">
        <v>142</v>
      </c>
    </row>
    <row r="89" spans="1:4" ht="18" customHeight="1" x14ac:dyDescent="0.2">
      <c r="A89" s="14">
        <v>69</v>
      </c>
      <c r="B89" s="15">
        <v>73</v>
      </c>
      <c r="C89" s="16">
        <v>93</v>
      </c>
      <c r="D89" s="17">
        <v>166</v>
      </c>
    </row>
    <row r="90" spans="1:4" ht="18" customHeight="1" x14ac:dyDescent="0.2">
      <c r="A90" s="18" t="s">
        <v>63</v>
      </c>
      <c r="B90" s="15">
        <v>327</v>
      </c>
      <c r="C90" s="16">
        <v>377</v>
      </c>
      <c r="D90" s="17">
        <v>704</v>
      </c>
    </row>
    <row r="91" spans="1:4" ht="18" customHeight="1" x14ac:dyDescent="0.2">
      <c r="A91" s="14">
        <v>70</v>
      </c>
      <c r="B91" s="15">
        <v>78</v>
      </c>
      <c r="C91" s="16">
        <v>101</v>
      </c>
      <c r="D91" s="17">
        <v>179</v>
      </c>
    </row>
    <row r="92" spans="1:4" ht="18" customHeight="1" x14ac:dyDescent="0.2">
      <c r="A92" s="14">
        <v>71</v>
      </c>
      <c r="B92" s="15">
        <v>88</v>
      </c>
      <c r="C92" s="16">
        <v>113</v>
      </c>
      <c r="D92" s="17">
        <v>201</v>
      </c>
    </row>
    <row r="93" spans="1:4" ht="18" customHeight="1" x14ac:dyDescent="0.2">
      <c r="A93" s="14">
        <v>72</v>
      </c>
      <c r="B93" s="15">
        <v>86</v>
      </c>
      <c r="C93" s="16">
        <v>104</v>
      </c>
      <c r="D93" s="17">
        <v>190</v>
      </c>
    </row>
    <row r="94" spans="1:4" ht="18" customHeight="1" x14ac:dyDescent="0.2">
      <c r="A94" s="14">
        <v>73</v>
      </c>
      <c r="B94" s="15">
        <v>76</v>
      </c>
      <c r="C94" s="16">
        <v>113</v>
      </c>
      <c r="D94" s="17">
        <v>189</v>
      </c>
    </row>
    <row r="95" spans="1:4" ht="18" customHeight="1" x14ac:dyDescent="0.2">
      <c r="A95" s="14">
        <v>74</v>
      </c>
      <c r="B95" s="15">
        <v>43</v>
      </c>
      <c r="C95" s="16">
        <v>73</v>
      </c>
      <c r="D95" s="17">
        <v>116</v>
      </c>
    </row>
    <row r="96" spans="1:4" ht="18" customHeight="1" x14ac:dyDescent="0.2">
      <c r="A96" s="18" t="s">
        <v>64</v>
      </c>
      <c r="B96" s="15">
        <v>371</v>
      </c>
      <c r="C96" s="16">
        <v>504</v>
      </c>
      <c r="D96" s="17">
        <v>875</v>
      </c>
    </row>
    <row r="97" spans="1:4" ht="18" customHeight="1" x14ac:dyDescent="0.2">
      <c r="A97" s="14">
        <v>75</v>
      </c>
      <c r="B97" s="15">
        <v>63</v>
      </c>
      <c r="C97" s="16">
        <v>84</v>
      </c>
      <c r="D97" s="17">
        <v>147</v>
      </c>
    </row>
    <row r="98" spans="1:4" ht="18" customHeight="1" x14ac:dyDescent="0.2">
      <c r="A98" s="14">
        <v>76</v>
      </c>
      <c r="B98" s="15">
        <v>77</v>
      </c>
      <c r="C98" s="16">
        <v>78</v>
      </c>
      <c r="D98" s="17">
        <v>155</v>
      </c>
    </row>
    <row r="99" spans="1:4" ht="18" customHeight="1" x14ac:dyDescent="0.2">
      <c r="A99" s="14">
        <v>77</v>
      </c>
      <c r="B99" s="15">
        <v>60</v>
      </c>
      <c r="C99" s="16">
        <v>97</v>
      </c>
      <c r="D99" s="17">
        <v>157</v>
      </c>
    </row>
    <row r="100" spans="1:4" ht="18" customHeight="1" x14ac:dyDescent="0.2">
      <c r="A100" s="14">
        <v>78</v>
      </c>
      <c r="B100" s="15">
        <v>66</v>
      </c>
      <c r="C100" s="16">
        <v>99</v>
      </c>
      <c r="D100" s="17">
        <v>165</v>
      </c>
    </row>
    <row r="101" spans="1:4" ht="18" customHeight="1" x14ac:dyDescent="0.2">
      <c r="A101" s="14">
        <v>79</v>
      </c>
      <c r="B101" s="15">
        <v>70</v>
      </c>
      <c r="C101" s="16">
        <v>72</v>
      </c>
      <c r="D101" s="17">
        <v>142</v>
      </c>
    </row>
    <row r="102" spans="1:4" ht="18" customHeight="1" x14ac:dyDescent="0.2">
      <c r="A102" s="18" t="s">
        <v>65</v>
      </c>
      <c r="B102" s="15">
        <v>336</v>
      </c>
      <c r="C102" s="16">
        <v>430</v>
      </c>
      <c r="D102" s="17">
        <v>766</v>
      </c>
    </row>
    <row r="103" spans="1:4" ht="18" customHeight="1" x14ac:dyDescent="0.2">
      <c r="A103" s="14">
        <v>80</v>
      </c>
      <c r="B103" s="15">
        <v>52</v>
      </c>
      <c r="C103" s="16">
        <v>67</v>
      </c>
      <c r="D103" s="17">
        <v>119</v>
      </c>
    </row>
    <row r="104" spans="1:4" ht="18" customHeight="1" x14ac:dyDescent="0.2">
      <c r="A104" s="14">
        <v>81</v>
      </c>
      <c r="B104" s="15">
        <v>40</v>
      </c>
      <c r="C104" s="16">
        <v>54</v>
      </c>
      <c r="D104" s="17">
        <v>94</v>
      </c>
    </row>
    <row r="105" spans="1:4" ht="18" customHeight="1" x14ac:dyDescent="0.2">
      <c r="A105" s="14">
        <v>82</v>
      </c>
      <c r="B105" s="15">
        <v>37</v>
      </c>
      <c r="C105" s="16">
        <v>67</v>
      </c>
      <c r="D105" s="17">
        <v>104</v>
      </c>
    </row>
    <row r="106" spans="1:4" ht="18" customHeight="1" x14ac:dyDescent="0.2">
      <c r="A106" s="14">
        <v>83</v>
      </c>
      <c r="B106" s="15">
        <v>41</v>
      </c>
      <c r="C106" s="16">
        <v>58</v>
      </c>
      <c r="D106" s="17">
        <v>99</v>
      </c>
    </row>
    <row r="107" spans="1:4" ht="18" customHeight="1" x14ac:dyDescent="0.2">
      <c r="A107" s="14">
        <v>84</v>
      </c>
      <c r="B107" s="15">
        <v>40</v>
      </c>
      <c r="C107" s="16">
        <v>68</v>
      </c>
      <c r="D107" s="17">
        <v>108</v>
      </c>
    </row>
    <row r="108" spans="1:4" ht="18" customHeight="1" x14ac:dyDescent="0.2">
      <c r="A108" s="18" t="s">
        <v>66</v>
      </c>
      <c r="B108" s="15">
        <v>210</v>
      </c>
      <c r="C108" s="16">
        <v>314</v>
      </c>
      <c r="D108" s="17">
        <v>524</v>
      </c>
    </row>
    <row r="109" spans="1:4" ht="18" customHeight="1" x14ac:dyDescent="0.2">
      <c r="A109" s="14">
        <v>85</v>
      </c>
      <c r="B109" s="15">
        <v>31</v>
      </c>
      <c r="C109" s="16">
        <v>47</v>
      </c>
      <c r="D109" s="17">
        <v>78</v>
      </c>
    </row>
    <row r="110" spans="1:4" ht="18" customHeight="1" x14ac:dyDescent="0.2">
      <c r="A110" s="14">
        <v>86</v>
      </c>
      <c r="B110" s="15">
        <v>33</v>
      </c>
      <c r="C110" s="16">
        <v>48</v>
      </c>
      <c r="D110" s="17">
        <v>81</v>
      </c>
    </row>
    <row r="111" spans="1:4" ht="18" customHeight="1" x14ac:dyDescent="0.2">
      <c r="A111" s="14">
        <v>87</v>
      </c>
      <c r="B111" s="15">
        <v>22</v>
      </c>
      <c r="C111" s="16">
        <v>52</v>
      </c>
      <c r="D111" s="17">
        <v>74</v>
      </c>
    </row>
    <row r="112" spans="1:4" ht="18" customHeight="1" x14ac:dyDescent="0.2">
      <c r="A112" s="14">
        <v>88</v>
      </c>
      <c r="B112" s="15">
        <v>17</v>
      </c>
      <c r="C112" s="16">
        <v>41</v>
      </c>
      <c r="D112" s="17">
        <v>58</v>
      </c>
    </row>
    <row r="113" spans="1:4" ht="18" customHeight="1" x14ac:dyDescent="0.2">
      <c r="A113" s="14">
        <v>89</v>
      </c>
      <c r="B113" s="15">
        <v>14</v>
      </c>
      <c r="C113" s="16">
        <v>39</v>
      </c>
      <c r="D113" s="17">
        <v>53</v>
      </c>
    </row>
    <row r="114" spans="1:4" ht="18" customHeight="1" x14ac:dyDescent="0.2">
      <c r="A114" s="18" t="s">
        <v>67</v>
      </c>
      <c r="B114" s="15">
        <v>117</v>
      </c>
      <c r="C114" s="16">
        <v>227</v>
      </c>
      <c r="D114" s="17">
        <v>344</v>
      </c>
    </row>
    <row r="115" spans="1:4" ht="18" customHeight="1" x14ac:dyDescent="0.2">
      <c r="A115" s="14">
        <v>90</v>
      </c>
      <c r="B115" s="15">
        <v>21</v>
      </c>
      <c r="C115" s="16">
        <v>31</v>
      </c>
      <c r="D115" s="17">
        <v>52</v>
      </c>
    </row>
    <row r="116" spans="1:4" ht="18" customHeight="1" x14ac:dyDescent="0.2">
      <c r="A116" s="14">
        <v>91</v>
      </c>
      <c r="B116" s="15">
        <v>19</v>
      </c>
      <c r="C116" s="16">
        <v>33</v>
      </c>
      <c r="D116" s="17">
        <v>52</v>
      </c>
    </row>
    <row r="117" spans="1:4" ht="18" customHeight="1" x14ac:dyDescent="0.2">
      <c r="A117" s="14">
        <v>92</v>
      </c>
      <c r="B117" s="15">
        <v>8</v>
      </c>
      <c r="C117" s="16">
        <v>30</v>
      </c>
      <c r="D117" s="17">
        <v>38</v>
      </c>
    </row>
    <row r="118" spans="1:4" ht="18" customHeight="1" x14ac:dyDescent="0.2">
      <c r="A118" s="14">
        <v>93</v>
      </c>
      <c r="B118" s="15">
        <v>5</v>
      </c>
      <c r="C118" s="16">
        <v>14</v>
      </c>
      <c r="D118" s="17">
        <v>19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55</v>
      </c>
      <c r="C120" s="16">
        <v>115</v>
      </c>
      <c r="D120" s="17">
        <v>170</v>
      </c>
    </row>
    <row r="121" spans="1:4" ht="18" customHeight="1" x14ac:dyDescent="0.2">
      <c r="A121" s="14">
        <v>95</v>
      </c>
      <c r="B121" s="15">
        <v>2</v>
      </c>
      <c r="C121" s="16">
        <v>11</v>
      </c>
      <c r="D121" s="17">
        <v>13</v>
      </c>
    </row>
    <row r="122" spans="1:4" ht="18" customHeight="1" x14ac:dyDescent="0.2">
      <c r="A122" s="14">
        <v>96</v>
      </c>
      <c r="B122" s="15">
        <v>3</v>
      </c>
      <c r="C122" s="16">
        <v>10</v>
      </c>
      <c r="D122" s="17">
        <v>13</v>
      </c>
    </row>
    <row r="123" spans="1:4" ht="18" customHeight="1" x14ac:dyDescent="0.2">
      <c r="A123" s="14">
        <v>97</v>
      </c>
      <c r="B123" s="15">
        <v>4</v>
      </c>
      <c r="C123" s="16">
        <v>5</v>
      </c>
      <c r="D123" s="17">
        <v>9</v>
      </c>
    </row>
    <row r="124" spans="1:4" ht="18" customHeight="1" x14ac:dyDescent="0.2">
      <c r="A124" s="14">
        <v>98</v>
      </c>
      <c r="B124" s="15">
        <v>0</v>
      </c>
      <c r="C124" s="16">
        <v>7</v>
      </c>
      <c r="D124" s="17">
        <v>7</v>
      </c>
    </row>
    <row r="125" spans="1:4" ht="18" customHeight="1" x14ac:dyDescent="0.2">
      <c r="A125" s="14">
        <v>99</v>
      </c>
      <c r="B125" s="15">
        <v>2</v>
      </c>
      <c r="C125" s="16">
        <v>4</v>
      </c>
      <c r="D125" s="17">
        <v>6</v>
      </c>
    </row>
    <row r="126" spans="1:4" ht="18" customHeight="1" x14ac:dyDescent="0.2">
      <c r="A126" s="18" t="s">
        <v>69</v>
      </c>
      <c r="B126" s="15">
        <v>11</v>
      </c>
      <c r="C126" s="16">
        <v>37</v>
      </c>
      <c r="D126" s="17">
        <v>48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7</v>
      </c>
      <c r="D129" s="17">
        <v>7</v>
      </c>
    </row>
    <row r="130" spans="1:4" ht="18" customHeight="1" x14ac:dyDescent="0.2">
      <c r="A130" s="18" t="s">
        <v>72</v>
      </c>
      <c r="B130" s="4">
        <v>1427</v>
      </c>
      <c r="C130" s="5">
        <v>2011</v>
      </c>
      <c r="D130" s="6">
        <v>3438</v>
      </c>
    </row>
    <row r="131" spans="1:4" ht="18" customHeight="1" x14ac:dyDescent="0.2">
      <c r="A131" s="20" t="s">
        <v>47</v>
      </c>
      <c r="B131" s="7">
        <v>5628</v>
      </c>
      <c r="C131" s="8">
        <v>6105</v>
      </c>
      <c r="D131" s="9">
        <v>1173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3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3</v>
      </c>
      <c r="C5" s="12">
        <v>51</v>
      </c>
      <c r="D5" s="13">
        <v>84</v>
      </c>
    </row>
    <row r="6" spans="1:4" ht="18" customHeight="1" x14ac:dyDescent="0.2">
      <c r="A6" s="14">
        <v>1</v>
      </c>
      <c r="B6" s="15">
        <v>38</v>
      </c>
      <c r="C6" s="16">
        <v>47</v>
      </c>
      <c r="D6" s="17">
        <v>85</v>
      </c>
    </row>
    <row r="7" spans="1:4" ht="18" customHeight="1" x14ac:dyDescent="0.2">
      <c r="A7" s="14">
        <v>2</v>
      </c>
      <c r="B7" s="15">
        <v>47</v>
      </c>
      <c r="C7" s="16">
        <v>30</v>
      </c>
      <c r="D7" s="17">
        <v>77</v>
      </c>
    </row>
    <row r="8" spans="1:4" ht="18" customHeight="1" x14ac:dyDescent="0.2">
      <c r="A8" s="14">
        <v>3</v>
      </c>
      <c r="B8" s="15">
        <v>39</v>
      </c>
      <c r="C8" s="16">
        <v>35</v>
      </c>
      <c r="D8" s="17">
        <v>74</v>
      </c>
    </row>
    <row r="9" spans="1:4" ht="18" customHeight="1" x14ac:dyDescent="0.2">
      <c r="A9" s="14">
        <v>4</v>
      </c>
      <c r="B9" s="15">
        <v>39</v>
      </c>
      <c r="C9" s="16">
        <v>39</v>
      </c>
      <c r="D9" s="17">
        <v>78</v>
      </c>
    </row>
    <row r="10" spans="1:4" ht="18" customHeight="1" x14ac:dyDescent="0.2">
      <c r="A10" s="18" t="s">
        <v>48</v>
      </c>
      <c r="B10" s="15">
        <v>196</v>
      </c>
      <c r="C10" s="16">
        <v>202</v>
      </c>
      <c r="D10" s="17">
        <v>398</v>
      </c>
    </row>
    <row r="11" spans="1:4" ht="18" customHeight="1" x14ac:dyDescent="0.2">
      <c r="A11" s="14">
        <v>5</v>
      </c>
      <c r="B11" s="15">
        <v>46</v>
      </c>
      <c r="C11" s="16">
        <v>32</v>
      </c>
      <c r="D11" s="17">
        <v>78</v>
      </c>
    </row>
    <row r="12" spans="1:4" ht="18" customHeight="1" x14ac:dyDescent="0.2">
      <c r="A12" s="14">
        <v>6</v>
      </c>
      <c r="B12" s="15">
        <v>41</v>
      </c>
      <c r="C12" s="16">
        <v>58</v>
      </c>
      <c r="D12" s="17">
        <v>99</v>
      </c>
    </row>
    <row r="13" spans="1:4" ht="18" customHeight="1" x14ac:dyDescent="0.2">
      <c r="A13" s="14">
        <v>7</v>
      </c>
      <c r="B13" s="15">
        <v>49</v>
      </c>
      <c r="C13" s="16">
        <v>39</v>
      </c>
      <c r="D13" s="17">
        <v>88</v>
      </c>
    </row>
    <row r="14" spans="1:4" ht="18" customHeight="1" x14ac:dyDescent="0.2">
      <c r="A14" s="14">
        <v>8</v>
      </c>
      <c r="B14" s="15">
        <v>46</v>
      </c>
      <c r="C14" s="16">
        <v>49</v>
      </c>
      <c r="D14" s="17">
        <v>95</v>
      </c>
    </row>
    <row r="15" spans="1:4" ht="18" customHeight="1" x14ac:dyDescent="0.2">
      <c r="A15" s="14">
        <v>9</v>
      </c>
      <c r="B15" s="15">
        <v>42</v>
      </c>
      <c r="C15" s="16">
        <v>35</v>
      </c>
      <c r="D15" s="17">
        <v>77</v>
      </c>
    </row>
    <row r="16" spans="1:4" ht="18" customHeight="1" x14ac:dyDescent="0.2">
      <c r="A16" s="18" t="s">
        <v>49</v>
      </c>
      <c r="B16" s="15">
        <v>224</v>
      </c>
      <c r="C16" s="16">
        <v>213</v>
      </c>
      <c r="D16" s="17">
        <v>437</v>
      </c>
    </row>
    <row r="17" spans="1:4" ht="18" customHeight="1" x14ac:dyDescent="0.2">
      <c r="A17" s="14">
        <v>10</v>
      </c>
      <c r="B17" s="15">
        <v>44</v>
      </c>
      <c r="C17" s="16">
        <v>55</v>
      </c>
      <c r="D17" s="17">
        <v>99</v>
      </c>
    </row>
    <row r="18" spans="1:4" ht="18" customHeight="1" x14ac:dyDescent="0.2">
      <c r="A18" s="14">
        <v>11</v>
      </c>
      <c r="B18" s="15">
        <v>52</v>
      </c>
      <c r="C18" s="16">
        <v>51</v>
      </c>
      <c r="D18" s="17">
        <v>103</v>
      </c>
    </row>
    <row r="19" spans="1:4" ht="18" customHeight="1" x14ac:dyDescent="0.2">
      <c r="A19" s="14">
        <v>12</v>
      </c>
      <c r="B19" s="15">
        <v>65</v>
      </c>
      <c r="C19" s="16">
        <v>46</v>
      </c>
      <c r="D19" s="17">
        <v>111</v>
      </c>
    </row>
    <row r="20" spans="1:4" ht="18" customHeight="1" x14ac:dyDescent="0.2">
      <c r="A20" s="14">
        <v>13</v>
      </c>
      <c r="B20" s="15">
        <v>63</v>
      </c>
      <c r="C20" s="16">
        <v>58</v>
      </c>
      <c r="D20" s="17">
        <v>121</v>
      </c>
    </row>
    <row r="21" spans="1:4" ht="18" customHeight="1" x14ac:dyDescent="0.2">
      <c r="A21" s="14">
        <v>14</v>
      </c>
      <c r="B21" s="15">
        <v>61</v>
      </c>
      <c r="C21" s="16">
        <v>55</v>
      </c>
      <c r="D21" s="17">
        <v>116</v>
      </c>
    </row>
    <row r="22" spans="1:4" ht="18" customHeight="1" x14ac:dyDescent="0.2">
      <c r="A22" s="18" t="s">
        <v>50</v>
      </c>
      <c r="B22" s="15">
        <v>285</v>
      </c>
      <c r="C22" s="16">
        <v>265</v>
      </c>
      <c r="D22" s="17">
        <v>550</v>
      </c>
    </row>
    <row r="23" spans="1:4" ht="18" customHeight="1" x14ac:dyDescent="0.2">
      <c r="A23" s="18" t="s">
        <v>51</v>
      </c>
      <c r="B23" s="15">
        <v>705</v>
      </c>
      <c r="C23" s="16">
        <v>680</v>
      </c>
      <c r="D23" s="17">
        <v>1385</v>
      </c>
    </row>
    <row r="24" spans="1:4" ht="18" customHeight="1" x14ac:dyDescent="0.2">
      <c r="A24" s="14">
        <v>15</v>
      </c>
      <c r="B24" s="15">
        <v>73</v>
      </c>
      <c r="C24" s="16">
        <v>58</v>
      </c>
      <c r="D24" s="17">
        <v>131</v>
      </c>
    </row>
    <row r="25" spans="1:4" ht="18" customHeight="1" x14ac:dyDescent="0.2">
      <c r="A25" s="14">
        <v>16</v>
      </c>
      <c r="B25" s="15">
        <v>56</v>
      </c>
      <c r="C25" s="16">
        <v>54</v>
      </c>
      <c r="D25" s="17">
        <v>110</v>
      </c>
    </row>
    <row r="26" spans="1:4" ht="18" customHeight="1" x14ac:dyDescent="0.2">
      <c r="A26" s="14">
        <v>17</v>
      </c>
      <c r="B26" s="15">
        <v>60</v>
      </c>
      <c r="C26" s="16">
        <v>60</v>
      </c>
      <c r="D26" s="17">
        <v>120</v>
      </c>
    </row>
    <row r="27" spans="1:4" ht="18" customHeight="1" x14ac:dyDescent="0.2">
      <c r="A27" s="14">
        <v>18</v>
      </c>
      <c r="B27" s="15">
        <v>64</v>
      </c>
      <c r="C27" s="16">
        <v>63</v>
      </c>
      <c r="D27" s="17">
        <v>127</v>
      </c>
    </row>
    <row r="28" spans="1:4" ht="18" customHeight="1" x14ac:dyDescent="0.2">
      <c r="A28" s="14">
        <v>19</v>
      </c>
      <c r="B28" s="15">
        <v>71</v>
      </c>
      <c r="C28" s="16">
        <v>64</v>
      </c>
      <c r="D28" s="17">
        <v>135</v>
      </c>
    </row>
    <row r="29" spans="1:4" ht="18" customHeight="1" x14ac:dyDescent="0.2">
      <c r="A29" s="18" t="s">
        <v>52</v>
      </c>
      <c r="B29" s="15">
        <v>324</v>
      </c>
      <c r="C29" s="16">
        <v>299</v>
      </c>
      <c r="D29" s="17">
        <v>623</v>
      </c>
    </row>
    <row r="30" spans="1:4" ht="18" customHeight="1" x14ac:dyDescent="0.2">
      <c r="A30" s="14">
        <v>20</v>
      </c>
      <c r="B30" s="15">
        <v>50</v>
      </c>
      <c r="C30" s="16">
        <v>56</v>
      </c>
      <c r="D30" s="17">
        <v>106</v>
      </c>
    </row>
    <row r="31" spans="1:4" ht="18" customHeight="1" x14ac:dyDescent="0.2">
      <c r="A31" s="14">
        <v>21</v>
      </c>
      <c r="B31" s="15">
        <v>71</v>
      </c>
      <c r="C31" s="16">
        <v>60</v>
      </c>
      <c r="D31" s="17">
        <v>131</v>
      </c>
    </row>
    <row r="32" spans="1:4" ht="18" customHeight="1" x14ac:dyDescent="0.2">
      <c r="A32" s="14">
        <v>22</v>
      </c>
      <c r="B32" s="15">
        <v>72</v>
      </c>
      <c r="C32" s="16">
        <v>67</v>
      </c>
      <c r="D32" s="17">
        <v>139</v>
      </c>
    </row>
    <row r="33" spans="1:4" ht="18" customHeight="1" x14ac:dyDescent="0.2">
      <c r="A33" s="14">
        <v>23</v>
      </c>
      <c r="B33" s="15">
        <v>64</v>
      </c>
      <c r="C33" s="16">
        <v>55</v>
      </c>
      <c r="D33" s="17">
        <v>119</v>
      </c>
    </row>
    <row r="34" spans="1:4" ht="18" customHeight="1" x14ac:dyDescent="0.2">
      <c r="A34" s="14">
        <v>24</v>
      </c>
      <c r="B34" s="15">
        <v>61</v>
      </c>
      <c r="C34" s="16">
        <v>48</v>
      </c>
      <c r="D34" s="17">
        <v>109</v>
      </c>
    </row>
    <row r="35" spans="1:4" ht="18" customHeight="1" x14ac:dyDescent="0.2">
      <c r="A35" s="18" t="s">
        <v>53</v>
      </c>
      <c r="B35" s="15">
        <v>318</v>
      </c>
      <c r="C35" s="16">
        <v>286</v>
      </c>
      <c r="D35" s="17">
        <v>604</v>
      </c>
    </row>
    <row r="36" spans="1:4" ht="18" customHeight="1" x14ac:dyDescent="0.2">
      <c r="A36" s="14">
        <v>25</v>
      </c>
      <c r="B36" s="15">
        <v>78</v>
      </c>
      <c r="C36" s="16">
        <v>72</v>
      </c>
      <c r="D36" s="17">
        <v>150</v>
      </c>
    </row>
    <row r="37" spans="1:4" ht="18" customHeight="1" x14ac:dyDescent="0.2">
      <c r="A37" s="14">
        <v>26</v>
      </c>
      <c r="B37" s="15">
        <v>58</v>
      </c>
      <c r="C37" s="16">
        <v>51</v>
      </c>
      <c r="D37" s="17">
        <v>109</v>
      </c>
    </row>
    <row r="38" spans="1:4" ht="18" customHeight="1" x14ac:dyDescent="0.2">
      <c r="A38" s="14">
        <v>27</v>
      </c>
      <c r="B38" s="15">
        <v>53</v>
      </c>
      <c r="C38" s="16">
        <v>57</v>
      </c>
      <c r="D38" s="17">
        <v>110</v>
      </c>
    </row>
    <row r="39" spans="1:4" ht="18" customHeight="1" x14ac:dyDescent="0.2">
      <c r="A39" s="14">
        <v>28</v>
      </c>
      <c r="B39" s="15">
        <v>60</v>
      </c>
      <c r="C39" s="16">
        <v>61</v>
      </c>
      <c r="D39" s="17">
        <v>121</v>
      </c>
    </row>
    <row r="40" spans="1:4" ht="18" customHeight="1" x14ac:dyDescent="0.2">
      <c r="A40" s="14">
        <v>29</v>
      </c>
      <c r="B40" s="15">
        <v>54</v>
      </c>
      <c r="C40" s="16">
        <v>36</v>
      </c>
      <c r="D40" s="17">
        <v>90</v>
      </c>
    </row>
    <row r="41" spans="1:4" ht="18" customHeight="1" x14ac:dyDescent="0.2">
      <c r="A41" s="18" t="s">
        <v>54</v>
      </c>
      <c r="B41" s="15">
        <v>303</v>
      </c>
      <c r="C41" s="16">
        <v>277</v>
      </c>
      <c r="D41" s="17">
        <v>580</v>
      </c>
    </row>
    <row r="42" spans="1:4" ht="18" customHeight="1" x14ac:dyDescent="0.2">
      <c r="A42" s="14">
        <v>30</v>
      </c>
      <c r="B42" s="15">
        <v>55</v>
      </c>
      <c r="C42" s="16">
        <v>49</v>
      </c>
      <c r="D42" s="17">
        <v>104</v>
      </c>
    </row>
    <row r="43" spans="1:4" ht="18" customHeight="1" x14ac:dyDescent="0.2">
      <c r="A43" s="14">
        <v>31</v>
      </c>
      <c r="B43" s="15">
        <v>59</v>
      </c>
      <c r="C43" s="16">
        <v>44</v>
      </c>
      <c r="D43" s="17">
        <v>103</v>
      </c>
    </row>
    <row r="44" spans="1:4" ht="18" customHeight="1" x14ac:dyDescent="0.2">
      <c r="A44" s="14">
        <v>32</v>
      </c>
      <c r="B44" s="15">
        <v>58</v>
      </c>
      <c r="C44" s="16">
        <v>60</v>
      </c>
      <c r="D44" s="17">
        <v>118</v>
      </c>
    </row>
    <row r="45" spans="1:4" ht="18" customHeight="1" x14ac:dyDescent="0.2">
      <c r="A45" s="14">
        <v>33</v>
      </c>
      <c r="B45" s="15">
        <v>54</v>
      </c>
      <c r="C45" s="16">
        <v>75</v>
      </c>
      <c r="D45" s="17">
        <v>129</v>
      </c>
    </row>
    <row r="46" spans="1:4" ht="18" customHeight="1" x14ac:dyDescent="0.2">
      <c r="A46" s="14">
        <v>34</v>
      </c>
      <c r="B46" s="15">
        <v>51</v>
      </c>
      <c r="C46" s="16">
        <v>52</v>
      </c>
      <c r="D46" s="17">
        <v>103</v>
      </c>
    </row>
    <row r="47" spans="1:4" ht="18" customHeight="1" x14ac:dyDescent="0.2">
      <c r="A47" s="18" t="s">
        <v>55</v>
      </c>
      <c r="B47" s="15">
        <v>277</v>
      </c>
      <c r="C47" s="16">
        <v>280</v>
      </c>
      <c r="D47" s="17">
        <v>557</v>
      </c>
    </row>
    <row r="48" spans="1:4" ht="18" customHeight="1" x14ac:dyDescent="0.2">
      <c r="A48" s="14">
        <v>35</v>
      </c>
      <c r="B48" s="15">
        <v>67</v>
      </c>
      <c r="C48" s="16">
        <v>50</v>
      </c>
      <c r="D48" s="17">
        <v>117</v>
      </c>
    </row>
    <row r="49" spans="1:4" ht="18" customHeight="1" x14ac:dyDescent="0.2">
      <c r="A49" s="14">
        <v>36</v>
      </c>
      <c r="B49" s="15">
        <v>60</v>
      </c>
      <c r="C49" s="16">
        <v>61</v>
      </c>
      <c r="D49" s="17">
        <v>121</v>
      </c>
    </row>
    <row r="50" spans="1:4" ht="18" customHeight="1" x14ac:dyDescent="0.2">
      <c r="A50" s="14">
        <v>37</v>
      </c>
      <c r="B50" s="15">
        <v>67</v>
      </c>
      <c r="C50" s="16">
        <v>49</v>
      </c>
      <c r="D50" s="17">
        <v>116</v>
      </c>
    </row>
    <row r="51" spans="1:4" ht="18" customHeight="1" x14ac:dyDescent="0.2">
      <c r="A51" s="14">
        <v>38</v>
      </c>
      <c r="B51" s="15">
        <v>75</v>
      </c>
      <c r="C51" s="16">
        <v>66</v>
      </c>
      <c r="D51" s="17">
        <v>141</v>
      </c>
    </row>
    <row r="52" spans="1:4" ht="18" customHeight="1" x14ac:dyDescent="0.2">
      <c r="A52" s="14">
        <v>39</v>
      </c>
      <c r="B52" s="15">
        <v>59</v>
      </c>
      <c r="C52" s="16">
        <v>58</v>
      </c>
      <c r="D52" s="17">
        <v>117</v>
      </c>
    </row>
    <row r="53" spans="1:4" ht="18" customHeight="1" x14ac:dyDescent="0.2">
      <c r="A53" s="18" t="s">
        <v>56</v>
      </c>
      <c r="B53" s="15">
        <v>328</v>
      </c>
      <c r="C53" s="16">
        <v>284</v>
      </c>
      <c r="D53" s="17">
        <v>612</v>
      </c>
    </row>
    <row r="54" spans="1:4" ht="18" customHeight="1" x14ac:dyDescent="0.2">
      <c r="A54" s="14">
        <v>40</v>
      </c>
      <c r="B54" s="15">
        <v>69</v>
      </c>
      <c r="C54" s="16">
        <v>59</v>
      </c>
      <c r="D54" s="17">
        <v>128</v>
      </c>
    </row>
    <row r="55" spans="1:4" ht="18" customHeight="1" x14ac:dyDescent="0.2">
      <c r="A55" s="14">
        <v>41</v>
      </c>
      <c r="B55" s="15">
        <v>73</v>
      </c>
      <c r="C55" s="16">
        <v>68</v>
      </c>
      <c r="D55" s="17">
        <v>141</v>
      </c>
    </row>
    <row r="56" spans="1:4" ht="18" customHeight="1" x14ac:dyDescent="0.2">
      <c r="A56" s="14">
        <v>42</v>
      </c>
      <c r="B56" s="15">
        <v>95</v>
      </c>
      <c r="C56" s="16">
        <v>94</v>
      </c>
      <c r="D56" s="17">
        <v>189</v>
      </c>
    </row>
    <row r="57" spans="1:4" ht="18" customHeight="1" x14ac:dyDescent="0.2">
      <c r="A57" s="14">
        <v>43</v>
      </c>
      <c r="B57" s="15">
        <v>74</v>
      </c>
      <c r="C57" s="16">
        <v>86</v>
      </c>
      <c r="D57" s="17">
        <v>160</v>
      </c>
    </row>
    <row r="58" spans="1:4" ht="18" customHeight="1" x14ac:dyDescent="0.2">
      <c r="A58" s="14">
        <v>44</v>
      </c>
      <c r="B58" s="15">
        <v>99</v>
      </c>
      <c r="C58" s="16">
        <v>87</v>
      </c>
      <c r="D58" s="17">
        <v>186</v>
      </c>
    </row>
    <row r="59" spans="1:4" ht="18" customHeight="1" x14ac:dyDescent="0.2">
      <c r="A59" s="18" t="s">
        <v>57</v>
      </c>
      <c r="B59" s="15">
        <v>410</v>
      </c>
      <c r="C59" s="16">
        <v>394</v>
      </c>
      <c r="D59" s="17">
        <v>804</v>
      </c>
    </row>
    <row r="60" spans="1:4" ht="18" customHeight="1" x14ac:dyDescent="0.2">
      <c r="A60" s="14">
        <v>45</v>
      </c>
      <c r="B60" s="15">
        <v>109</v>
      </c>
      <c r="C60" s="16">
        <v>111</v>
      </c>
      <c r="D60" s="17">
        <v>220</v>
      </c>
    </row>
    <row r="61" spans="1:4" ht="18" customHeight="1" x14ac:dyDescent="0.2">
      <c r="A61" s="14">
        <v>46</v>
      </c>
      <c r="B61" s="15">
        <v>101</v>
      </c>
      <c r="C61" s="16">
        <v>105</v>
      </c>
      <c r="D61" s="17">
        <v>206</v>
      </c>
    </row>
    <row r="62" spans="1:4" ht="18" customHeight="1" x14ac:dyDescent="0.2">
      <c r="A62" s="14">
        <v>47</v>
      </c>
      <c r="B62" s="15">
        <v>119</v>
      </c>
      <c r="C62" s="16">
        <v>107</v>
      </c>
      <c r="D62" s="17">
        <v>226</v>
      </c>
    </row>
    <row r="63" spans="1:4" ht="18" customHeight="1" x14ac:dyDescent="0.2">
      <c r="A63" s="14">
        <v>48</v>
      </c>
      <c r="B63" s="15">
        <v>97</v>
      </c>
      <c r="C63" s="16">
        <v>103</v>
      </c>
      <c r="D63" s="17">
        <v>200</v>
      </c>
    </row>
    <row r="64" spans="1:4" ht="18" customHeight="1" x14ac:dyDescent="0.2">
      <c r="A64" s="14">
        <v>49</v>
      </c>
      <c r="B64" s="15">
        <v>95</v>
      </c>
      <c r="C64" s="16">
        <v>85</v>
      </c>
      <c r="D64" s="17">
        <v>180</v>
      </c>
    </row>
    <row r="65" spans="1:4" ht="18" customHeight="1" x14ac:dyDescent="0.2">
      <c r="A65" s="18" t="s">
        <v>58</v>
      </c>
      <c r="B65" s="15">
        <v>521</v>
      </c>
      <c r="C65" s="16">
        <v>511</v>
      </c>
      <c r="D65" s="17">
        <v>1032</v>
      </c>
    </row>
    <row r="66" spans="1:4" ht="18" customHeight="1" x14ac:dyDescent="0.2">
      <c r="A66" s="14">
        <v>50</v>
      </c>
      <c r="B66" s="15">
        <v>107</v>
      </c>
      <c r="C66" s="16">
        <v>77</v>
      </c>
      <c r="D66" s="17">
        <v>184</v>
      </c>
    </row>
    <row r="67" spans="1:4" ht="18" customHeight="1" x14ac:dyDescent="0.2">
      <c r="A67" s="14">
        <v>51</v>
      </c>
      <c r="B67" s="15">
        <v>92</v>
      </c>
      <c r="C67" s="16">
        <v>83</v>
      </c>
      <c r="D67" s="17">
        <v>175</v>
      </c>
    </row>
    <row r="68" spans="1:4" ht="18" customHeight="1" x14ac:dyDescent="0.2">
      <c r="A68" s="14">
        <v>52</v>
      </c>
      <c r="B68" s="15">
        <v>88</v>
      </c>
      <c r="C68" s="16">
        <v>90</v>
      </c>
      <c r="D68" s="17">
        <v>178</v>
      </c>
    </row>
    <row r="69" spans="1:4" ht="18" customHeight="1" x14ac:dyDescent="0.2">
      <c r="A69" s="14">
        <v>53</v>
      </c>
      <c r="B69" s="15">
        <v>72</v>
      </c>
      <c r="C69" s="16">
        <v>107</v>
      </c>
      <c r="D69" s="17">
        <v>179</v>
      </c>
    </row>
    <row r="70" spans="1:4" ht="18" customHeight="1" x14ac:dyDescent="0.2">
      <c r="A70" s="14">
        <v>54</v>
      </c>
      <c r="B70" s="15">
        <v>78</v>
      </c>
      <c r="C70" s="16">
        <v>64</v>
      </c>
      <c r="D70" s="17">
        <v>142</v>
      </c>
    </row>
    <row r="71" spans="1:4" ht="18" customHeight="1" x14ac:dyDescent="0.2">
      <c r="A71" s="18" t="s">
        <v>59</v>
      </c>
      <c r="B71" s="15">
        <v>437</v>
      </c>
      <c r="C71" s="16">
        <v>421</v>
      </c>
      <c r="D71" s="17">
        <v>858</v>
      </c>
    </row>
    <row r="72" spans="1:4" ht="18" customHeight="1" x14ac:dyDescent="0.2">
      <c r="A72" s="14">
        <v>55</v>
      </c>
      <c r="B72" s="15">
        <v>80</v>
      </c>
      <c r="C72" s="16">
        <v>89</v>
      </c>
      <c r="D72" s="17">
        <v>169</v>
      </c>
    </row>
    <row r="73" spans="1:4" ht="18" customHeight="1" x14ac:dyDescent="0.2">
      <c r="A73" s="14">
        <v>56</v>
      </c>
      <c r="B73" s="15">
        <v>70</v>
      </c>
      <c r="C73" s="16">
        <v>57</v>
      </c>
      <c r="D73" s="17">
        <v>127</v>
      </c>
    </row>
    <row r="74" spans="1:4" ht="18" customHeight="1" x14ac:dyDescent="0.2">
      <c r="A74" s="14">
        <v>57</v>
      </c>
      <c r="B74" s="15">
        <v>81</v>
      </c>
      <c r="C74" s="16">
        <v>87</v>
      </c>
      <c r="D74" s="17">
        <v>168</v>
      </c>
    </row>
    <row r="75" spans="1:4" ht="18" customHeight="1" x14ac:dyDescent="0.2">
      <c r="A75" s="14">
        <v>58</v>
      </c>
      <c r="B75" s="15">
        <v>51</v>
      </c>
      <c r="C75" s="16">
        <v>52</v>
      </c>
      <c r="D75" s="17">
        <v>103</v>
      </c>
    </row>
    <row r="76" spans="1:4" ht="18" customHeight="1" x14ac:dyDescent="0.2">
      <c r="A76" s="14">
        <v>59</v>
      </c>
      <c r="B76" s="15">
        <v>66</v>
      </c>
      <c r="C76" s="16">
        <v>60</v>
      </c>
      <c r="D76" s="17">
        <v>126</v>
      </c>
    </row>
    <row r="77" spans="1:4" ht="18" customHeight="1" x14ac:dyDescent="0.2">
      <c r="A77" s="18" t="s">
        <v>60</v>
      </c>
      <c r="B77" s="15">
        <v>348</v>
      </c>
      <c r="C77" s="16">
        <v>345</v>
      </c>
      <c r="D77" s="17">
        <v>693</v>
      </c>
    </row>
    <row r="78" spans="1:4" ht="18" customHeight="1" x14ac:dyDescent="0.2">
      <c r="A78" s="14">
        <v>60</v>
      </c>
      <c r="B78" s="15">
        <v>61</v>
      </c>
      <c r="C78" s="16">
        <v>59</v>
      </c>
      <c r="D78" s="17">
        <v>120</v>
      </c>
    </row>
    <row r="79" spans="1:4" ht="18" customHeight="1" x14ac:dyDescent="0.2">
      <c r="A79" s="14">
        <v>61</v>
      </c>
      <c r="B79" s="15">
        <v>54</v>
      </c>
      <c r="C79" s="16">
        <v>64</v>
      </c>
      <c r="D79" s="17">
        <v>118</v>
      </c>
    </row>
    <row r="80" spans="1:4" ht="18" customHeight="1" x14ac:dyDescent="0.2">
      <c r="A80" s="14">
        <v>62</v>
      </c>
      <c r="B80" s="15">
        <v>51</v>
      </c>
      <c r="C80" s="16">
        <v>58</v>
      </c>
      <c r="D80" s="17">
        <v>109</v>
      </c>
    </row>
    <row r="81" spans="1:4" ht="18" customHeight="1" x14ac:dyDescent="0.2">
      <c r="A81" s="14">
        <v>63</v>
      </c>
      <c r="B81" s="15">
        <v>56</v>
      </c>
      <c r="C81" s="16">
        <v>60</v>
      </c>
      <c r="D81" s="17">
        <v>116</v>
      </c>
    </row>
    <row r="82" spans="1:4" ht="18" customHeight="1" x14ac:dyDescent="0.2">
      <c r="A82" s="14">
        <v>64</v>
      </c>
      <c r="B82" s="15">
        <v>52</v>
      </c>
      <c r="C82" s="16">
        <v>64</v>
      </c>
      <c r="D82" s="17">
        <v>116</v>
      </c>
    </row>
    <row r="83" spans="1:4" ht="18" customHeight="1" x14ac:dyDescent="0.2">
      <c r="A83" s="18" t="s">
        <v>61</v>
      </c>
      <c r="B83" s="15">
        <v>274</v>
      </c>
      <c r="C83" s="16">
        <v>305</v>
      </c>
      <c r="D83" s="17">
        <v>579</v>
      </c>
    </row>
    <row r="84" spans="1:4" ht="18" customHeight="1" x14ac:dyDescent="0.2">
      <c r="A84" s="18" t="s">
        <v>62</v>
      </c>
      <c r="B84" s="15">
        <v>3540</v>
      </c>
      <c r="C84" s="16">
        <v>3402</v>
      </c>
      <c r="D84" s="17">
        <v>6942</v>
      </c>
    </row>
    <row r="85" spans="1:4" ht="18" customHeight="1" x14ac:dyDescent="0.2">
      <c r="A85" s="14">
        <v>65</v>
      </c>
      <c r="B85" s="15">
        <v>51</v>
      </c>
      <c r="C85" s="16">
        <v>72</v>
      </c>
      <c r="D85" s="17">
        <v>123</v>
      </c>
    </row>
    <row r="86" spans="1:4" ht="18" customHeight="1" x14ac:dyDescent="0.2">
      <c r="A86" s="14">
        <v>66</v>
      </c>
      <c r="B86" s="15">
        <v>54</v>
      </c>
      <c r="C86" s="16">
        <v>52</v>
      </c>
      <c r="D86" s="17">
        <v>106</v>
      </c>
    </row>
    <row r="87" spans="1:4" ht="18" customHeight="1" x14ac:dyDescent="0.2">
      <c r="A87" s="14">
        <v>67</v>
      </c>
      <c r="B87" s="15">
        <v>70</v>
      </c>
      <c r="C87" s="16">
        <v>68</v>
      </c>
      <c r="D87" s="17">
        <v>138</v>
      </c>
    </row>
    <row r="88" spans="1:4" ht="18" customHeight="1" x14ac:dyDescent="0.2">
      <c r="A88" s="14">
        <v>68</v>
      </c>
      <c r="B88" s="15">
        <v>55</v>
      </c>
      <c r="C88" s="16">
        <v>65</v>
      </c>
      <c r="D88" s="17">
        <v>120</v>
      </c>
    </row>
    <row r="89" spans="1:4" ht="18" customHeight="1" x14ac:dyDescent="0.2">
      <c r="A89" s="14">
        <v>69</v>
      </c>
      <c r="B89" s="15">
        <v>66</v>
      </c>
      <c r="C89" s="16">
        <v>83</v>
      </c>
      <c r="D89" s="17">
        <v>149</v>
      </c>
    </row>
    <row r="90" spans="1:4" ht="18" customHeight="1" x14ac:dyDescent="0.2">
      <c r="A90" s="18" t="s">
        <v>63</v>
      </c>
      <c r="B90" s="15">
        <v>296</v>
      </c>
      <c r="C90" s="16">
        <v>340</v>
      </c>
      <c r="D90" s="17">
        <v>636</v>
      </c>
    </row>
    <row r="91" spans="1:4" ht="18" customHeight="1" x14ac:dyDescent="0.2">
      <c r="A91" s="14">
        <v>70</v>
      </c>
      <c r="B91" s="15">
        <v>84</v>
      </c>
      <c r="C91" s="16">
        <v>112</v>
      </c>
      <c r="D91" s="17">
        <v>196</v>
      </c>
    </row>
    <row r="92" spans="1:4" ht="18" customHeight="1" x14ac:dyDescent="0.2">
      <c r="A92" s="14">
        <v>71</v>
      </c>
      <c r="B92" s="15">
        <v>88</v>
      </c>
      <c r="C92" s="16">
        <v>99</v>
      </c>
      <c r="D92" s="17">
        <v>187</v>
      </c>
    </row>
    <row r="93" spans="1:4" ht="18" customHeight="1" x14ac:dyDescent="0.2">
      <c r="A93" s="14">
        <v>72</v>
      </c>
      <c r="B93" s="15">
        <v>86</v>
      </c>
      <c r="C93" s="16">
        <v>103</v>
      </c>
      <c r="D93" s="17">
        <v>189</v>
      </c>
    </row>
    <row r="94" spans="1:4" ht="18" customHeight="1" x14ac:dyDescent="0.2">
      <c r="A94" s="14">
        <v>73</v>
      </c>
      <c r="B94" s="15">
        <v>95</v>
      </c>
      <c r="C94" s="16">
        <v>101</v>
      </c>
      <c r="D94" s="17">
        <v>196</v>
      </c>
    </row>
    <row r="95" spans="1:4" ht="18" customHeight="1" x14ac:dyDescent="0.2">
      <c r="A95" s="14">
        <v>74</v>
      </c>
      <c r="B95" s="15">
        <v>53</v>
      </c>
      <c r="C95" s="16">
        <v>47</v>
      </c>
      <c r="D95" s="17">
        <v>100</v>
      </c>
    </row>
    <row r="96" spans="1:4" ht="18" customHeight="1" x14ac:dyDescent="0.2">
      <c r="A96" s="18" t="s">
        <v>64</v>
      </c>
      <c r="B96" s="15">
        <v>406</v>
      </c>
      <c r="C96" s="16">
        <v>462</v>
      </c>
      <c r="D96" s="17">
        <v>868</v>
      </c>
    </row>
    <row r="97" spans="1:4" ht="18" customHeight="1" x14ac:dyDescent="0.2">
      <c r="A97" s="14">
        <v>75</v>
      </c>
      <c r="B97" s="15">
        <v>60</v>
      </c>
      <c r="C97" s="16">
        <v>64</v>
      </c>
      <c r="D97" s="17">
        <v>124</v>
      </c>
    </row>
    <row r="98" spans="1:4" ht="18" customHeight="1" x14ac:dyDescent="0.2">
      <c r="A98" s="14">
        <v>76</v>
      </c>
      <c r="B98" s="15">
        <v>62</v>
      </c>
      <c r="C98" s="16">
        <v>88</v>
      </c>
      <c r="D98" s="17">
        <v>150</v>
      </c>
    </row>
    <row r="99" spans="1:4" ht="18" customHeight="1" x14ac:dyDescent="0.2">
      <c r="A99" s="14">
        <v>77</v>
      </c>
      <c r="B99" s="15">
        <v>57</v>
      </c>
      <c r="C99" s="16">
        <v>76</v>
      </c>
      <c r="D99" s="17">
        <v>133</v>
      </c>
    </row>
    <row r="100" spans="1:4" ht="18" customHeight="1" x14ac:dyDescent="0.2">
      <c r="A100" s="14">
        <v>78</v>
      </c>
      <c r="B100" s="15">
        <v>53</v>
      </c>
      <c r="C100" s="16">
        <v>76</v>
      </c>
      <c r="D100" s="17">
        <v>129</v>
      </c>
    </row>
    <row r="101" spans="1:4" ht="18" customHeight="1" x14ac:dyDescent="0.2">
      <c r="A101" s="14">
        <v>79</v>
      </c>
      <c r="B101" s="15">
        <v>58</v>
      </c>
      <c r="C101" s="16">
        <v>72</v>
      </c>
      <c r="D101" s="17">
        <v>130</v>
      </c>
    </row>
    <row r="102" spans="1:4" ht="18" customHeight="1" x14ac:dyDescent="0.2">
      <c r="A102" s="18" t="s">
        <v>65</v>
      </c>
      <c r="B102" s="15">
        <v>290</v>
      </c>
      <c r="C102" s="16">
        <v>376</v>
      </c>
      <c r="D102" s="17">
        <v>666</v>
      </c>
    </row>
    <row r="103" spans="1:4" ht="18" customHeight="1" x14ac:dyDescent="0.2">
      <c r="A103" s="14">
        <v>80</v>
      </c>
      <c r="B103" s="15">
        <v>55</v>
      </c>
      <c r="C103" s="16">
        <v>66</v>
      </c>
      <c r="D103" s="17">
        <v>121</v>
      </c>
    </row>
    <row r="104" spans="1:4" ht="18" customHeight="1" x14ac:dyDescent="0.2">
      <c r="A104" s="14">
        <v>81</v>
      </c>
      <c r="B104" s="15">
        <v>40</v>
      </c>
      <c r="C104" s="16">
        <v>41</v>
      </c>
      <c r="D104" s="17">
        <v>81</v>
      </c>
    </row>
    <row r="105" spans="1:4" ht="18" customHeight="1" x14ac:dyDescent="0.2">
      <c r="A105" s="14">
        <v>82</v>
      </c>
      <c r="B105" s="15">
        <v>40</v>
      </c>
      <c r="C105" s="16">
        <v>59</v>
      </c>
      <c r="D105" s="17">
        <v>99</v>
      </c>
    </row>
    <row r="106" spans="1:4" ht="18" customHeight="1" x14ac:dyDescent="0.2">
      <c r="A106" s="14">
        <v>83</v>
      </c>
      <c r="B106" s="15">
        <v>43</v>
      </c>
      <c r="C106" s="16">
        <v>55</v>
      </c>
      <c r="D106" s="17">
        <v>98</v>
      </c>
    </row>
    <row r="107" spans="1:4" ht="18" customHeight="1" x14ac:dyDescent="0.2">
      <c r="A107" s="14">
        <v>84</v>
      </c>
      <c r="B107" s="15">
        <v>35</v>
      </c>
      <c r="C107" s="16">
        <v>63</v>
      </c>
      <c r="D107" s="17">
        <v>98</v>
      </c>
    </row>
    <row r="108" spans="1:4" ht="18" customHeight="1" x14ac:dyDescent="0.2">
      <c r="A108" s="18" t="s">
        <v>66</v>
      </c>
      <c r="B108" s="15">
        <v>213</v>
      </c>
      <c r="C108" s="16">
        <v>284</v>
      </c>
      <c r="D108" s="17">
        <v>497</v>
      </c>
    </row>
    <row r="109" spans="1:4" ht="18" customHeight="1" x14ac:dyDescent="0.2">
      <c r="A109" s="14">
        <v>85</v>
      </c>
      <c r="B109" s="15">
        <v>24</v>
      </c>
      <c r="C109" s="16">
        <v>31</v>
      </c>
      <c r="D109" s="17">
        <v>55</v>
      </c>
    </row>
    <row r="110" spans="1:4" ht="18" customHeight="1" x14ac:dyDescent="0.2">
      <c r="A110" s="14">
        <v>86</v>
      </c>
      <c r="B110" s="15">
        <v>20</v>
      </c>
      <c r="C110" s="16">
        <v>44</v>
      </c>
      <c r="D110" s="17">
        <v>64</v>
      </c>
    </row>
    <row r="111" spans="1:4" ht="18" customHeight="1" x14ac:dyDescent="0.2">
      <c r="A111" s="14">
        <v>87</v>
      </c>
      <c r="B111" s="15">
        <v>21</v>
      </c>
      <c r="C111" s="16">
        <v>40</v>
      </c>
      <c r="D111" s="17">
        <v>61</v>
      </c>
    </row>
    <row r="112" spans="1:4" ht="18" customHeight="1" x14ac:dyDescent="0.2">
      <c r="A112" s="14">
        <v>88</v>
      </c>
      <c r="B112" s="15">
        <v>15</v>
      </c>
      <c r="C112" s="16">
        <v>25</v>
      </c>
      <c r="D112" s="17">
        <v>40</v>
      </c>
    </row>
    <row r="113" spans="1:4" ht="18" customHeight="1" x14ac:dyDescent="0.2">
      <c r="A113" s="14">
        <v>89</v>
      </c>
      <c r="B113" s="15">
        <v>23</v>
      </c>
      <c r="C113" s="16">
        <v>34</v>
      </c>
      <c r="D113" s="17">
        <v>57</v>
      </c>
    </row>
    <row r="114" spans="1:4" ht="18" customHeight="1" x14ac:dyDescent="0.2">
      <c r="A114" s="18" t="s">
        <v>67</v>
      </c>
      <c r="B114" s="15">
        <v>103</v>
      </c>
      <c r="C114" s="16">
        <v>174</v>
      </c>
      <c r="D114" s="17">
        <v>277</v>
      </c>
    </row>
    <row r="115" spans="1:4" ht="18" customHeight="1" x14ac:dyDescent="0.2">
      <c r="A115" s="14">
        <v>90</v>
      </c>
      <c r="B115" s="15">
        <v>7</v>
      </c>
      <c r="C115" s="16">
        <v>22</v>
      </c>
      <c r="D115" s="17">
        <v>29</v>
      </c>
    </row>
    <row r="116" spans="1:4" ht="18" customHeight="1" x14ac:dyDescent="0.2">
      <c r="A116" s="14">
        <v>91</v>
      </c>
      <c r="B116" s="15">
        <v>8</v>
      </c>
      <c r="C116" s="16">
        <v>19</v>
      </c>
      <c r="D116" s="17">
        <v>27</v>
      </c>
    </row>
    <row r="117" spans="1:4" ht="18" customHeight="1" x14ac:dyDescent="0.2">
      <c r="A117" s="14">
        <v>92</v>
      </c>
      <c r="B117" s="15">
        <v>3</v>
      </c>
      <c r="C117" s="16">
        <v>21</v>
      </c>
      <c r="D117" s="17">
        <v>24</v>
      </c>
    </row>
    <row r="118" spans="1:4" ht="18" customHeight="1" x14ac:dyDescent="0.2">
      <c r="A118" s="14">
        <v>93</v>
      </c>
      <c r="B118" s="15">
        <v>2</v>
      </c>
      <c r="C118" s="16">
        <v>12</v>
      </c>
      <c r="D118" s="17">
        <v>14</v>
      </c>
    </row>
    <row r="119" spans="1:4" ht="18" customHeight="1" x14ac:dyDescent="0.2">
      <c r="A119" s="14">
        <v>94</v>
      </c>
      <c r="B119" s="15">
        <v>4</v>
      </c>
      <c r="C119" s="16">
        <v>11</v>
      </c>
      <c r="D119" s="17">
        <v>15</v>
      </c>
    </row>
    <row r="120" spans="1:4" ht="18" customHeight="1" x14ac:dyDescent="0.2">
      <c r="A120" s="18" t="s">
        <v>68</v>
      </c>
      <c r="B120" s="15">
        <v>24</v>
      </c>
      <c r="C120" s="16">
        <v>85</v>
      </c>
      <c r="D120" s="17">
        <v>109</v>
      </c>
    </row>
    <row r="121" spans="1:4" ht="18" customHeight="1" x14ac:dyDescent="0.2">
      <c r="A121" s="14">
        <v>95</v>
      </c>
      <c r="B121" s="15">
        <v>3</v>
      </c>
      <c r="C121" s="16">
        <v>13</v>
      </c>
      <c r="D121" s="17">
        <v>16</v>
      </c>
    </row>
    <row r="122" spans="1:4" ht="18" customHeight="1" x14ac:dyDescent="0.2">
      <c r="A122" s="14">
        <v>96</v>
      </c>
      <c r="B122" s="15">
        <v>2</v>
      </c>
      <c r="C122" s="16">
        <v>7</v>
      </c>
      <c r="D122" s="17">
        <v>9</v>
      </c>
    </row>
    <row r="123" spans="1:4" ht="18" customHeight="1" x14ac:dyDescent="0.2">
      <c r="A123" s="14">
        <v>97</v>
      </c>
      <c r="B123" s="15">
        <v>2</v>
      </c>
      <c r="C123" s="16">
        <v>4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7</v>
      </c>
      <c r="C126" s="16">
        <v>33</v>
      </c>
      <c r="D126" s="17">
        <v>40</v>
      </c>
    </row>
    <row r="127" spans="1:4" ht="18" customHeight="1" x14ac:dyDescent="0.2">
      <c r="A127" s="14">
        <v>100</v>
      </c>
      <c r="B127" s="15">
        <v>1</v>
      </c>
      <c r="C127" s="16">
        <v>4</v>
      </c>
      <c r="D127" s="17">
        <v>5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2</v>
      </c>
      <c r="C129" s="16">
        <v>7</v>
      </c>
      <c r="D129" s="17">
        <v>9</v>
      </c>
    </row>
    <row r="130" spans="1:4" ht="18" customHeight="1" x14ac:dyDescent="0.2">
      <c r="A130" s="18" t="s">
        <v>72</v>
      </c>
      <c r="B130" s="4">
        <v>1341</v>
      </c>
      <c r="C130" s="5">
        <v>1761</v>
      </c>
      <c r="D130" s="6">
        <v>3102</v>
      </c>
    </row>
    <row r="131" spans="1:4" ht="18" customHeight="1" x14ac:dyDescent="0.2">
      <c r="A131" s="20" t="s">
        <v>47</v>
      </c>
      <c r="B131" s="7">
        <v>5586</v>
      </c>
      <c r="C131" s="8">
        <v>5843</v>
      </c>
      <c r="D131" s="9">
        <v>1142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1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5</v>
      </c>
      <c r="C5" s="12">
        <v>20</v>
      </c>
      <c r="D5" s="13">
        <v>45</v>
      </c>
    </row>
    <row r="6" spans="1:4" ht="18" customHeight="1" x14ac:dyDescent="0.2">
      <c r="A6" s="14">
        <v>1</v>
      </c>
      <c r="B6" s="15">
        <v>19</v>
      </c>
      <c r="C6" s="16">
        <v>18</v>
      </c>
      <c r="D6" s="17">
        <v>37</v>
      </c>
    </row>
    <row r="7" spans="1:4" ht="18" customHeight="1" x14ac:dyDescent="0.2">
      <c r="A7" s="14">
        <v>2</v>
      </c>
      <c r="B7" s="15">
        <v>21</v>
      </c>
      <c r="C7" s="16">
        <v>16</v>
      </c>
      <c r="D7" s="17">
        <v>37</v>
      </c>
    </row>
    <row r="8" spans="1:4" ht="18" customHeight="1" x14ac:dyDescent="0.2">
      <c r="A8" s="14">
        <v>3</v>
      </c>
      <c r="B8" s="15">
        <v>17</v>
      </c>
      <c r="C8" s="16">
        <v>18</v>
      </c>
      <c r="D8" s="17">
        <v>35</v>
      </c>
    </row>
    <row r="9" spans="1:4" ht="18" customHeight="1" x14ac:dyDescent="0.2">
      <c r="A9" s="14">
        <v>4</v>
      </c>
      <c r="B9" s="15">
        <v>22</v>
      </c>
      <c r="C9" s="16">
        <v>20</v>
      </c>
      <c r="D9" s="17">
        <v>42</v>
      </c>
    </row>
    <row r="10" spans="1:4" ht="18" customHeight="1" x14ac:dyDescent="0.2">
      <c r="A10" s="18" t="s">
        <v>48</v>
      </c>
      <c r="B10" s="15">
        <v>104</v>
      </c>
      <c r="C10" s="16">
        <v>92</v>
      </c>
      <c r="D10" s="17">
        <v>196</v>
      </c>
    </row>
    <row r="11" spans="1:4" ht="18" customHeight="1" x14ac:dyDescent="0.2">
      <c r="A11" s="14">
        <v>5</v>
      </c>
      <c r="B11" s="15">
        <v>16</v>
      </c>
      <c r="C11" s="16">
        <v>29</v>
      </c>
      <c r="D11" s="17">
        <v>45</v>
      </c>
    </row>
    <row r="12" spans="1:4" ht="18" customHeight="1" x14ac:dyDescent="0.2">
      <c r="A12" s="14">
        <v>6</v>
      </c>
      <c r="B12" s="15">
        <v>25</v>
      </c>
      <c r="C12" s="16">
        <v>31</v>
      </c>
      <c r="D12" s="17">
        <v>56</v>
      </c>
    </row>
    <row r="13" spans="1:4" ht="18" customHeight="1" x14ac:dyDescent="0.2">
      <c r="A13" s="14">
        <v>7</v>
      </c>
      <c r="B13" s="15">
        <v>16</v>
      </c>
      <c r="C13" s="16">
        <v>14</v>
      </c>
      <c r="D13" s="17">
        <v>30</v>
      </c>
    </row>
    <row r="14" spans="1:4" ht="18" customHeight="1" x14ac:dyDescent="0.2">
      <c r="A14" s="14">
        <v>8</v>
      </c>
      <c r="B14" s="15">
        <v>25</v>
      </c>
      <c r="C14" s="16">
        <v>17</v>
      </c>
      <c r="D14" s="17">
        <v>42</v>
      </c>
    </row>
    <row r="15" spans="1:4" ht="18" customHeight="1" x14ac:dyDescent="0.2">
      <c r="A15" s="14">
        <v>9</v>
      </c>
      <c r="B15" s="15">
        <v>33</v>
      </c>
      <c r="C15" s="16">
        <v>23</v>
      </c>
      <c r="D15" s="17">
        <v>56</v>
      </c>
    </row>
    <row r="16" spans="1:4" ht="18" customHeight="1" x14ac:dyDescent="0.2">
      <c r="A16" s="18" t="s">
        <v>49</v>
      </c>
      <c r="B16" s="15">
        <v>115</v>
      </c>
      <c r="C16" s="16">
        <v>114</v>
      </c>
      <c r="D16" s="17">
        <v>229</v>
      </c>
    </row>
    <row r="17" spans="1:4" ht="18" customHeight="1" x14ac:dyDescent="0.2">
      <c r="A17" s="14">
        <v>10</v>
      </c>
      <c r="B17" s="15">
        <v>24</v>
      </c>
      <c r="C17" s="16">
        <v>20</v>
      </c>
      <c r="D17" s="17">
        <v>44</v>
      </c>
    </row>
    <row r="18" spans="1:4" ht="18" customHeight="1" x14ac:dyDescent="0.2">
      <c r="A18" s="14">
        <v>11</v>
      </c>
      <c r="B18" s="15">
        <v>18</v>
      </c>
      <c r="C18" s="16">
        <v>18</v>
      </c>
      <c r="D18" s="17">
        <v>36</v>
      </c>
    </row>
    <row r="19" spans="1:4" ht="18" customHeight="1" x14ac:dyDescent="0.2">
      <c r="A19" s="14">
        <v>12</v>
      </c>
      <c r="B19" s="15">
        <v>15</v>
      </c>
      <c r="C19" s="16">
        <v>12</v>
      </c>
      <c r="D19" s="17">
        <v>27</v>
      </c>
    </row>
    <row r="20" spans="1:4" ht="18" customHeight="1" x14ac:dyDescent="0.2">
      <c r="A20" s="14">
        <v>13</v>
      </c>
      <c r="B20" s="15">
        <v>13</v>
      </c>
      <c r="C20" s="16">
        <v>22</v>
      </c>
      <c r="D20" s="17">
        <v>35</v>
      </c>
    </row>
    <row r="21" spans="1:4" ht="18" customHeight="1" x14ac:dyDescent="0.2">
      <c r="A21" s="14">
        <v>14</v>
      </c>
      <c r="B21" s="15">
        <v>22</v>
      </c>
      <c r="C21" s="16">
        <v>33</v>
      </c>
      <c r="D21" s="17">
        <v>55</v>
      </c>
    </row>
    <row r="22" spans="1:4" ht="18" customHeight="1" x14ac:dyDescent="0.2">
      <c r="A22" s="18" t="s">
        <v>50</v>
      </c>
      <c r="B22" s="15">
        <v>92</v>
      </c>
      <c r="C22" s="16">
        <v>105</v>
      </c>
      <c r="D22" s="17">
        <v>197</v>
      </c>
    </row>
    <row r="23" spans="1:4" ht="18" customHeight="1" x14ac:dyDescent="0.2">
      <c r="A23" s="18" t="s">
        <v>51</v>
      </c>
      <c r="B23" s="15">
        <v>311</v>
      </c>
      <c r="C23" s="16">
        <v>311</v>
      </c>
      <c r="D23" s="17">
        <v>622</v>
      </c>
    </row>
    <row r="24" spans="1:4" ht="18" customHeight="1" x14ac:dyDescent="0.2">
      <c r="A24" s="14">
        <v>15</v>
      </c>
      <c r="B24" s="15">
        <v>20</v>
      </c>
      <c r="C24" s="16">
        <v>15</v>
      </c>
      <c r="D24" s="17">
        <v>35</v>
      </c>
    </row>
    <row r="25" spans="1:4" ht="18" customHeight="1" x14ac:dyDescent="0.2">
      <c r="A25" s="14">
        <v>16</v>
      </c>
      <c r="B25" s="15">
        <v>16</v>
      </c>
      <c r="C25" s="16">
        <v>23</v>
      </c>
      <c r="D25" s="17">
        <v>39</v>
      </c>
    </row>
    <row r="26" spans="1:4" ht="18" customHeight="1" x14ac:dyDescent="0.2">
      <c r="A26" s="14">
        <v>17</v>
      </c>
      <c r="B26" s="15">
        <v>25</v>
      </c>
      <c r="C26" s="16">
        <v>20</v>
      </c>
      <c r="D26" s="17">
        <v>45</v>
      </c>
    </row>
    <row r="27" spans="1:4" ht="18" customHeight="1" x14ac:dyDescent="0.2">
      <c r="A27" s="14">
        <v>18</v>
      </c>
      <c r="B27" s="15">
        <v>22</v>
      </c>
      <c r="C27" s="16">
        <v>14</v>
      </c>
      <c r="D27" s="17">
        <v>36</v>
      </c>
    </row>
    <row r="28" spans="1:4" ht="18" customHeight="1" x14ac:dyDescent="0.2">
      <c r="A28" s="14">
        <v>19</v>
      </c>
      <c r="B28" s="15">
        <v>11</v>
      </c>
      <c r="C28" s="16">
        <v>18</v>
      </c>
      <c r="D28" s="17">
        <v>29</v>
      </c>
    </row>
    <row r="29" spans="1:4" ht="18" customHeight="1" x14ac:dyDescent="0.2">
      <c r="A29" s="18" t="s">
        <v>52</v>
      </c>
      <c r="B29" s="15">
        <v>94</v>
      </c>
      <c r="C29" s="16">
        <v>90</v>
      </c>
      <c r="D29" s="17">
        <v>184</v>
      </c>
    </row>
    <row r="30" spans="1:4" ht="18" customHeight="1" x14ac:dyDescent="0.2">
      <c r="A30" s="14">
        <v>20</v>
      </c>
      <c r="B30" s="15">
        <v>16</v>
      </c>
      <c r="C30" s="16">
        <v>18</v>
      </c>
      <c r="D30" s="17">
        <v>34</v>
      </c>
    </row>
    <row r="31" spans="1:4" ht="18" customHeight="1" x14ac:dyDescent="0.2">
      <c r="A31" s="14">
        <v>21</v>
      </c>
      <c r="B31" s="15">
        <v>11</v>
      </c>
      <c r="C31" s="16">
        <v>12</v>
      </c>
      <c r="D31" s="17">
        <v>23</v>
      </c>
    </row>
    <row r="32" spans="1:4" ht="18" customHeight="1" x14ac:dyDescent="0.2">
      <c r="A32" s="14">
        <v>22</v>
      </c>
      <c r="B32" s="15">
        <v>23</v>
      </c>
      <c r="C32" s="16">
        <v>15</v>
      </c>
      <c r="D32" s="17">
        <v>38</v>
      </c>
    </row>
    <row r="33" spans="1:4" ht="18" customHeight="1" x14ac:dyDescent="0.2">
      <c r="A33" s="14">
        <v>23</v>
      </c>
      <c r="B33" s="15">
        <v>17</v>
      </c>
      <c r="C33" s="16">
        <v>23</v>
      </c>
      <c r="D33" s="17">
        <v>40</v>
      </c>
    </row>
    <row r="34" spans="1:4" ht="18" customHeight="1" x14ac:dyDescent="0.2">
      <c r="A34" s="14">
        <v>24</v>
      </c>
      <c r="B34" s="15">
        <v>22</v>
      </c>
      <c r="C34" s="16">
        <v>18</v>
      </c>
      <c r="D34" s="17">
        <v>40</v>
      </c>
    </row>
    <row r="35" spans="1:4" ht="18" customHeight="1" x14ac:dyDescent="0.2">
      <c r="A35" s="18" t="s">
        <v>53</v>
      </c>
      <c r="B35" s="15">
        <v>89</v>
      </c>
      <c r="C35" s="16">
        <v>86</v>
      </c>
      <c r="D35" s="17">
        <v>175</v>
      </c>
    </row>
    <row r="36" spans="1:4" ht="18" customHeight="1" x14ac:dyDescent="0.2">
      <c r="A36" s="14">
        <v>25</v>
      </c>
      <c r="B36" s="15">
        <v>30</v>
      </c>
      <c r="C36" s="16">
        <v>15</v>
      </c>
      <c r="D36" s="17">
        <v>45</v>
      </c>
    </row>
    <row r="37" spans="1:4" ht="18" customHeight="1" x14ac:dyDescent="0.2">
      <c r="A37" s="14">
        <v>26</v>
      </c>
      <c r="B37" s="15">
        <v>23</v>
      </c>
      <c r="C37" s="16">
        <v>24</v>
      </c>
      <c r="D37" s="17">
        <v>47</v>
      </c>
    </row>
    <row r="38" spans="1:4" ht="18" customHeight="1" x14ac:dyDescent="0.2">
      <c r="A38" s="14">
        <v>27</v>
      </c>
      <c r="B38" s="15">
        <v>29</v>
      </c>
      <c r="C38" s="16">
        <v>12</v>
      </c>
      <c r="D38" s="17">
        <v>41</v>
      </c>
    </row>
    <row r="39" spans="1:4" ht="18" customHeight="1" x14ac:dyDescent="0.2">
      <c r="A39" s="14">
        <v>28</v>
      </c>
      <c r="B39" s="15">
        <v>25</v>
      </c>
      <c r="C39" s="16">
        <v>24</v>
      </c>
      <c r="D39" s="17">
        <v>49</v>
      </c>
    </row>
    <row r="40" spans="1:4" ht="18" customHeight="1" x14ac:dyDescent="0.2">
      <c r="A40" s="14">
        <v>29</v>
      </c>
      <c r="B40" s="15">
        <v>27</v>
      </c>
      <c r="C40" s="16">
        <v>24</v>
      </c>
      <c r="D40" s="17">
        <v>51</v>
      </c>
    </row>
    <row r="41" spans="1:4" ht="18" customHeight="1" x14ac:dyDescent="0.2">
      <c r="A41" s="18" t="s">
        <v>54</v>
      </c>
      <c r="B41" s="15">
        <v>134</v>
      </c>
      <c r="C41" s="16">
        <v>99</v>
      </c>
      <c r="D41" s="17">
        <v>233</v>
      </c>
    </row>
    <row r="42" spans="1:4" ht="18" customHeight="1" x14ac:dyDescent="0.2">
      <c r="A42" s="14">
        <v>30</v>
      </c>
      <c r="B42" s="15">
        <v>17</v>
      </c>
      <c r="C42" s="16">
        <v>21</v>
      </c>
      <c r="D42" s="17">
        <v>38</v>
      </c>
    </row>
    <row r="43" spans="1:4" ht="18" customHeight="1" x14ac:dyDescent="0.2">
      <c r="A43" s="14">
        <v>31</v>
      </c>
      <c r="B43" s="15">
        <v>23</v>
      </c>
      <c r="C43" s="16">
        <v>18</v>
      </c>
      <c r="D43" s="17">
        <v>41</v>
      </c>
    </row>
    <row r="44" spans="1:4" ht="18" customHeight="1" x14ac:dyDescent="0.2">
      <c r="A44" s="14">
        <v>32</v>
      </c>
      <c r="B44" s="15">
        <v>28</v>
      </c>
      <c r="C44" s="16">
        <v>18</v>
      </c>
      <c r="D44" s="17">
        <v>46</v>
      </c>
    </row>
    <row r="45" spans="1:4" ht="18" customHeight="1" x14ac:dyDescent="0.2">
      <c r="A45" s="14">
        <v>33</v>
      </c>
      <c r="B45" s="15">
        <v>17</v>
      </c>
      <c r="C45" s="16">
        <v>26</v>
      </c>
      <c r="D45" s="17">
        <v>43</v>
      </c>
    </row>
    <row r="46" spans="1:4" ht="18" customHeight="1" x14ac:dyDescent="0.2">
      <c r="A46" s="14">
        <v>34</v>
      </c>
      <c r="B46" s="15">
        <v>27</v>
      </c>
      <c r="C46" s="16">
        <v>29</v>
      </c>
      <c r="D46" s="17">
        <v>56</v>
      </c>
    </row>
    <row r="47" spans="1:4" ht="18" customHeight="1" x14ac:dyDescent="0.2">
      <c r="A47" s="18" t="s">
        <v>55</v>
      </c>
      <c r="B47" s="15">
        <v>112</v>
      </c>
      <c r="C47" s="16">
        <v>112</v>
      </c>
      <c r="D47" s="17">
        <v>224</v>
      </c>
    </row>
    <row r="48" spans="1:4" ht="18" customHeight="1" x14ac:dyDescent="0.2">
      <c r="A48" s="14">
        <v>35</v>
      </c>
      <c r="B48" s="15">
        <v>34</v>
      </c>
      <c r="C48" s="16">
        <v>26</v>
      </c>
      <c r="D48" s="17">
        <v>60</v>
      </c>
    </row>
    <row r="49" spans="1:4" ht="18" customHeight="1" x14ac:dyDescent="0.2">
      <c r="A49" s="14">
        <v>36</v>
      </c>
      <c r="B49" s="15">
        <v>21</v>
      </c>
      <c r="C49" s="16">
        <v>30</v>
      </c>
      <c r="D49" s="17">
        <v>51</v>
      </c>
    </row>
    <row r="50" spans="1:4" ht="18" customHeight="1" x14ac:dyDescent="0.2">
      <c r="A50" s="14">
        <v>37</v>
      </c>
      <c r="B50" s="15">
        <v>33</v>
      </c>
      <c r="C50" s="16">
        <v>33</v>
      </c>
      <c r="D50" s="17">
        <v>66</v>
      </c>
    </row>
    <row r="51" spans="1:4" ht="18" customHeight="1" x14ac:dyDescent="0.2">
      <c r="A51" s="14">
        <v>38</v>
      </c>
      <c r="B51" s="15">
        <v>32</v>
      </c>
      <c r="C51" s="16">
        <v>28</v>
      </c>
      <c r="D51" s="17">
        <v>60</v>
      </c>
    </row>
    <row r="52" spans="1:4" ht="18" customHeight="1" x14ac:dyDescent="0.2">
      <c r="A52" s="14">
        <v>39</v>
      </c>
      <c r="B52" s="15">
        <v>22</v>
      </c>
      <c r="C52" s="16">
        <v>27</v>
      </c>
      <c r="D52" s="17">
        <v>49</v>
      </c>
    </row>
    <row r="53" spans="1:4" ht="18" customHeight="1" x14ac:dyDescent="0.2">
      <c r="A53" s="18" t="s">
        <v>56</v>
      </c>
      <c r="B53" s="15">
        <v>142</v>
      </c>
      <c r="C53" s="16">
        <v>144</v>
      </c>
      <c r="D53" s="17">
        <v>286</v>
      </c>
    </row>
    <row r="54" spans="1:4" ht="18" customHeight="1" x14ac:dyDescent="0.2">
      <c r="A54" s="14">
        <v>40</v>
      </c>
      <c r="B54" s="15">
        <v>33</v>
      </c>
      <c r="C54" s="16">
        <v>36</v>
      </c>
      <c r="D54" s="17">
        <v>69</v>
      </c>
    </row>
    <row r="55" spans="1:4" ht="18" customHeight="1" x14ac:dyDescent="0.2">
      <c r="A55" s="14">
        <v>41</v>
      </c>
      <c r="B55" s="15">
        <v>28</v>
      </c>
      <c r="C55" s="16">
        <v>36</v>
      </c>
      <c r="D55" s="17">
        <v>64</v>
      </c>
    </row>
    <row r="56" spans="1:4" ht="18" customHeight="1" x14ac:dyDescent="0.2">
      <c r="A56" s="14">
        <v>42</v>
      </c>
      <c r="B56" s="15">
        <v>36</v>
      </c>
      <c r="C56" s="16">
        <v>32</v>
      </c>
      <c r="D56" s="17">
        <v>68</v>
      </c>
    </row>
    <row r="57" spans="1:4" ht="18" customHeight="1" x14ac:dyDescent="0.2">
      <c r="A57" s="14">
        <v>43</v>
      </c>
      <c r="B57" s="15">
        <v>49</v>
      </c>
      <c r="C57" s="16">
        <v>32</v>
      </c>
      <c r="D57" s="17">
        <v>81</v>
      </c>
    </row>
    <row r="58" spans="1:4" ht="18" customHeight="1" x14ac:dyDescent="0.2">
      <c r="A58" s="14">
        <v>44</v>
      </c>
      <c r="B58" s="15">
        <v>38</v>
      </c>
      <c r="C58" s="16">
        <v>37</v>
      </c>
      <c r="D58" s="17">
        <v>75</v>
      </c>
    </row>
    <row r="59" spans="1:4" ht="18" customHeight="1" x14ac:dyDescent="0.2">
      <c r="A59" s="18" t="s">
        <v>57</v>
      </c>
      <c r="B59" s="15">
        <v>184</v>
      </c>
      <c r="C59" s="16">
        <v>173</v>
      </c>
      <c r="D59" s="17">
        <v>357</v>
      </c>
    </row>
    <row r="60" spans="1:4" ht="18" customHeight="1" x14ac:dyDescent="0.2">
      <c r="A60" s="14">
        <v>45</v>
      </c>
      <c r="B60" s="15">
        <v>36</v>
      </c>
      <c r="C60" s="16">
        <v>34</v>
      </c>
      <c r="D60" s="17">
        <v>70</v>
      </c>
    </row>
    <row r="61" spans="1:4" ht="18" customHeight="1" x14ac:dyDescent="0.2">
      <c r="A61" s="14">
        <v>46</v>
      </c>
      <c r="B61" s="15">
        <v>38</v>
      </c>
      <c r="C61" s="16">
        <v>45</v>
      </c>
      <c r="D61" s="17">
        <v>83</v>
      </c>
    </row>
    <row r="62" spans="1:4" ht="18" customHeight="1" x14ac:dyDescent="0.2">
      <c r="A62" s="14">
        <v>47</v>
      </c>
      <c r="B62" s="15">
        <v>50</v>
      </c>
      <c r="C62" s="16">
        <v>46</v>
      </c>
      <c r="D62" s="17">
        <v>96</v>
      </c>
    </row>
    <row r="63" spans="1:4" ht="18" customHeight="1" x14ac:dyDescent="0.2">
      <c r="A63" s="14">
        <v>48</v>
      </c>
      <c r="B63" s="15">
        <v>49</v>
      </c>
      <c r="C63" s="16">
        <v>31</v>
      </c>
      <c r="D63" s="17">
        <v>80</v>
      </c>
    </row>
    <row r="64" spans="1:4" ht="18" customHeight="1" x14ac:dyDescent="0.2">
      <c r="A64" s="14">
        <v>49</v>
      </c>
      <c r="B64" s="15">
        <v>36</v>
      </c>
      <c r="C64" s="16">
        <v>35</v>
      </c>
      <c r="D64" s="17">
        <v>71</v>
      </c>
    </row>
    <row r="65" spans="1:4" ht="18" customHeight="1" x14ac:dyDescent="0.2">
      <c r="A65" s="18" t="s">
        <v>58</v>
      </c>
      <c r="B65" s="15">
        <v>209</v>
      </c>
      <c r="C65" s="16">
        <v>191</v>
      </c>
      <c r="D65" s="17">
        <v>400</v>
      </c>
    </row>
    <row r="66" spans="1:4" ht="18" customHeight="1" x14ac:dyDescent="0.2">
      <c r="A66" s="14">
        <v>50</v>
      </c>
      <c r="B66" s="15">
        <v>35</v>
      </c>
      <c r="C66" s="16">
        <v>32</v>
      </c>
      <c r="D66" s="17">
        <v>67</v>
      </c>
    </row>
    <row r="67" spans="1:4" ht="18" customHeight="1" x14ac:dyDescent="0.2">
      <c r="A67" s="14">
        <v>51</v>
      </c>
      <c r="B67" s="15">
        <v>40</v>
      </c>
      <c r="C67" s="16">
        <v>49</v>
      </c>
      <c r="D67" s="17">
        <v>89</v>
      </c>
    </row>
    <row r="68" spans="1:4" ht="18" customHeight="1" x14ac:dyDescent="0.2">
      <c r="A68" s="14">
        <v>52</v>
      </c>
      <c r="B68" s="15">
        <v>33</v>
      </c>
      <c r="C68" s="16">
        <v>32</v>
      </c>
      <c r="D68" s="17">
        <v>65</v>
      </c>
    </row>
    <row r="69" spans="1:4" ht="18" customHeight="1" x14ac:dyDescent="0.2">
      <c r="A69" s="14">
        <v>53</v>
      </c>
      <c r="B69" s="15">
        <v>22</v>
      </c>
      <c r="C69" s="16">
        <v>35</v>
      </c>
      <c r="D69" s="17">
        <v>57</v>
      </c>
    </row>
    <row r="70" spans="1:4" ht="18" customHeight="1" x14ac:dyDescent="0.2">
      <c r="A70" s="14">
        <v>54</v>
      </c>
      <c r="B70" s="15">
        <v>30</v>
      </c>
      <c r="C70" s="16">
        <v>24</v>
      </c>
      <c r="D70" s="17">
        <v>54</v>
      </c>
    </row>
    <row r="71" spans="1:4" ht="18" customHeight="1" x14ac:dyDescent="0.2">
      <c r="A71" s="18" t="s">
        <v>59</v>
      </c>
      <c r="B71" s="15">
        <v>160</v>
      </c>
      <c r="C71" s="16">
        <v>172</v>
      </c>
      <c r="D71" s="17">
        <v>332</v>
      </c>
    </row>
    <row r="72" spans="1:4" ht="18" customHeight="1" x14ac:dyDescent="0.2">
      <c r="A72" s="14">
        <v>55</v>
      </c>
      <c r="B72" s="15">
        <v>32</v>
      </c>
      <c r="C72" s="16">
        <v>30</v>
      </c>
      <c r="D72" s="17">
        <v>62</v>
      </c>
    </row>
    <row r="73" spans="1:4" ht="18" customHeight="1" x14ac:dyDescent="0.2">
      <c r="A73" s="14">
        <v>56</v>
      </c>
      <c r="B73" s="15">
        <v>34</v>
      </c>
      <c r="C73" s="16">
        <v>21</v>
      </c>
      <c r="D73" s="17">
        <v>55</v>
      </c>
    </row>
    <row r="74" spans="1:4" ht="18" customHeight="1" x14ac:dyDescent="0.2">
      <c r="A74" s="14">
        <v>57</v>
      </c>
      <c r="B74" s="15">
        <v>31</v>
      </c>
      <c r="C74" s="16">
        <v>34</v>
      </c>
      <c r="D74" s="17">
        <v>65</v>
      </c>
    </row>
    <row r="75" spans="1:4" ht="18" customHeight="1" x14ac:dyDescent="0.2">
      <c r="A75" s="14">
        <v>58</v>
      </c>
      <c r="B75" s="15">
        <v>25</v>
      </c>
      <c r="C75" s="16">
        <v>32</v>
      </c>
      <c r="D75" s="17">
        <v>57</v>
      </c>
    </row>
    <row r="76" spans="1:4" ht="18" customHeight="1" x14ac:dyDescent="0.2">
      <c r="A76" s="14">
        <v>59</v>
      </c>
      <c r="B76" s="15">
        <v>27</v>
      </c>
      <c r="C76" s="16">
        <v>28</v>
      </c>
      <c r="D76" s="17">
        <v>55</v>
      </c>
    </row>
    <row r="77" spans="1:4" ht="18" customHeight="1" x14ac:dyDescent="0.2">
      <c r="A77" s="18" t="s">
        <v>60</v>
      </c>
      <c r="B77" s="15">
        <v>149</v>
      </c>
      <c r="C77" s="16">
        <v>145</v>
      </c>
      <c r="D77" s="17">
        <v>294</v>
      </c>
    </row>
    <row r="78" spans="1:4" ht="18" customHeight="1" x14ac:dyDescent="0.2">
      <c r="A78" s="14">
        <v>60</v>
      </c>
      <c r="B78" s="15">
        <v>30</v>
      </c>
      <c r="C78" s="16">
        <v>37</v>
      </c>
      <c r="D78" s="17">
        <v>67</v>
      </c>
    </row>
    <row r="79" spans="1:4" ht="18" customHeight="1" x14ac:dyDescent="0.2">
      <c r="A79" s="14">
        <v>61</v>
      </c>
      <c r="B79" s="15">
        <v>32</v>
      </c>
      <c r="C79" s="16">
        <v>30</v>
      </c>
      <c r="D79" s="17">
        <v>62</v>
      </c>
    </row>
    <row r="80" spans="1:4" ht="18" customHeight="1" x14ac:dyDescent="0.2">
      <c r="A80" s="14">
        <v>62</v>
      </c>
      <c r="B80" s="15">
        <v>30</v>
      </c>
      <c r="C80" s="16">
        <v>37</v>
      </c>
      <c r="D80" s="17">
        <v>67</v>
      </c>
    </row>
    <row r="81" spans="1:4" ht="18" customHeight="1" x14ac:dyDescent="0.2">
      <c r="A81" s="14">
        <v>63</v>
      </c>
      <c r="B81" s="15">
        <v>29</v>
      </c>
      <c r="C81" s="16">
        <v>20</v>
      </c>
      <c r="D81" s="17">
        <v>49</v>
      </c>
    </row>
    <row r="82" spans="1:4" ht="18" customHeight="1" x14ac:dyDescent="0.2">
      <c r="A82" s="14">
        <v>64</v>
      </c>
      <c r="B82" s="15">
        <v>30</v>
      </c>
      <c r="C82" s="16">
        <v>34</v>
      </c>
      <c r="D82" s="17">
        <v>64</v>
      </c>
    </row>
    <row r="83" spans="1:4" ht="18" customHeight="1" x14ac:dyDescent="0.2">
      <c r="A83" s="18" t="s">
        <v>61</v>
      </c>
      <c r="B83" s="15">
        <v>151</v>
      </c>
      <c r="C83" s="16">
        <v>158</v>
      </c>
      <c r="D83" s="17">
        <v>309</v>
      </c>
    </row>
    <row r="84" spans="1:4" ht="18" customHeight="1" x14ac:dyDescent="0.2">
      <c r="A84" s="18" t="s">
        <v>62</v>
      </c>
      <c r="B84" s="15">
        <v>1424</v>
      </c>
      <c r="C84" s="16">
        <v>1370</v>
      </c>
      <c r="D84" s="17">
        <v>2794</v>
      </c>
    </row>
    <row r="85" spans="1:4" ht="18" customHeight="1" x14ac:dyDescent="0.2">
      <c r="A85" s="14">
        <v>65</v>
      </c>
      <c r="B85" s="15">
        <v>30</v>
      </c>
      <c r="C85" s="16">
        <v>21</v>
      </c>
      <c r="D85" s="17">
        <v>51</v>
      </c>
    </row>
    <row r="86" spans="1:4" ht="18" customHeight="1" x14ac:dyDescent="0.2">
      <c r="A86" s="14">
        <v>66</v>
      </c>
      <c r="B86" s="15">
        <v>23</v>
      </c>
      <c r="C86" s="16">
        <v>24</v>
      </c>
      <c r="D86" s="17">
        <v>47</v>
      </c>
    </row>
    <row r="87" spans="1:4" ht="18" customHeight="1" x14ac:dyDescent="0.2">
      <c r="A87" s="14">
        <v>67</v>
      </c>
      <c r="B87" s="15">
        <v>26</v>
      </c>
      <c r="C87" s="16">
        <v>28</v>
      </c>
      <c r="D87" s="17">
        <v>54</v>
      </c>
    </row>
    <row r="88" spans="1:4" ht="18" customHeight="1" x14ac:dyDescent="0.2">
      <c r="A88" s="14">
        <v>68</v>
      </c>
      <c r="B88" s="15">
        <v>20</v>
      </c>
      <c r="C88" s="16">
        <v>31</v>
      </c>
      <c r="D88" s="17">
        <v>51</v>
      </c>
    </row>
    <row r="89" spans="1:4" ht="18" customHeight="1" x14ac:dyDescent="0.2">
      <c r="A89" s="14">
        <v>69</v>
      </c>
      <c r="B89" s="15">
        <v>25</v>
      </c>
      <c r="C89" s="16">
        <v>27</v>
      </c>
      <c r="D89" s="17">
        <v>52</v>
      </c>
    </row>
    <row r="90" spans="1:4" ht="18" customHeight="1" x14ac:dyDescent="0.2">
      <c r="A90" s="18" t="s">
        <v>63</v>
      </c>
      <c r="B90" s="15">
        <v>124</v>
      </c>
      <c r="C90" s="16">
        <v>131</v>
      </c>
      <c r="D90" s="17">
        <v>255</v>
      </c>
    </row>
    <row r="91" spans="1:4" ht="18" customHeight="1" x14ac:dyDescent="0.2">
      <c r="A91" s="14">
        <v>70</v>
      </c>
      <c r="B91" s="15">
        <v>31</v>
      </c>
      <c r="C91" s="16">
        <v>29</v>
      </c>
      <c r="D91" s="17">
        <v>60</v>
      </c>
    </row>
    <row r="92" spans="1:4" ht="18" customHeight="1" x14ac:dyDescent="0.2">
      <c r="A92" s="14">
        <v>71</v>
      </c>
      <c r="B92" s="15">
        <v>38</v>
      </c>
      <c r="C92" s="16">
        <v>37</v>
      </c>
      <c r="D92" s="17">
        <v>75</v>
      </c>
    </row>
    <row r="93" spans="1:4" ht="18" customHeight="1" x14ac:dyDescent="0.2">
      <c r="A93" s="14">
        <v>72</v>
      </c>
      <c r="B93" s="15">
        <v>37</v>
      </c>
      <c r="C93" s="16">
        <v>41</v>
      </c>
      <c r="D93" s="17">
        <v>78</v>
      </c>
    </row>
    <row r="94" spans="1:4" ht="18" customHeight="1" x14ac:dyDescent="0.2">
      <c r="A94" s="14">
        <v>73</v>
      </c>
      <c r="B94" s="15">
        <v>24</v>
      </c>
      <c r="C94" s="16">
        <v>32</v>
      </c>
      <c r="D94" s="17">
        <v>56</v>
      </c>
    </row>
    <row r="95" spans="1:4" ht="18" customHeight="1" x14ac:dyDescent="0.2">
      <c r="A95" s="14">
        <v>74</v>
      </c>
      <c r="B95" s="15">
        <v>13</v>
      </c>
      <c r="C95" s="16">
        <v>15</v>
      </c>
      <c r="D95" s="17">
        <v>28</v>
      </c>
    </row>
    <row r="96" spans="1:4" ht="18" customHeight="1" x14ac:dyDescent="0.2">
      <c r="A96" s="18" t="s">
        <v>64</v>
      </c>
      <c r="B96" s="15">
        <v>143</v>
      </c>
      <c r="C96" s="16">
        <v>154</v>
      </c>
      <c r="D96" s="17">
        <v>297</v>
      </c>
    </row>
    <row r="97" spans="1:4" ht="18" customHeight="1" x14ac:dyDescent="0.2">
      <c r="A97" s="14">
        <v>75</v>
      </c>
      <c r="B97" s="15">
        <v>15</v>
      </c>
      <c r="C97" s="16">
        <v>30</v>
      </c>
      <c r="D97" s="17">
        <v>45</v>
      </c>
    </row>
    <row r="98" spans="1:4" ht="18" customHeight="1" x14ac:dyDescent="0.2">
      <c r="A98" s="14">
        <v>76</v>
      </c>
      <c r="B98" s="15">
        <v>26</v>
      </c>
      <c r="C98" s="16">
        <v>31</v>
      </c>
      <c r="D98" s="17">
        <v>57</v>
      </c>
    </row>
    <row r="99" spans="1:4" ht="18" customHeight="1" x14ac:dyDescent="0.2">
      <c r="A99" s="14">
        <v>77</v>
      </c>
      <c r="B99" s="15">
        <v>32</v>
      </c>
      <c r="C99" s="16">
        <v>26</v>
      </c>
      <c r="D99" s="17">
        <v>58</v>
      </c>
    </row>
    <row r="100" spans="1:4" ht="18" customHeight="1" x14ac:dyDescent="0.2">
      <c r="A100" s="14">
        <v>78</v>
      </c>
      <c r="B100" s="15">
        <v>29</v>
      </c>
      <c r="C100" s="16">
        <v>25</v>
      </c>
      <c r="D100" s="17">
        <v>54</v>
      </c>
    </row>
    <row r="101" spans="1:4" ht="18" customHeight="1" x14ac:dyDescent="0.2">
      <c r="A101" s="14">
        <v>79</v>
      </c>
      <c r="B101" s="15">
        <v>15</v>
      </c>
      <c r="C101" s="16">
        <v>24</v>
      </c>
      <c r="D101" s="17">
        <v>39</v>
      </c>
    </row>
    <row r="102" spans="1:4" ht="18" customHeight="1" x14ac:dyDescent="0.2">
      <c r="A102" s="18" t="s">
        <v>65</v>
      </c>
      <c r="B102" s="15">
        <v>117</v>
      </c>
      <c r="C102" s="16">
        <v>136</v>
      </c>
      <c r="D102" s="17">
        <v>253</v>
      </c>
    </row>
    <row r="103" spans="1:4" ht="18" customHeight="1" x14ac:dyDescent="0.2">
      <c r="A103" s="14">
        <v>80</v>
      </c>
      <c r="B103" s="15">
        <v>16</v>
      </c>
      <c r="C103" s="16">
        <v>29</v>
      </c>
      <c r="D103" s="17">
        <v>45</v>
      </c>
    </row>
    <row r="104" spans="1:4" ht="18" customHeight="1" x14ac:dyDescent="0.2">
      <c r="A104" s="14">
        <v>81</v>
      </c>
      <c r="B104" s="15">
        <v>9</v>
      </c>
      <c r="C104" s="16">
        <v>14</v>
      </c>
      <c r="D104" s="17">
        <v>23</v>
      </c>
    </row>
    <row r="105" spans="1:4" ht="18" customHeight="1" x14ac:dyDescent="0.2">
      <c r="A105" s="14">
        <v>82</v>
      </c>
      <c r="B105" s="15">
        <v>12</v>
      </c>
      <c r="C105" s="16">
        <v>26</v>
      </c>
      <c r="D105" s="17">
        <v>38</v>
      </c>
    </row>
    <row r="106" spans="1:4" ht="18" customHeight="1" x14ac:dyDescent="0.2">
      <c r="A106" s="14">
        <v>83</v>
      </c>
      <c r="B106" s="15">
        <v>12</v>
      </c>
      <c r="C106" s="16">
        <v>22</v>
      </c>
      <c r="D106" s="17">
        <v>34</v>
      </c>
    </row>
    <row r="107" spans="1:4" ht="18" customHeight="1" x14ac:dyDescent="0.2">
      <c r="A107" s="14">
        <v>84</v>
      </c>
      <c r="B107" s="15">
        <v>7</v>
      </c>
      <c r="C107" s="16">
        <v>26</v>
      </c>
      <c r="D107" s="17">
        <v>33</v>
      </c>
    </row>
    <row r="108" spans="1:4" ht="18" customHeight="1" x14ac:dyDescent="0.2">
      <c r="A108" s="18" t="s">
        <v>66</v>
      </c>
      <c r="B108" s="15">
        <v>56</v>
      </c>
      <c r="C108" s="16">
        <v>117</v>
      </c>
      <c r="D108" s="17">
        <v>173</v>
      </c>
    </row>
    <row r="109" spans="1:4" ht="18" customHeight="1" x14ac:dyDescent="0.2">
      <c r="A109" s="14">
        <v>85</v>
      </c>
      <c r="B109" s="15">
        <v>16</v>
      </c>
      <c r="C109" s="16">
        <v>22</v>
      </c>
      <c r="D109" s="17">
        <v>38</v>
      </c>
    </row>
    <row r="110" spans="1:4" ht="18" customHeight="1" x14ac:dyDescent="0.2">
      <c r="A110" s="14">
        <v>86</v>
      </c>
      <c r="B110" s="15">
        <v>9</v>
      </c>
      <c r="C110" s="16">
        <v>20</v>
      </c>
      <c r="D110" s="17">
        <v>29</v>
      </c>
    </row>
    <row r="111" spans="1:4" ht="18" customHeight="1" x14ac:dyDescent="0.2">
      <c r="A111" s="14">
        <v>87</v>
      </c>
      <c r="B111" s="15">
        <v>5</v>
      </c>
      <c r="C111" s="16">
        <v>31</v>
      </c>
      <c r="D111" s="17">
        <v>36</v>
      </c>
    </row>
    <row r="112" spans="1:4" ht="18" customHeight="1" x14ac:dyDescent="0.2">
      <c r="A112" s="14">
        <v>88</v>
      </c>
      <c r="B112" s="15">
        <v>11</v>
      </c>
      <c r="C112" s="16">
        <v>14</v>
      </c>
      <c r="D112" s="17">
        <v>25</v>
      </c>
    </row>
    <row r="113" spans="1:4" ht="18" customHeight="1" x14ac:dyDescent="0.2">
      <c r="A113" s="14">
        <v>89</v>
      </c>
      <c r="B113" s="15">
        <v>6</v>
      </c>
      <c r="C113" s="16">
        <v>10</v>
      </c>
      <c r="D113" s="17">
        <v>16</v>
      </c>
    </row>
    <row r="114" spans="1:4" ht="18" customHeight="1" x14ac:dyDescent="0.2">
      <c r="A114" s="18" t="s">
        <v>67</v>
      </c>
      <c r="B114" s="15">
        <v>47</v>
      </c>
      <c r="C114" s="16">
        <v>97</v>
      </c>
      <c r="D114" s="17">
        <v>144</v>
      </c>
    </row>
    <row r="115" spans="1:4" ht="18" customHeight="1" x14ac:dyDescent="0.2">
      <c r="A115" s="14">
        <v>90</v>
      </c>
      <c r="B115" s="15">
        <v>4</v>
      </c>
      <c r="C115" s="16">
        <v>16</v>
      </c>
      <c r="D115" s="17">
        <v>20</v>
      </c>
    </row>
    <row r="116" spans="1:4" ht="18" customHeight="1" x14ac:dyDescent="0.2">
      <c r="A116" s="14">
        <v>91</v>
      </c>
      <c r="B116" s="15">
        <v>5</v>
      </c>
      <c r="C116" s="16">
        <v>13</v>
      </c>
      <c r="D116" s="17">
        <v>18</v>
      </c>
    </row>
    <row r="117" spans="1:4" ht="18" customHeight="1" x14ac:dyDescent="0.2">
      <c r="A117" s="14">
        <v>92</v>
      </c>
      <c r="B117" s="15">
        <v>2</v>
      </c>
      <c r="C117" s="16">
        <v>12</v>
      </c>
      <c r="D117" s="17">
        <v>14</v>
      </c>
    </row>
    <row r="118" spans="1:4" ht="18" customHeight="1" x14ac:dyDescent="0.2">
      <c r="A118" s="14">
        <v>93</v>
      </c>
      <c r="B118" s="15">
        <v>3</v>
      </c>
      <c r="C118" s="16">
        <v>11</v>
      </c>
      <c r="D118" s="17">
        <v>14</v>
      </c>
    </row>
    <row r="119" spans="1:4" ht="18" customHeight="1" x14ac:dyDescent="0.2">
      <c r="A119" s="14">
        <v>94</v>
      </c>
      <c r="B119" s="15">
        <v>2</v>
      </c>
      <c r="C119" s="16">
        <v>9</v>
      </c>
      <c r="D119" s="17">
        <v>11</v>
      </c>
    </row>
    <row r="120" spans="1:4" ht="18" customHeight="1" x14ac:dyDescent="0.2">
      <c r="A120" s="18" t="s">
        <v>68</v>
      </c>
      <c r="B120" s="15">
        <v>16</v>
      </c>
      <c r="C120" s="16">
        <v>61</v>
      </c>
      <c r="D120" s="17">
        <v>77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</v>
      </c>
      <c r="C126" s="16">
        <v>14</v>
      </c>
      <c r="D126" s="17">
        <v>15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505</v>
      </c>
      <c r="C130" s="5">
        <v>715</v>
      </c>
      <c r="D130" s="6">
        <v>1220</v>
      </c>
    </row>
    <row r="131" spans="1:4" ht="18" customHeight="1" x14ac:dyDescent="0.2">
      <c r="A131" s="20" t="s">
        <v>47</v>
      </c>
      <c r="B131" s="7">
        <v>2240</v>
      </c>
      <c r="C131" s="8">
        <v>2396</v>
      </c>
      <c r="D131" s="9">
        <v>463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5</v>
      </c>
      <c r="C5" s="12">
        <v>18</v>
      </c>
      <c r="D5" s="13">
        <v>43</v>
      </c>
    </row>
    <row r="6" spans="1:4" ht="18" customHeight="1" x14ac:dyDescent="0.2">
      <c r="A6" s="14">
        <v>1</v>
      </c>
      <c r="B6" s="15">
        <v>17</v>
      </c>
      <c r="C6" s="16">
        <v>17</v>
      </c>
      <c r="D6" s="17">
        <v>34</v>
      </c>
    </row>
    <row r="7" spans="1:4" ht="18" customHeight="1" x14ac:dyDescent="0.2">
      <c r="A7" s="14">
        <v>2</v>
      </c>
      <c r="B7" s="15">
        <v>13</v>
      </c>
      <c r="C7" s="16">
        <v>11</v>
      </c>
      <c r="D7" s="17">
        <v>24</v>
      </c>
    </row>
    <row r="8" spans="1:4" ht="18" customHeight="1" x14ac:dyDescent="0.2">
      <c r="A8" s="14">
        <v>3</v>
      </c>
      <c r="B8" s="15">
        <v>17</v>
      </c>
      <c r="C8" s="16">
        <v>19</v>
      </c>
      <c r="D8" s="17">
        <v>36</v>
      </c>
    </row>
    <row r="9" spans="1:4" ht="18" customHeight="1" x14ac:dyDescent="0.2">
      <c r="A9" s="14">
        <v>4</v>
      </c>
      <c r="B9" s="15">
        <v>8</v>
      </c>
      <c r="C9" s="16">
        <v>11</v>
      </c>
      <c r="D9" s="17">
        <v>19</v>
      </c>
    </row>
    <row r="10" spans="1:4" ht="18" customHeight="1" x14ac:dyDescent="0.2">
      <c r="A10" s="18" t="s">
        <v>48</v>
      </c>
      <c r="B10" s="15">
        <v>80</v>
      </c>
      <c r="C10" s="16">
        <v>76</v>
      </c>
      <c r="D10" s="17">
        <v>156</v>
      </c>
    </row>
    <row r="11" spans="1:4" ht="18" customHeight="1" x14ac:dyDescent="0.2">
      <c r="A11" s="14">
        <v>5</v>
      </c>
      <c r="B11" s="15">
        <v>21</v>
      </c>
      <c r="C11" s="16">
        <v>20</v>
      </c>
      <c r="D11" s="17">
        <v>41</v>
      </c>
    </row>
    <row r="12" spans="1:4" ht="18" customHeight="1" x14ac:dyDescent="0.2">
      <c r="A12" s="14">
        <v>6</v>
      </c>
      <c r="B12" s="15">
        <v>23</v>
      </c>
      <c r="C12" s="16">
        <v>14</v>
      </c>
      <c r="D12" s="17">
        <v>37</v>
      </c>
    </row>
    <row r="13" spans="1:4" ht="18" customHeight="1" x14ac:dyDescent="0.2">
      <c r="A13" s="14">
        <v>7</v>
      </c>
      <c r="B13" s="15">
        <v>24</v>
      </c>
      <c r="C13" s="16">
        <v>22</v>
      </c>
      <c r="D13" s="17">
        <v>46</v>
      </c>
    </row>
    <row r="14" spans="1:4" ht="18" customHeight="1" x14ac:dyDescent="0.2">
      <c r="A14" s="14">
        <v>8</v>
      </c>
      <c r="B14" s="15">
        <v>22</v>
      </c>
      <c r="C14" s="16">
        <v>24</v>
      </c>
      <c r="D14" s="17">
        <v>46</v>
      </c>
    </row>
    <row r="15" spans="1:4" ht="18" customHeight="1" x14ac:dyDescent="0.2">
      <c r="A15" s="14">
        <v>9</v>
      </c>
      <c r="B15" s="15">
        <v>28</v>
      </c>
      <c r="C15" s="16">
        <v>16</v>
      </c>
      <c r="D15" s="17">
        <v>44</v>
      </c>
    </row>
    <row r="16" spans="1:4" ht="18" customHeight="1" x14ac:dyDescent="0.2">
      <c r="A16" s="18" t="s">
        <v>49</v>
      </c>
      <c r="B16" s="15">
        <v>118</v>
      </c>
      <c r="C16" s="16">
        <v>96</v>
      </c>
      <c r="D16" s="17">
        <v>214</v>
      </c>
    </row>
    <row r="17" spans="1:4" ht="18" customHeight="1" x14ac:dyDescent="0.2">
      <c r="A17" s="14">
        <v>10</v>
      </c>
      <c r="B17" s="15">
        <v>26</v>
      </c>
      <c r="C17" s="16">
        <v>23</v>
      </c>
      <c r="D17" s="17">
        <v>49</v>
      </c>
    </row>
    <row r="18" spans="1:4" ht="18" customHeight="1" x14ac:dyDescent="0.2">
      <c r="A18" s="14">
        <v>11</v>
      </c>
      <c r="B18" s="15">
        <v>24</v>
      </c>
      <c r="C18" s="16">
        <v>27</v>
      </c>
      <c r="D18" s="17">
        <v>51</v>
      </c>
    </row>
    <row r="19" spans="1:4" ht="18" customHeight="1" x14ac:dyDescent="0.2">
      <c r="A19" s="14">
        <v>12</v>
      </c>
      <c r="B19" s="15">
        <v>22</v>
      </c>
      <c r="C19" s="16">
        <v>22</v>
      </c>
      <c r="D19" s="17">
        <v>44</v>
      </c>
    </row>
    <row r="20" spans="1:4" ht="18" customHeight="1" x14ac:dyDescent="0.2">
      <c r="A20" s="14">
        <v>13</v>
      </c>
      <c r="B20" s="15">
        <v>22</v>
      </c>
      <c r="C20" s="16">
        <v>30</v>
      </c>
      <c r="D20" s="17">
        <v>52</v>
      </c>
    </row>
    <row r="21" spans="1:4" ht="18" customHeight="1" x14ac:dyDescent="0.2">
      <c r="A21" s="14">
        <v>14</v>
      </c>
      <c r="B21" s="15">
        <v>20</v>
      </c>
      <c r="C21" s="16">
        <v>23</v>
      </c>
      <c r="D21" s="17">
        <v>43</v>
      </c>
    </row>
    <row r="22" spans="1:4" ht="18" customHeight="1" x14ac:dyDescent="0.2">
      <c r="A22" s="18" t="s">
        <v>50</v>
      </c>
      <c r="B22" s="15">
        <v>114</v>
      </c>
      <c r="C22" s="16">
        <v>125</v>
      </c>
      <c r="D22" s="17">
        <v>239</v>
      </c>
    </row>
    <row r="23" spans="1:4" ht="18" customHeight="1" x14ac:dyDescent="0.2">
      <c r="A23" s="18" t="s">
        <v>51</v>
      </c>
      <c r="B23" s="15">
        <v>312</v>
      </c>
      <c r="C23" s="16">
        <v>297</v>
      </c>
      <c r="D23" s="17">
        <v>609</v>
      </c>
    </row>
    <row r="24" spans="1:4" ht="18" customHeight="1" x14ac:dyDescent="0.2">
      <c r="A24" s="14">
        <v>15</v>
      </c>
      <c r="B24" s="15">
        <v>24</v>
      </c>
      <c r="C24" s="16">
        <v>20</v>
      </c>
      <c r="D24" s="17">
        <v>44</v>
      </c>
    </row>
    <row r="25" spans="1:4" ht="18" customHeight="1" x14ac:dyDescent="0.2">
      <c r="A25" s="14">
        <v>16</v>
      </c>
      <c r="B25" s="15">
        <v>18</v>
      </c>
      <c r="C25" s="16">
        <v>33</v>
      </c>
      <c r="D25" s="17">
        <v>51</v>
      </c>
    </row>
    <row r="26" spans="1:4" ht="18" customHeight="1" x14ac:dyDescent="0.2">
      <c r="A26" s="14">
        <v>17</v>
      </c>
      <c r="B26" s="15">
        <v>25</v>
      </c>
      <c r="C26" s="16">
        <v>21</v>
      </c>
      <c r="D26" s="17">
        <v>46</v>
      </c>
    </row>
    <row r="27" spans="1:4" ht="18" customHeight="1" x14ac:dyDescent="0.2">
      <c r="A27" s="14">
        <v>18</v>
      </c>
      <c r="B27" s="15">
        <v>25</v>
      </c>
      <c r="C27" s="16">
        <v>24</v>
      </c>
      <c r="D27" s="17">
        <v>49</v>
      </c>
    </row>
    <row r="28" spans="1:4" ht="18" customHeight="1" x14ac:dyDescent="0.2">
      <c r="A28" s="14">
        <v>19</v>
      </c>
      <c r="B28" s="15">
        <v>27</v>
      </c>
      <c r="C28" s="16">
        <v>27</v>
      </c>
      <c r="D28" s="17">
        <v>54</v>
      </c>
    </row>
    <row r="29" spans="1:4" ht="18" customHeight="1" x14ac:dyDescent="0.2">
      <c r="A29" s="18" t="s">
        <v>52</v>
      </c>
      <c r="B29" s="15">
        <v>119</v>
      </c>
      <c r="C29" s="16">
        <v>125</v>
      </c>
      <c r="D29" s="17">
        <v>244</v>
      </c>
    </row>
    <row r="30" spans="1:4" ht="18" customHeight="1" x14ac:dyDescent="0.2">
      <c r="A30" s="14">
        <v>20</v>
      </c>
      <c r="B30" s="15">
        <v>23</v>
      </c>
      <c r="C30" s="16">
        <v>29</v>
      </c>
      <c r="D30" s="17">
        <v>52</v>
      </c>
    </row>
    <row r="31" spans="1:4" ht="18" customHeight="1" x14ac:dyDescent="0.2">
      <c r="A31" s="14">
        <v>21</v>
      </c>
      <c r="B31" s="15">
        <v>26</v>
      </c>
      <c r="C31" s="16">
        <v>16</v>
      </c>
      <c r="D31" s="17">
        <v>42</v>
      </c>
    </row>
    <row r="32" spans="1:4" ht="18" customHeight="1" x14ac:dyDescent="0.2">
      <c r="A32" s="14">
        <v>22</v>
      </c>
      <c r="B32" s="15">
        <v>23</v>
      </c>
      <c r="C32" s="16">
        <v>23</v>
      </c>
      <c r="D32" s="17">
        <v>46</v>
      </c>
    </row>
    <row r="33" spans="1:4" ht="18" customHeight="1" x14ac:dyDescent="0.2">
      <c r="A33" s="14">
        <v>23</v>
      </c>
      <c r="B33" s="15">
        <v>28</v>
      </c>
      <c r="C33" s="16">
        <v>24</v>
      </c>
      <c r="D33" s="17">
        <v>52</v>
      </c>
    </row>
    <row r="34" spans="1:4" ht="18" customHeight="1" x14ac:dyDescent="0.2">
      <c r="A34" s="14">
        <v>24</v>
      </c>
      <c r="B34" s="15">
        <v>34</v>
      </c>
      <c r="C34" s="16">
        <v>16</v>
      </c>
      <c r="D34" s="17">
        <v>50</v>
      </c>
    </row>
    <row r="35" spans="1:4" ht="18" customHeight="1" x14ac:dyDescent="0.2">
      <c r="A35" s="18" t="s">
        <v>53</v>
      </c>
      <c r="B35" s="15">
        <v>134</v>
      </c>
      <c r="C35" s="16">
        <v>108</v>
      </c>
      <c r="D35" s="17">
        <v>242</v>
      </c>
    </row>
    <row r="36" spans="1:4" ht="18" customHeight="1" x14ac:dyDescent="0.2">
      <c r="A36" s="14">
        <v>25</v>
      </c>
      <c r="B36" s="15">
        <v>20</v>
      </c>
      <c r="C36" s="16">
        <v>17</v>
      </c>
      <c r="D36" s="17">
        <v>37</v>
      </c>
    </row>
    <row r="37" spans="1:4" ht="18" customHeight="1" x14ac:dyDescent="0.2">
      <c r="A37" s="14">
        <v>26</v>
      </c>
      <c r="B37" s="15">
        <v>32</v>
      </c>
      <c r="C37" s="16">
        <v>24</v>
      </c>
      <c r="D37" s="17">
        <v>56</v>
      </c>
    </row>
    <row r="38" spans="1:4" ht="18" customHeight="1" x14ac:dyDescent="0.2">
      <c r="A38" s="14">
        <v>27</v>
      </c>
      <c r="B38" s="15">
        <v>24</v>
      </c>
      <c r="C38" s="16">
        <v>17</v>
      </c>
      <c r="D38" s="17">
        <v>41</v>
      </c>
    </row>
    <row r="39" spans="1:4" ht="18" customHeight="1" x14ac:dyDescent="0.2">
      <c r="A39" s="14">
        <v>28</v>
      </c>
      <c r="B39" s="15">
        <v>26</v>
      </c>
      <c r="C39" s="16">
        <v>24</v>
      </c>
      <c r="D39" s="17">
        <v>50</v>
      </c>
    </row>
    <row r="40" spans="1:4" ht="18" customHeight="1" x14ac:dyDescent="0.2">
      <c r="A40" s="14">
        <v>29</v>
      </c>
      <c r="B40" s="15">
        <v>29</v>
      </c>
      <c r="C40" s="16">
        <v>27</v>
      </c>
      <c r="D40" s="17">
        <v>56</v>
      </c>
    </row>
    <row r="41" spans="1:4" ht="18" customHeight="1" x14ac:dyDescent="0.2">
      <c r="A41" s="18" t="s">
        <v>54</v>
      </c>
      <c r="B41" s="15">
        <v>131</v>
      </c>
      <c r="C41" s="16">
        <v>109</v>
      </c>
      <c r="D41" s="17">
        <v>240</v>
      </c>
    </row>
    <row r="42" spans="1:4" ht="18" customHeight="1" x14ac:dyDescent="0.2">
      <c r="A42" s="14">
        <v>30</v>
      </c>
      <c r="B42" s="15">
        <v>26</v>
      </c>
      <c r="C42" s="16">
        <v>29</v>
      </c>
      <c r="D42" s="17">
        <v>55</v>
      </c>
    </row>
    <row r="43" spans="1:4" ht="18" customHeight="1" x14ac:dyDescent="0.2">
      <c r="A43" s="14">
        <v>31</v>
      </c>
      <c r="B43" s="15">
        <v>23</v>
      </c>
      <c r="C43" s="16">
        <v>23</v>
      </c>
      <c r="D43" s="17">
        <v>46</v>
      </c>
    </row>
    <row r="44" spans="1:4" ht="18" customHeight="1" x14ac:dyDescent="0.2">
      <c r="A44" s="14">
        <v>32</v>
      </c>
      <c r="B44" s="15">
        <v>33</v>
      </c>
      <c r="C44" s="16">
        <v>29</v>
      </c>
      <c r="D44" s="17">
        <v>62</v>
      </c>
    </row>
    <row r="45" spans="1:4" ht="18" customHeight="1" x14ac:dyDescent="0.2">
      <c r="A45" s="14">
        <v>33</v>
      </c>
      <c r="B45" s="15">
        <v>27</v>
      </c>
      <c r="C45" s="16">
        <v>26</v>
      </c>
      <c r="D45" s="17">
        <v>53</v>
      </c>
    </row>
    <row r="46" spans="1:4" ht="18" customHeight="1" x14ac:dyDescent="0.2">
      <c r="A46" s="14">
        <v>34</v>
      </c>
      <c r="B46" s="15">
        <v>32</v>
      </c>
      <c r="C46" s="16">
        <v>23</v>
      </c>
      <c r="D46" s="17">
        <v>55</v>
      </c>
    </row>
    <row r="47" spans="1:4" ht="18" customHeight="1" x14ac:dyDescent="0.2">
      <c r="A47" s="18" t="s">
        <v>55</v>
      </c>
      <c r="B47" s="15">
        <v>141</v>
      </c>
      <c r="C47" s="16">
        <v>130</v>
      </c>
      <c r="D47" s="17">
        <v>271</v>
      </c>
    </row>
    <row r="48" spans="1:4" ht="18" customHeight="1" x14ac:dyDescent="0.2">
      <c r="A48" s="14">
        <v>35</v>
      </c>
      <c r="B48" s="15">
        <v>36</v>
      </c>
      <c r="C48" s="16">
        <v>34</v>
      </c>
      <c r="D48" s="17">
        <v>70</v>
      </c>
    </row>
    <row r="49" spans="1:4" ht="18" customHeight="1" x14ac:dyDescent="0.2">
      <c r="A49" s="14">
        <v>36</v>
      </c>
      <c r="B49" s="15">
        <v>33</v>
      </c>
      <c r="C49" s="16">
        <v>34</v>
      </c>
      <c r="D49" s="17">
        <v>67</v>
      </c>
    </row>
    <row r="50" spans="1:4" ht="18" customHeight="1" x14ac:dyDescent="0.2">
      <c r="A50" s="14">
        <v>37</v>
      </c>
      <c r="B50" s="15">
        <v>37</v>
      </c>
      <c r="C50" s="16">
        <v>27</v>
      </c>
      <c r="D50" s="17">
        <v>64</v>
      </c>
    </row>
    <row r="51" spans="1:4" ht="18" customHeight="1" x14ac:dyDescent="0.2">
      <c r="A51" s="14">
        <v>38</v>
      </c>
      <c r="B51" s="15">
        <v>33</v>
      </c>
      <c r="C51" s="16">
        <v>25</v>
      </c>
      <c r="D51" s="17">
        <v>58</v>
      </c>
    </row>
    <row r="52" spans="1:4" ht="18" customHeight="1" x14ac:dyDescent="0.2">
      <c r="A52" s="14">
        <v>39</v>
      </c>
      <c r="B52" s="15">
        <v>38</v>
      </c>
      <c r="C52" s="16">
        <v>31</v>
      </c>
      <c r="D52" s="17">
        <v>69</v>
      </c>
    </row>
    <row r="53" spans="1:4" ht="18" customHeight="1" x14ac:dyDescent="0.2">
      <c r="A53" s="18" t="s">
        <v>56</v>
      </c>
      <c r="B53" s="15">
        <v>177</v>
      </c>
      <c r="C53" s="16">
        <v>151</v>
      </c>
      <c r="D53" s="17">
        <v>328</v>
      </c>
    </row>
    <row r="54" spans="1:4" ht="18" customHeight="1" x14ac:dyDescent="0.2">
      <c r="A54" s="14">
        <v>40</v>
      </c>
      <c r="B54" s="15">
        <v>36</v>
      </c>
      <c r="C54" s="16">
        <v>28</v>
      </c>
      <c r="D54" s="17">
        <v>64</v>
      </c>
    </row>
    <row r="55" spans="1:4" ht="18" customHeight="1" x14ac:dyDescent="0.2">
      <c r="A55" s="14">
        <v>41</v>
      </c>
      <c r="B55" s="15">
        <v>30</v>
      </c>
      <c r="C55" s="16">
        <v>32</v>
      </c>
      <c r="D55" s="17">
        <v>62</v>
      </c>
    </row>
    <row r="56" spans="1:4" ht="18" customHeight="1" x14ac:dyDescent="0.2">
      <c r="A56" s="14">
        <v>42</v>
      </c>
      <c r="B56" s="15">
        <v>31</v>
      </c>
      <c r="C56" s="16">
        <v>34</v>
      </c>
      <c r="D56" s="17">
        <v>65</v>
      </c>
    </row>
    <row r="57" spans="1:4" ht="18" customHeight="1" x14ac:dyDescent="0.2">
      <c r="A57" s="14">
        <v>43</v>
      </c>
      <c r="B57" s="15">
        <v>43</v>
      </c>
      <c r="C57" s="16">
        <v>29</v>
      </c>
      <c r="D57" s="17">
        <v>72</v>
      </c>
    </row>
    <row r="58" spans="1:4" ht="18" customHeight="1" x14ac:dyDescent="0.2">
      <c r="A58" s="14">
        <v>44</v>
      </c>
      <c r="B58" s="15">
        <v>44</v>
      </c>
      <c r="C58" s="16">
        <v>32</v>
      </c>
      <c r="D58" s="17">
        <v>76</v>
      </c>
    </row>
    <row r="59" spans="1:4" ht="18" customHeight="1" x14ac:dyDescent="0.2">
      <c r="A59" s="18" t="s">
        <v>57</v>
      </c>
      <c r="B59" s="15">
        <v>184</v>
      </c>
      <c r="C59" s="16">
        <v>155</v>
      </c>
      <c r="D59" s="17">
        <v>339</v>
      </c>
    </row>
    <row r="60" spans="1:4" ht="18" customHeight="1" x14ac:dyDescent="0.2">
      <c r="A60" s="14">
        <v>45</v>
      </c>
      <c r="B60" s="15">
        <v>46</v>
      </c>
      <c r="C60" s="16">
        <v>42</v>
      </c>
      <c r="D60" s="17">
        <v>88</v>
      </c>
    </row>
    <row r="61" spans="1:4" ht="18" customHeight="1" x14ac:dyDescent="0.2">
      <c r="A61" s="14">
        <v>46</v>
      </c>
      <c r="B61" s="15">
        <v>42</v>
      </c>
      <c r="C61" s="16">
        <v>46</v>
      </c>
      <c r="D61" s="17">
        <v>88</v>
      </c>
    </row>
    <row r="62" spans="1:4" ht="18" customHeight="1" x14ac:dyDescent="0.2">
      <c r="A62" s="14">
        <v>47</v>
      </c>
      <c r="B62" s="15">
        <v>57</v>
      </c>
      <c r="C62" s="16">
        <v>38</v>
      </c>
      <c r="D62" s="17">
        <v>95</v>
      </c>
    </row>
    <row r="63" spans="1:4" ht="18" customHeight="1" x14ac:dyDescent="0.2">
      <c r="A63" s="14">
        <v>48</v>
      </c>
      <c r="B63" s="15">
        <v>49</v>
      </c>
      <c r="C63" s="16">
        <v>36</v>
      </c>
      <c r="D63" s="17">
        <v>85</v>
      </c>
    </row>
    <row r="64" spans="1:4" ht="18" customHeight="1" x14ac:dyDescent="0.2">
      <c r="A64" s="14">
        <v>49</v>
      </c>
      <c r="B64" s="15">
        <v>41</v>
      </c>
      <c r="C64" s="16">
        <v>41</v>
      </c>
      <c r="D64" s="17">
        <v>82</v>
      </c>
    </row>
    <row r="65" spans="1:4" ht="18" customHeight="1" x14ac:dyDescent="0.2">
      <c r="A65" s="18" t="s">
        <v>58</v>
      </c>
      <c r="B65" s="15">
        <v>235</v>
      </c>
      <c r="C65" s="16">
        <v>203</v>
      </c>
      <c r="D65" s="17">
        <v>438</v>
      </c>
    </row>
    <row r="66" spans="1:4" ht="18" customHeight="1" x14ac:dyDescent="0.2">
      <c r="A66" s="14">
        <v>50</v>
      </c>
      <c r="B66" s="15">
        <v>43</v>
      </c>
      <c r="C66" s="16">
        <v>40</v>
      </c>
      <c r="D66" s="17">
        <v>83</v>
      </c>
    </row>
    <row r="67" spans="1:4" ht="18" customHeight="1" x14ac:dyDescent="0.2">
      <c r="A67" s="14">
        <v>51</v>
      </c>
      <c r="B67" s="15">
        <v>43</v>
      </c>
      <c r="C67" s="16">
        <v>42</v>
      </c>
      <c r="D67" s="17">
        <v>85</v>
      </c>
    </row>
    <row r="68" spans="1:4" ht="18" customHeight="1" x14ac:dyDescent="0.2">
      <c r="A68" s="14">
        <v>52</v>
      </c>
      <c r="B68" s="15">
        <v>35</v>
      </c>
      <c r="C68" s="16">
        <v>31</v>
      </c>
      <c r="D68" s="17">
        <v>66</v>
      </c>
    </row>
    <row r="69" spans="1:4" ht="18" customHeight="1" x14ac:dyDescent="0.2">
      <c r="A69" s="14">
        <v>53</v>
      </c>
      <c r="B69" s="15">
        <v>24</v>
      </c>
      <c r="C69" s="16">
        <v>24</v>
      </c>
      <c r="D69" s="17">
        <v>48</v>
      </c>
    </row>
    <row r="70" spans="1:4" ht="18" customHeight="1" x14ac:dyDescent="0.2">
      <c r="A70" s="14">
        <v>54</v>
      </c>
      <c r="B70" s="15">
        <v>28</v>
      </c>
      <c r="C70" s="16">
        <v>40</v>
      </c>
      <c r="D70" s="17">
        <v>68</v>
      </c>
    </row>
    <row r="71" spans="1:4" ht="18" customHeight="1" x14ac:dyDescent="0.2">
      <c r="A71" s="18" t="s">
        <v>59</v>
      </c>
      <c r="B71" s="15">
        <v>173</v>
      </c>
      <c r="C71" s="16">
        <v>177</v>
      </c>
      <c r="D71" s="17">
        <v>350</v>
      </c>
    </row>
    <row r="72" spans="1:4" ht="18" customHeight="1" x14ac:dyDescent="0.2">
      <c r="A72" s="14">
        <v>55</v>
      </c>
      <c r="B72" s="15">
        <v>38</v>
      </c>
      <c r="C72" s="16">
        <v>32</v>
      </c>
      <c r="D72" s="17">
        <v>70</v>
      </c>
    </row>
    <row r="73" spans="1:4" ht="18" customHeight="1" x14ac:dyDescent="0.2">
      <c r="A73" s="14">
        <v>56</v>
      </c>
      <c r="B73" s="15">
        <v>34</v>
      </c>
      <c r="C73" s="16">
        <v>32</v>
      </c>
      <c r="D73" s="17">
        <v>66</v>
      </c>
    </row>
    <row r="74" spans="1:4" ht="18" customHeight="1" x14ac:dyDescent="0.2">
      <c r="A74" s="14">
        <v>57</v>
      </c>
      <c r="B74" s="15">
        <v>37</v>
      </c>
      <c r="C74" s="16">
        <v>30</v>
      </c>
      <c r="D74" s="17">
        <v>67</v>
      </c>
    </row>
    <row r="75" spans="1:4" ht="18" customHeight="1" x14ac:dyDescent="0.2">
      <c r="A75" s="14">
        <v>58</v>
      </c>
      <c r="B75" s="15">
        <v>32</v>
      </c>
      <c r="C75" s="16">
        <v>27</v>
      </c>
      <c r="D75" s="17">
        <v>59</v>
      </c>
    </row>
    <row r="76" spans="1:4" ht="18" customHeight="1" x14ac:dyDescent="0.2">
      <c r="A76" s="14">
        <v>59</v>
      </c>
      <c r="B76" s="15">
        <v>25</v>
      </c>
      <c r="C76" s="16">
        <v>29</v>
      </c>
      <c r="D76" s="17">
        <v>54</v>
      </c>
    </row>
    <row r="77" spans="1:4" ht="18" customHeight="1" x14ac:dyDescent="0.2">
      <c r="A77" s="18" t="s">
        <v>60</v>
      </c>
      <c r="B77" s="15">
        <v>166</v>
      </c>
      <c r="C77" s="16">
        <v>150</v>
      </c>
      <c r="D77" s="17">
        <v>316</v>
      </c>
    </row>
    <row r="78" spans="1:4" ht="18" customHeight="1" x14ac:dyDescent="0.2">
      <c r="A78" s="14">
        <v>60</v>
      </c>
      <c r="B78" s="15">
        <v>26</v>
      </c>
      <c r="C78" s="16">
        <v>27</v>
      </c>
      <c r="D78" s="17">
        <v>53</v>
      </c>
    </row>
    <row r="79" spans="1:4" ht="18" customHeight="1" x14ac:dyDescent="0.2">
      <c r="A79" s="14">
        <v>61</v>
      </c>
      <c r="B79" s="15">
        <v>22</v>
      </c>
      <c r="C79" s="16">
        <v>38</v>
      </c>
      <c r="D79" s="17">
        <v>60</v>
      </c>
    </row>
    <row r="80" spans="1:4" ht="18" customHeight="1" x14ac:dyDescent="0.2">
      <c r="A80" s="14">
        <v>62</v>
      </c>
      <c r="B80" s="15">
        <v>40</v>
      </c>
      <c r="C80" s="16">
        <v>36</v>
      </c>
      <c r="D80" s="17">
        <v>76</v>
      </c>
    </row>
    <row r="81" spans="1:4" ht="18" customHeight="1" x14ac:dyDescent="0.2">
      <c r="A81" s="14">
        <v>63</v>
      </c>
      <c r="B81" s="15">
        <v>37</v>
      </c>
      <c r="C81" s="16">
        <v>43</v>
      </c>
      <c r="D81" s="17">
        <v>80</v>
      </c>
    </row>
    <row r="82" spans="1:4" ht="18" customHeight="1" x14ac:dyDescent="0.2">
      <c r="A82" s="14">
        <v>64</v>
      </c>
      <c r="B82" s="15">
        <v>36</v>
      </c>
      <c r="C82" s="16">
        <v>40</v>
      </c>
      <c r="D82" s="17">
        <v>76</v>
      </c>
    </row>
    <row r="83" spans="1:4" ht="18" customHeight="1" x14ac:dyDescent="0.2">
      <c r="A83" s="18" t="s">
        <v>61</v>
      </c>
      <c r="B83" s="15">
        <v>161</v>
      </c>
      <c r="C83" s="16">
        <v>184</v>
      </c>
      <c r="D83" s="17">
        <v>345</v>
      </c>
    </row>
    <row r="84" spans="1:4" ht="18" customHeight="1" x14ac:dyDescent="0.2">
      <c r="A84" s="18" t="s">
        <v>62</v>
      </c>
      <c r="B84" s="15">
        <v>1621</v>
      </c>
      <c r="C84" s="16">
        <v>1492</v>
      </c>
      <c r="D84" s="17">
        <v>3113</v>
      </c>
    </row>
    <row r="85" spans="1:4" ht="18" customHeight="1" x14ac:dyDescent="0.2">
      <c r="A85" s="14">
        <v>65</v>
      </c>
      <c r="B85" s="15">
        <v>33</v>
      </c>
      <c r="C85" s="16">
        <v>43</v>
      </c>
      <c r="D85" s="17">
        <v>76</v>
      </c>
    </row>
    <row r="86" spans="1:4" ht="18" customHeight="1" x14ac:dyDescent="0.2">
      <c r="A86" s="14">
        <v>66</v>
      </c>
      <c r="B86" s="15">
        <v>36</v>
      </c>
      <c r="C86" s="16">
        <v>42</v>
      </c>
      <c r="D86" s="17">
        <v>78</v>
      </c>
    </row>
    <row r="87" spans="1:4" ht="18" customHeight="1" x14ac:dyDescent="0.2">
      <c r="A87" s="14">
        <v>67</v>
      </c>
      <c r="B87" s="15">
        <v>44</v>
      </c>
      <c r="C87" s="16">
        <v>48</v>
      </c>
      <c r="D87" s="17">
        <v>92</v>
      </c>
    </row>
    <row r="88" spans="1:4" ht="18" customHeight="1" x14ac:dyDescent="0.2">
      <c r="A88" s="14">
        <v>68</v>
      </c>
      <c r="B88" s="15">
        <v>48</v>
      </c>
      <c r="C88" s="16">
        <v>38</v>
      </c>
      <c r="D88" s="17">
        <v>86</v>
      </c>
    </row>
    <row r="89" spans="1:4" ht="18" customHeight="1" x14ac:dyDescent="0.2">
      <c r="A89" s="14">
        <v>69</v>
      </c>
      <c r="B89" s="15">
        <v>48</v>
      </c>
      <c r="C89" s="16">
        <v>46</v>
      </c>
      <c r="D89" s="17">
        <v>94</v>
      </c>
    </row>
    <row r="90" spans="1:4" ht="18" customHeight="1" x14ac:dyDescent="0.2">
      <c r="A90" s="18" t="s">
        <v>63</v>
      </c>
      <c r="B90" s="15">
        <v>209</v>
      </c>
      <c r="C90" s="16">
        <v>217</v>
      </c>
      <c r="D90" s="17">
        <v>426</v>
      </c>
    </row>
    <row r="91" spans="1:4" ht="18" customHeight="1" x14ac:dyDescent="0.2">
      <c r="A91" s="14">
        <v>70</v>
      </c>
      <c r="B91" s="15">
        <v>70</v>
      </c>
      <c r="C91" s="16">
        <v>70</v>
      </c>
      <c r="D91" s="17">
        <v>140</v>
      </c>
    </row>
    <row r="92" spans="1:4" ht="18" customHeight="1" x14ac:dyDescent="0.2">
      <c r="A92" s="14">
        <v>71</v>
      </c>
      <c r="B92" s="15">
        <v>63</v>
      </c>
      <c r="C92" s="16">
        <v>71</v>
      </c>
      <c r="D92" s="17">
        <v>134</v>
      </c>
    </row>
    <row r="93" spans="1:4" ht="18" customHeight="1" x14ac:dyDescent="0.2">
      <c r="A93" s="14">
        <v>72</v>
      </c>
      <c r="B93" s="15">
        <v>41</v>
      </c>
      <c r="C93" s="16">
        <v>64</v>
      </c>
      <c r="D93" s="17">
        <v>105</v>
      </c>
    </row>
    <row r="94" spans="1:4" ht="18" customHeight="1" x14ac:dyDescent="0.2">
      <c r="A94" s="14">
        <v>73</v>
      </c>
      <c r="B94" s="15">
        <v>66</v>
      </c>
      <c r="C94" s="16">
        <v>69</v>
      </c>
      <c r="D94" s="17">
        <v>135</v>
      </c>
    </row>
    <row r="95" spans="1:4" ht="18" customHeight="1" x14ac:dyDescent="0.2">
      <c r="A95" s="14">
        <v>74</v>
      </c>
      <c r="B95" s="15">
        <v>28</v>
      </c>
      <c r="C95" s="16">
        <v>28</v>
      </c>
      <c r="D95" s="17">
        <v>56</v>
      </c>
    </row>
    <row r="96" spans="1:4" ht="18" customHeight="1" x14ac:dyDescent="0.2">
      <c r="A96" s="18" t="s">
        <v>64</v>
      </c>
      <c r="B96" s="15">
        <v>268</v>
      </c>
      <c r="C96" s="16">
        <v>302</v>
      </c>
      <c r="D96" s="17">
        <v>570</v>
      </c>
    </row>
    <row r="97" spans="1:4" ht="18" customHeight="1" x14ac:dyDescent="0.2">
      <c r="A97" s="14">
        <v>75</v>
      </c>
      <c r="B97" s="15">
        <v>37</v>
      </c>
      <c r="C97" s="16">
        <v>62</v>
      </c>
      <c r="D97" s="17">
        <v>99</v>
      </c>
    </row>
    <row r="98" spans="1:4" ht="18" customHeight="1" x14ac:dyDescent="0.2">
      <c r="A98" s="14">
        <v>76</v>
      </c>
      <c r="B98" s="15">
        <v>55</v>
      </c>
      <c r="C98" s="16">
        <v>62</v>
      </c>
      <c r="D98" s="17">
        <v>117</v>
      </c>
    </row>
    <row r="99" spans="1:4" ht="18" customHeight="1" x14ac:dyDescent="0.2">
      <c r="A99" s="14">
        <v>77</v>
      </c>
      <c r="B99" s="15">
        <v>41</v>
      </c>
      <c r="C99" s="16">
        <v>58</v>
      </c>
      <c r="D99" s="17">
        <v>99</v>
      </c>
    </row>
    <row r="100" spans="1:4" ht="18" customHeight="1" x14ac:dyDescent="0.2">
      <c r="A100" s="14">
        <v>78</v>
      </c>
      <c r="B100" s="15">
        <v>43</v>
      </c>
      <c r="C100" s="16">
        <v>54</v>
      </c>
      <c r="D100" s="17">
        <v>97</v>
      </c>
    </row>
    <row r="101" spans="1:4" ht="18" customHeight="1" x14ac:dyDescent="0.2">
      <c r="A101" s="14">
        <v>79</v>
      </c>
      <c r="B101" s="15">
        <v>42</v>
      </c>
      <c r="C101" s="16">
        <v>47</v>
      </c>
      <c r="D101" s="17">
        <v>89</v>
      </c>
    </row>
    <row r="102" spans="1:4" ht="18" customHeight="1" x14ac:dyDescent="0.2">
      <c r="A102" s="18" t="s">
        <v>65</v>
      </c>
      <c r="B102" s="15">
        <v>218</v>
      </c>
      <c r="C102" s="16">
        <v>283</v>
      </c>
      <c r="D102" s="17">
        <v>501</v>
      </c>
    </row>
    <row r="103" spans="1:4" ht="18" customHeight="1" x14ac:dyDescent="0.2">
      <c r="A103" s="14">
        <v>80</v>
      </c>
      <c r="B103" s="15">
        <v>39</v>
      </c>
      <c r="C103" s="16">
        <v>39</v>
      </c>
      <c r="D103" s="17">
        <v>78</v>
      </c>
    </row>
    <row r="104" spans="1:4" ht="18" customHeight="1" x14ac:dyDescent="0.2">
      <c r="A104" s="14">
        <v>81</v>
      </c>
      <c r="B104" s="15">
        <v>23</v>
      </c>
      <c r="C104" s="16">
        <v>21</v>
      </c>
      <c r="D104" s="17">
        <v>44</v>
      </c>
    </row>
    <row r="105" spans="1:4" ht="18" customHeight="1" x14ac:dyDescent="0.2">
      <c r="A105" s="14">
        <v>82</v>
      </c>
      <c r="B105" s="15">
        <v>26</v>
      </c>
      <c r="C105" s="16">
        <v>34</v>
      </c>
      <c r="D105" s="17">
        <v>60</v>
      </c>
    </row>
    <row r="106" spans="1:4" ht="18" customHeight="1" x14ac:dyDescent="0.2">
      <c r="A106" s="14">
        <v>83</v>
      </c>
      <c r="B106" s="15">
        <v>26</v>
      </c>
      <c r="C106" s="16">
        <v>40</v>
      </c>
      <c r="D106" s="17">
        <v>66</v>
      </c>
    </row>
    <row r="107" spans="1:4" ht="18" customHeight="1" x14ac:dyDescent="0.2">
      <c r="A107" s="14">
        <v>84</v>
      </c>
      <c r="B107" s="15">
        <v>24</v>
      </c>
      <c r="C107" s="16">
        <v>32</v>
      </c>
      <c r="D107" s="17">
        <v>56</v>
      </c>
    </row>
    <row r="108" spans="1:4" ht="18" customHeight="1" x14ac:dyDescent="0.2">
      <c r="A108" s="18" t="s">
        <v>66</v>
      </c>
      <c r="B108" s="15">
        <v>138</v>
      </c>
      <c r="C108" s="16">
        <v>166</v>
      </c>
      <c r="D108" s="17">
        <v>304</v>
      </c>
    </row>
    <row r="109" spans="1:4" ht="18" customHeight="1" x14ac:dyDescent="0.2">
      <c r="A109" s="14">
        <v>85</v>
      </c>
      <c r="B109" s="15">
        <v>16</v>
      </c>
      <c r="C109" s="16">
        <v>18</v>
      </c>
      <c r="D109" s="17">
        <v>34</v>
      </c>
    </row>
    <row r="110" spans="1:4" ht="18" customHeight="1" x14ac:dyDescent="0.2">
      <c r="A110" s="14">
        <v>86</v>
      </c>
      <c r="B110" s="15">
        <v>23</v>
      </c>
      <c r="C110" s="16">
        <v>28</v>
      </c>
      <c r="D110" s="17">
        <v>51</v>
      </c>
    </row>
    <row r="111" spans="1:4" ht="18" customHeight="1" x14ac:dyDescent="0.2">
      <c r="A111" s="14">
        <v>87</v>
      </c>
      <c r="B111" s="15">
        <v>6</v>
      </c>
      <c r="C111" s="16">
        <v>31</v>
      </c>
      <c r="D111" s="17">
        <v>37</v>
      </c>
    </row>
    <row r="112" spans="1:4" ht="18" customHeight="1" x14ac:dyDescent="0.2">
      <c r="A112" s="14">
        <v>88</v>
      </c>
      <c r="B112" s="15">
        <v>13</v>
      </c>
      <c r="C112" s="16">
        <v>30</v>
      </c>
      <c r="D112" s="17">
        <v>43</v>
      </c>
    </row>
    <row r="113" spans="1:4" ht="18" customHeight="1" x14ac:dyDescent="0.2">
      <c r="A113" s="14">
        <v>89</v>
      </c>
      <c r="B113" s="15">
        <v>8</v>
      </c>
      <c r="C113" s="16">
        <v>9</v>
      </c>
      <c r="D113" s="17">
        <v>17</v>
      </c>
    </row>
    <row r="114" spans="1:4" ht="18" customHeight="1" x14ac:dyDescent="0.2">
      <c r="A114" s="18" t="s">
        <v>67</v>
      </c>
      <c r="B114" s="15">
        <v>66</v>
      </c>
      <c r="C114" s="16">
        <v>116</v>
      </c>
      <c r="D114" s="17">
        <v>182</v>
      </c>
    </row>
    <row r="115" spans="1:4" ht="18" customHeight="1" x14ac:dyDescent="0.2">
      <c r="A115" s="14">
        <v>90</v>
      </c>
      <c r="B115" s="15">
        <v>6</v>
      </c>
      <c r="C115" s="16">
        <v>24</v>
      </c>
      <c r="D115" s="17">
        <v>30</v>
      </c>
    </row>
    <row r="116" spans="1:4" ht="18" customHeight="1" x14ac:dyDescent="0.2">
      <c r="A116" s="14">
        <v>91</v>
      </c>
      <c r="B116" s="15">
        <v>8</v>
      </c>
      <c r="C116" s="16">
        <v>24</v>
      </c>
      <c r="D116" s="17">
        <v>32</v>
      </c>
    </row>
    <row r="117" spans="1:4" ht="18" customHeight="1" x14ac:dyDescent="0.2">
      <c r="A117" s="14">
        <v>92</v>
      </c>
      <c r="B117" s="15">
        <v>14</v>
      </c>
      <c r="C117" s="16">
        <v>15</v>
      </c>
      <c r="D117" s="17">
        <v>29</v>
      </c>
    </row>
    <row r="118" spans="1:4" ht="18" customHeight="1" x14ac:dyDescent="0.2">
      <c r="A118" s="14">
        <v>93</v>
      </c>
      <c r="B118" s="15">
        <v>5</v>
      </c>
      <c r="C118" s="16">
        <v>16</v>
      </c>
      <c r="D118" s="17">
        <v>21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68</v>
      </c>
      <c r="B120" s="15">
        <v>34</v>
      </c>
      <c r="C120" s="16">
        <v>83</v>
      </c>
      <c r="D120" s="17">
        <v>117</v>
      </c>
    </row>
    <row r="121" spans="1:4" ht="18" customHeight="1" x14ac:dyDescent="0.2">
      <c r="A121" s="14">
        <v>95</v>
      </c>
      <c r="B121" s="15">
        <v>0</v>
      </c>
      <c r="C121" s="16">
        <v>7</v>
      </c>
      <c r="D121" s="17">
        <v>7</v>
      </c>
    </row>
    <row r="122" spans="1:4" ht="18" customHeight="1" x14ac:dyDescent="0.2">
      <c r="A122" s="14">
        <v>96</v>
      </c>
      <c r="B122" s="15">
        <v>2</v>
      </c>
      <c r="C122" s="16">
        <v>6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6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4</v>
      </c>
      <c r="C126" s="16">
        <v>20</v>
      </c>
      <c r="D126" s="17">
        <v>2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0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938</v>
      </c>
      <c r="C130" s="5">
        <v>1188</v>
      </c>
      <c r="D130" s="6">
        <v>2126</v>
      </c>
    </row>
    <row r="131" spans="1:4" ht="18" customHeight="1" x14ac:dyDescent="0.2">
      <c r="A131" s="20" t="s">
        <v>47</v>
      </c>
      <c r="B131" s="7">
        <v>2871</v>
      </c>
      <c r="C131" s="8">
        <v>2977</v>
      </c>
      <c r="D131" s="9">
        <v>584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6</v>
      </c>
      <c r="C5" s="12">
        <v>67</v>
      </c>
      <c r="D5" s="13">
        <v>123</v>
      </c>
    </row>
    <row r="6" spans="1:4" ht="18" customHeight="1" x14ac:dyDescent="0.2">
      <c r="A6" s="14">
        <v>1</v>
      </c>
      <c r="B6" s="15">
        <v>66</v>
      </c>
      <c r="C6" s="16">
        <v>52</v>
      </c>
      <c r="D6" s="17">
        <v>118</v>
      </c>
    </row>
    <row r="7" spans="1:4" ht="18" customHeight="1" x14ac:dyDescent="0.2">
      <c r="A7" s="14">
        <v>2</v>
      </c>
      <c r="B7" s="15">
        <v>49</v>
      </c>
      <c r="C7" s="16">
        <v>62</v>
      </c>
      <c r="D7" s="17">
        <v>111</v>
      </c>
    </row>
    <row r="8" spans="1:4" ht="18" customHeight="1" x14ac:dyDescent="0.2">
      <c r="A8" s="14">
        <v>3</v>
      </c>
      <c r="B8" s="15">
        <v>55</v>
      </c>
      <c r="C8" s="16">
        <v>53</v>
      </c>
      <c r="D8" s="17">
        <v>108</v>
      </c>
    </row>
    <row r="9" spans="1:4" ht="18" customHeight="1" x14ac:dyDescent="0.2">
      <c r="A9" s="14">
        <v>4</v>
      </c>
      <c r="B9" s="15">
        <v>69</v>
      </c>
      <c r="C9" s="16">
        <v>49</v>
      </c>
      <c r="D9" s="17">
        <v>118</v>
      </c>
    </row>
    <row r="10" spans="1:4" ht="18" customHeight="1" x14ac:dyDescent="0.2">
      <c r="A10" s="18" t="s">
        <v>48</v>
      </c>
      <c r="B10" s="15">
        <v>295</v>
      </c>
      <c r="C10" s="16">
        <v>283</v>
      </c>
      <c r="D10" s="17">
        <v>578</v>
      </c>
    </row>
    <row r="11" spans="1:4" ht="18" customHeight="1" x14ac:dyDescent="0.2">
      <c r="A11" s="14">
        <v>5</v>
      </c>
      <c r="B11" s="15">
        <v>64</v>
      </c>
      <c r="C11" s="16">
        <v>58</v>
      </c>
      <c r="D11" s="17">
        <v>122</v>
      </c>
    </row>
    <row r="12" spans="1:4" ht="18" customHeight="1" x14ac:dyDescent="0.2">
      <c r="A12" s="14">
        <v>6</v>
      </c>
      <c r="B12" s="15">
        <v>69</v>
      </c>
      <c r="C12" s="16">
        <v>61</v>
      </c>
      <c r="D12" s="17">
        <v>130</v>
      </c>
    </row>
    <row r="13" spans="1:4" ht="18" customHeight="1" x14ac:dyDescent="0.2">
      <c r="A13" s="14">
        <v>7</v>
      </c>
      <c r="B13" s="15">
        <v>57</v>
      </c>
      <c r="C13" s="16">
        <v>56</v>
      </c>
      <c r="D13" s="17">
        <v>113</v>
      </c>
    </row>
    <row r="14" spans="1:4" ht="18" customHeight="1" x14ac:dyDescent="0.2">
      <c r="A14" s="14">
        <v>8</v>
      </c>
      <c r="B14" s="15">
        <v>57</v>
      </c>
      <c r="C14" s="16">
        <v>55</v>
      </c>
      <c r="D14" s="17">
        <v>112</v>
      </c>
    </row>
    <row r="15" spans="1:4" ht="18" customHeight="1" x14ac:dyDescent="0.2">
      <c r="A15" s="14">
        <v>9</v>
      </c>
      <c r="B15" s="15">
        <v>73</v>
      </c>
      <c r="C15" s="16">
        <v>63</v>
      </c>
      <c r="D15" s="17">
        <v>136</v>
      </c>
    </row>
    <row r="16" spans="1:4" ht="18" customHeight="1" x14ac:dyDescent="0.2">
      <c r="A16" s="18" t="s">
        <v>49</v>
      </c>
      <c r="B16" s="15">
        <v>320</v>
      </c>
      <c r="C16" s="16">
        <v>293</v>
      </c>
      <c r="D16" s="17">
        <v>613</v>
      </c>
    </row>
    <row r="17" spans="1:4" ht="18" customHeight="1" x14ac:dyDescent="0.2">
      <c r="A17" s="14">
        <v>10</v>
      </c>
      <c r="B17" s="15">
        <v>66</v>
      </c>
      <c r="C17" s="16">
        <v>66</v>
      </c>
      <c r="D17" s="17">
        <v>132</v>
      </c>
    </row>
    <row r="18" spans="1:4" ht="18" customHeight="1" x14ac:dyDescent="0.2">
      <c r="A18" s="14">
        <v>11</v>
      </c>
      <c r="B18" s="15">
        <v>48</v>
      </c>
      <c r="C18" s="16">
        <v>61</v>
      </c>
      <c r="D18" s="17">
        <v>109</v>
      </c>
    </row>
    <row r="19" spans="1:4" ht="18" customHeight="1" x14ac:dyDescent="0.2">
      <c r="A19" s="14">
        <v>12</v>
      </c>
      <c r="B19" s="15">
        <v>57</v>
      </c>
      <c r="C19" s="16">
        <v>59</v>
      </c>
      <c r="D19" s="17">
        <v>116</v>
      </c>
    </row>
    <row r="20" spans="1:4" ht="18" customHeight="1" x14ac:dyDescent="0.2">
      <c r="A20" s="14">
        <v>13</v>
      </c>
      <c r="B20" s="15">
        <v>78</v>
      </c>
      <c r="C20" s="16">
        <v>47</v>
      </c>
      <c r="D20" s="17">
        <v>125</v>
      </c>
    </row>
    <row r="21" spans="1:4" ht="18" customHeight="1" x14ac:dyDescent="0.2">
      <c r="A21" s="14">
        <v>14</v>
      </c>
      <c r="B21" s="15">
        <v>58</v>
      </c>
      <c r="C21" s="16">
        <v>42</v>
      </c>
      <c r="D21" s="17">
        <v>100</v>
      </c>
    </row>
    <row r="22" spans="1:4" ht="18" customHeight="1" x14ac:dyDescent="0.2">
      <c r="A22" s="18" t="s">
        <v>50</v>
      </c>
      <c r="B22" s="15">
        <v>307</v>
      </c>
      <c r="C22" s="16">
        <v>275</v>
      </c>
      <c r="D22" s="17">
        <v>582</v>
      </c>
    </row>
    <row r="23" spans="1:4" ht="18" customHeight="1" x14ac:dyDescent="0.2">
      <c r="A23" s="18" t="s">
        <v>51</v>
      </c>
      <c r="B23" s="15">
        <v>922</v>
      </c>
      <c r="C23" s="16">
        <v>851</v>
      </c>
      <c r="D23" s="17">
        <v>1773</v>
      </c>
    </row>
    <row r="24" spans="1:4" ht="18" customHeight="1" x14ac:dyDescent="0.2">
      <c r="A24" s="14">
        <v>15</v>
      </c>
      <c r="B24" s="15">
        <v>54</v>
      </c>
      <c r="C24" s="16">
        <v>82</v>
      </c>
      <c r="D24" s="17">
        <v>136</v>
      </c>
    </row>
    <row r="25" spans="1:4" ht="18" customHeight="1" x14ac:dyDescent="0.2">
      <c r="A25" s="14">
        <v>16</v>
      </c>
      <c r="B25" s="15">
        <v>45</v>
      </c>
      <c r="C25" s="16">
        <v>51</v>
      </c>
      <c r="D25" s="17">
        <v>96</v>
      </c>
    </row>
    <row r="26" spans="1:4" ht="18" customHeight="1" x14ac:dyDescent="0.2">
      <c r="A26" s="14">
        <v>17</v>
      </c>
      <c r="B26" s="15">
        <v>53</v>
      </c>
      <c r="C26" s="16">
        <v>62</v>
      </c>
      <c r="D26" s="17">
        <v>115</v>
      </c>
    </row>
    <row r="27" spans="1:4" ht="18" customHeight="1" x14ac:dyDescent="0.2">
      <c r="A27" s="14">
        <v>18</v>
      </c>
      <c r="B27" s="15">
        <v>62</v>
      </c>
      <c r="C27" s="16">
        <v>64</v>
      </c>
      <c r="D27" s="17">
        <v>126</v>
      </c>
    </row>
    <row r="28" spans="1:4" ht="18" customHeight="1" x14ac:dyDescent="0.2">
      <c r="A28" s="14">
        <v>19</v>
      </c>
      <c r="B28" s="15">
        <v>64</v>
      </c>
      <c r="C28" s="16">
        <v>72</v>
      </c>
      <c r="D28" s="17">
        <v>136</v>
      </c>
    </row>
    <row r="29" spans="1:4" ht="18" customHeight="1" x14ac:dyDescent="0.2">
      <c r="A29" s="18" t="s">
        <v>52</v>
      </c>
      <c r="B29" s="15">
        <v>278</v>
      </c>
      <c r="C29" s="16">
        <v>331</v>
      </c>
      <c r="D29" s="17">
        <v>609</v>
      </c>
    </row>
    <row r="30" spans="1:4" ht="18" customHeight="1" x14ac:dyDescent="0.2">
      <c r="A30" s="14">
        <v>20</v>
      </c>
      <c r="B30" s="15">
        <v>66</v>
      </c>
      <c r="C30" s="16">
        <v>56</v>
      </c>
      <c r="D30" s="17">
        <v>122</v>
      </c>
    </row>
    <row r="31" spans="1:4" ht="18" customHeight="1" x14ac:dyDescent="0.2">
      <c r="A31" s="14">
        <v>21</v>
      </c>
      <c r="B31" s="15">
        <v>58</v>
      </c>
      <c r="C31" s="16">
        <v>50</v>
      </c>
      <c r="D31" s="17">
        <v>108</v>
      </c>
    </row>
    <row r="32" spans="1:4" ht="18" customHeight="1" x14ac:dyDescent="0.2">
      <c r="A32" s="14">
        <v>22</v>
      </c>
      <c r="B32" s="15">
        <v>71</v>
      </c>
      <c r="C32" s="16">
        <v>66</v>
      </c>
      <c r="D32" s="17">
        <v>137</v>
      </c>
    </row>
    <row r="33" spans="1:4" ht="18" customHeight="1" x14ac:dyDescent="0.2">
      <c r="A33" s="14">
        <v>23</v>
      </c>
      <c r="B33" s="15">
        <v>76</v>
      </c>
      <c r="C33" s="16">
        <v>61</v>
      </c>
      <c r="D33" s="17">
        <v>137</v>
      </c>
    </row>
    <row r="34" spans="1:4" ht="18" customHeight="1" x14ac:dyDescent="0.2">
      <c r="A34" s="14">
        <v>24</v>
      </c>
      <c r="B34" s="15">
        <v>74</v>
      </c>
      <c r="C34" s="16">
        <v>78</v>
      </c>
      <c r="D34" s="17">
        <v>152</v>
      </c>
    </row>
    <row r="35" spans="1:4" ht="18" customHeight="1" x14ac:dyDescent="0.2">
      <c r="A35" s="18" t="s">
        <v>53</v>
      </c>
      <c r="B35" s="15">
        <v>345</v>
      </c>
      <c r="C35" s="16">
        <v>311</v>
      </c>
      <c r="D35" s="17">
        <v>656</v>
      </c>
    </row>
    <row r="36" spans="1:4" ht="18" customHeight="1" x14ac:dyDescent="0.2">
      <c r="A36" s="14">
        <v>25</v>
      </c>
      <c r="B36" s="15">
        <v>89</v>
      </c>
      <c r="C36" s="16">
        <v>83</v>
      </c>
      <c r="D36" s="17">
        <v>172</v>
      </c>
    </row>
    <row r="37" spans="1:4" ht="18" customHeight="1" x14ac:dyDescent="0.2">
      <c r="A37" s="14">
        <v>26</v>
      </c>
      <c r="B37" s="15">
        <v>86</v>
      </c>
      <c r="C37" s="16">
        <v>81</v>
      </c>
      <c r="D37" s="17">
        <v>167</v>
      </c>
    </row>
    <row r="38" spans="1:4" ht="18" customHeight="1" x14ac:dyDescent="0.2">
      <c r="A38" s="14">
        <v>27</v>
      </c>
      <c r="B38" s="15">
        <v>80</v>
      </c>
      <c r="C38" s="16">
        <v>76</v>
      </c>
      <c r="D38" s="17">
        <v>156</v>
      </c>
    </row>
    <row r="39" spans="1:4" ht="18" customHeight="1" x14ac:dyDescent="0.2">
      <c r="A39" s="14">
        <v>28</v>
      </c>
      <c r="B39" s="15">
        <v>82</v>
      </c>
      <c r="C39" s="16">
        <v>90</v>
      </c>
      <c r="D39" s="17">
        <v>172</v>
      </c>
    </row>
    <row r="40" spans="1:4" ht="18" customHeight="1" x14ac:dyDescent="0.2">
      <c r="A40" s="14">
        <v>29</v>
      </c>
      <c r="B40" s="15">
        <v>107</v>
      </c>
      <c r="C40" s="16">
        <v>79</v>
      </c>
      <c r="D40" s="17">
        <v>186</v>
      </c>
    </row>
    <row r="41" spans="1:4" ht="18" customHeight="1" x14ac:dyDescent="0.2">
      <c r="A41" s="18" t="s">
        <v>54</v>
      </c>
      <c r="B41" s="15">
        <v>444</v>
      </c>
      <c r="C41" s="16">
        <v>409</v>
      </c>
      <c r="D41" s="17">
        <v>853</v>
      </c>
    </row>
    <row r="42" spans="1:4" ht="18" customHeight="1" x14ac:dyDescent="0.2">
      <c r="A42" s="14">
        <v>30</v>
      </c>
      <c r="B42" s="15">
        <v>95</v>
      </c>
      <c r="C42" s="16">
        <v>66</v>
      </c>
      <c r="D42" s="17">
        <v>161</v>
      </c>
    </row>
    <row r="43" spans="1:4" ht="18" customHeight="1" x14ac:dyDescent="0.2">
      <c r="A43" s="14">
        <v>31</v>
      </c>
      <c r="B43" s="15">
        <v>92</v>
      </c>
      <c r="C43" s="16">
        <v>96</v>
      </c>
      <c r="D43" s="17">
        <v>188</v>
      </c>
    </row>
    <row r="44" spans="1:4" ht="18" customHeight="1" x14ac:dyDescent="0.2">
      <c r="A44" s="14">
        <v>32</v>
      </c>
      <c r="B44" s="15">
        <v>75</v>
      </c>
      <c r="C44" s="16">
        <v>74</v>
      </c>
      <c r="D44" s="17">
        <v>149</v>
      </c>
    </row>
    <row r="45" spans="1:4" ht="18" customHeight="1" x14ac:dyDescent="0.2">
      <c r="A45" s="14">
        <v>33</v>
      </c>
      <c r="B45" s="15">
        <v>77</v>
      </c>
      <c r="C45" s="16">
        <v>70</v>
      </c>
      <c r="D45" s="17">
        <v>147</v>
      </c>
    </row>
    <row r="46" spans="1:4" ht="18" customHeight="1" x14ac:dyDescent="0.2">
      <c r="A46" s="14">
        <v>34</v>
      </c>
      <c r="B46" s="15">
        <v>103</v>
      </c>
      <c r="C46" s="16">
        <v>84</v>
      </c>
      <c r="D46" s="17">
        <v>187</v>
      </c>
    </row>
    <row r="47" spans="1:4" ht="18" customHeight="1" x14ac:dyDescent="0.2">
      <c r="A47" s="18" t="s">
        <v>55</v>
      </c>
      <c r="B47" s="15">
        <v>442</v>
      </c>
      <c r="C47" s="16">
        <v>390</v>
      </c>
      <c r="D47" s="17">
        <v>832</v>
      </c>
    </row>
    <row r="48" spans="1:4" ht="18" customHeight="1" x14ac:dyDescent="0.2">
      <c r="A48" s="14">
        <v>35</v>
      </c>
      <c r="B48" s="15">
        <v>95</v>
      </c>
      <c r="C48" s="16">
        <v>90</v>
      </c>
      <c r="D48" s="17">
        <v>185</v>
      </c>
    </row>
    <row r="49" spans="1:4" ht="18" customHeight="1" x14ac:dyDescent="0.2">
      <c r="A49" s="14">
        <v>36</v>
      </c>
      <c r="B49" s="15">
        <v>108</v>
      </c>
      <c r="C49" s="16">
        <v>76</v>
      </c>
      <c r="D49" s="17">
        <v>184</v>
      </c>
    </row>
    <row r="50" spans="1:4" ht="18" customHeight="1" x14ac:dyDescent="0.2">
      <c r="A50" s="14">
        <v>37</v>
      </c>
      <c r="B50" s="15">
        <v>87</v>
      </c>
      <c r="C50" s="16">
        <v>80</v>
      </c>
      <c r="D50" s="17">
        <v>167</v>
      </c>
    </row>
    <row r="51" spans="1:4" ht="18" customHeight="1" x14ac:dyDescent="0.2">
      <c r="A51" s="14">
        <v>38</v>
      </c>
      <c r="B51" s="15">
        <v>89</v>
      </c>
      <c r="C51" s="16">
        <v>97</v>
      </c>
      <c r="D51" s="17">
        <v>186</v>
      </c>
    </row>
    <row r="52" spans="1:4" ht="18" customHeight="1" x14ac:dyDescent="0.2">
      <c r="A52" s="14">
        <v>39</v>
      </c>
      <c r="B52" s="15">
        <v>93</v>
      </c>
      <c r="C52" s="16">
        <v>92</v>
      </c>
      <c r="D52" s="17">
        <v>185</v>
      </c>
    </row>
    <row r="53" spans="1:4" ht="18" customHeight="1" x14ac:dyDescent="0.2">
      <c r="A53" s="18" t="s">
        <v>56</v>
      </c>
      <c r="B53" s="15">
        <v>472</v>
      </c>
      <c r="C53" s="16">
        <v>435</v>
      </c>
      <c r="D53" s="17">
        <v>907</v>
      </c>
    </row>
    <row r="54" spans="1:4" ht="18" customHeight="1" x14ac:dyDescent="0.2">
      <c r="A54" s="14">
        <v>40</v>
      </c>
      <c r="B54" s="15">
        <v>103</v>
      </c>
      <c r="C54" s="16">
        <v>84</v>
      </c>
      <c r="D54" s="17">
        <v>187</v>
      </c>
    </row>
    <row r="55" spans="1:4" ht="18" customHeight="1" x14ac:dyDescent="0.2">
      <c r="A55" s="14">
        <v>41</v>
      </c>
      <c r="B55" s="15">
        <v>110</v>
      </c>
      <c r="C55" s="16">
        <v>107</v>
      </c>
      <c r="D55" s="17">
        <v>217</v>
      </c>
    </row>
    <row r="56" spans="1:4" ht="18" customHeight="1" x14ac:dyDescent="0.2">
      <c r="A56" s="14">
        <v>42</v>
      </c>
      <c r="B56" s="15">
        <v>108</v>
      </c>
      <c r="C56" s="16">
        <v>88</v>
      </c>
      <c r="D56" s="17">
        <v>196</v>
      </c>
    </row>
    <row r="57" spans="1:4" ht="18" customHeight="1" x14ac:dyDescent="0.2">
      <c r="A57" s="14">
        <v>43</v>
      </c>
      <c r="B57" s="15">
        <v>103</v>
      </c>
      <c r="C57" s="16">
        <v>92</v>
      </c>
      <c r="D57" s="17">
        <v>195</v>
      </c>
    </row>
    <row r="58" spans="1:4" ht="18" customHeight="1" x14ac:dyDescent="0.2">
      <c r="A58" s="14">
        <v>44</v>
      </c>
      <c r="B58" s="15">
        <v>112</v>
      </c>
      <c r="C58" s="16">
        <v>109</v>
      </c>
      <c r="D58" s="17">
        <v>221</v>
      </c>
    </row>
    <row r="59" spans="1:4" ht="18" customHeight="1" x14ac:dyDescent="0.2">
      <c r="A59" s="18" t="s">
        <v>57</v>
      </c>
      <c r="B59" s="15">
        <v>536</v>
      </c>
      <c r="C59" s="16">
        <v>480</v>
      </c>
      <c r="D59" s="17">
        <v>1016</v>
      </c>
    </row>
    <row r="60" spans="1:4" ht="18" customHeight="1" x14ac:dyDescent="0.2">
      <c r="A60" s="14">
        <v>45</v>
      </c>
      <c r="B60" s="15">
        <v>128</v>
      </c>
      <c r="C60" s="16">
        <v>126</v>
      </c>
      <c r="D60" s="17">
        <v>254</v>
      </c>
    </row>
    <row r="61" spans="1:4" ht="18" customHeight="1" x14ac:dyDescent="0.2">
      <c r="A61" s="14">
        <v>46</v>
      </c>
      <c r="B61" s="15">
        <v>112</v>
      </c>
      <c r="C61" s="16">
        <v>110</v>
      </c>
      <c r="D61" s="17">
        <v>222</v>
      </c>
    </row>
    <row r="62" spans="1:4" ht="18" customHeight="1" x14ac:dyDescent="0.2">
      <c r="A62" s="14">
        <v>47</v>
      </c>
      <c r="B62" s="15">
        <v>119</v>
      </c>
      <c r="C62" s="16">
        <v>120</v>
      </c>
      <c r="D62" s="17">
        <v>239</v>
      </c>
    </row>
    <row r="63" spans="1:4" ht="18" customHeight="1" x14ac:dyDescent="0.2">
      <c r="A63" s="14">
        <v>48</v>
      </c>
      <c r="B63" s="15">
        <v>117</v>
      </c>
      <c r="C63" s="16">
        <v>98</v>
      </c>
      <c r="D63" s="17">
        <v>215</v>
      </c>
    </row>
    <row r="64" spans="1:4" ht="18" customHeight="1" x14ac:dyDescent="0.2">
      <c r="A64" s="14">
        <v>49</v>
      </c>
      <c r="B64" s="15">
        <v>108</v>
      </c>
      <c r="C64" s="16">
        <v>97</v>
      </c>
      <c r="D64" s="17">
        <v>205</v>
      </c>
    </row>
    <row r="65" spans="1:4" ht="18" customHeight="1" x14ac:dyDescent="0.2">
      <c r="A65" s="18" t="s">
        <v>58</v>
      </c>
      <c r="B65" s="15">
        <v>584</v>
      </c>
      <c r="C65" s="16">
        <v>551</v>
      </c>
      <c r="D65" s="17">
        <v>1135</v>
      </c>
    </row>
    <row r="66" spans="1:4" ht="18" customHeight="1" x14ac:dyDescent="0.2">
      <c r="A66" s="14">
        <v>50</v>
      </c>
      <c r="B66" s="15">
        <v>100</v>
      </c>
      <c r="C66" s="16">
        <v>102</v>
      </c>
      <c r="D66" s="17">
        <v>202</v>
      </c>
    </row>
    <row r="67" spans="1:4" ht="18" customHeight="1" x14ac:dyDescent="0.2">
      <c r="A67" s="14">
        <v>51</v>
      </c>
      <c r="B67" s="15">
        <v>96</v>
      </c>
      <c r="C67" s="16">
        <v>93</v>
      </c>
      <c r="D67" s="17">
        <v>189</v>
      </c>
    </row>
    <row r="68" spans="1:4" ht="18" customHeight="1" x14ac:dyDescent="0.2">
      <c r="A68" s="14">
        <v>52</v>
      </c>
      <c r="B68" s="15">
        <v>95</v>
      </c>
      <c r="C68" s="16">
        <v>79</v>
      </c>
      <c r="D68" s="17">
        <v>174</v>
      </c>
    </row>
    <row r="69" spans="1:4" ht="18" customHeight="1" x14ac:dyDescent="0.2">
      <c r="A69" s="14">
        <v>53</v>
      </c>
      <c r="B69" s="15">
        <v>74</v>
      </c>
      <c r="C69" s="16">
        <v>86</v>
      </c>
      <c r="D69" s="17">
        <v>160</v>
      </c>
    </row>
    <row r="70" spans="1:4" ht="18" customHeight="1" x14ac:dyDescent="0.2">
      <c r="A70" s="14">
        <v>54</v>
      </c>
      <c r="B70" s="15">
        <v>79</v>
      </c>
      <c r="C70" s="16">
        <v>95</v>
      </c>
      <c r="D70" s="17">
        <v>174</v>
      </c>
    </row>
    <row r="71" spans="1:4" ht="18" customHeight="1" x14ac:dyDescent="0.2">
      <c r="A71" s="18" t="s">
        <v>59</v>
      </c>
      <c r="B71" s="15">
        <v>444</v>
      </c>
      <c r="C71" s="16">
        <v>455</v>
      </c>
      <c r="D71" s="17">
        <v>899</v>
      </c>
    </row>
    <row r="72" spans="1:4" ht="18" customHeight="1" x14ac:dyDescent="0.2">
      <c r="A72" s="14">
        <v>55</v>
      </c>
      <c r="B72" s="15">
        <v>75</v>
      </c>
      <c r="C72" s="16">
        <v>86</v>
      </c>
      <c r="D72" s="17">
        <v>161</v>
      </c>
    </row>
    <row r="73" spans="1:4" ht="18" customHeight="1" x14ac:dyDescent="0.2">
      <c r="A73" s="14">
        <v>56</v>
      </c>
      <c r="B73" s="15">
        <v>95</v>
      </c>
      <c r="C73" s="16">
        <v>90</v>
      </c>
      <c r="D73" s="17">
        <v>185</v>
      </c>
    </row>
    <row r="74" spans="1:4" ht="18" customHeight="1" x14ac:dyDescent="0.2">
      <c r="A74" s="14">
        <v>57</v>
      </c>
      <c r="B74" s="15">
        <v>79</v>
      </c>
      <c r="C74" s="16">
        <v>84</v>
      </c>
      <c r="D74" s="17">
        <v>163</v>
      </c>
    </row>
    <row r="75" spans="1:4" ht="18" customHeight="1" x14ac:dyDescent="0.2">
      <c r="A75" s="14">
        <v>58</v>
      </c>
      <c r="B75" s="15">
        <v>56</v>
      </c>
      <c r="C75" s="16">
        <v>64</v>
      </c>
      <c r="D75" s="17">
        <v>120</v>
      </c>
    </row>
    <row r="76" spans="1:4" ht="18" customHeight="1" x14ac:dyDescent="0.2">
      <c r="A76" s="14">
        <v>59</v>
      </c>
      <c r="B76" s="15">
        <v>62</v>
      </c>
      <c r="C76" s="16">
        <v>55</v>
      </c>
      <c r="D76" s="17">
        <v>117</v>
      </c>
    </row>
    <row r="77" spans="1:4" ht="18" customHeight="1" x14ac:dyDescent="0.2">
      <c r="A77" s="18" t="s">
        <v>60</v>
      </c>
      <c r="B77" s="15">
        <v>367</v>
      </c>
      <c r="C77" s="16">
        <v>379</v>
      </c>
      <c r="D77" s="17">
        <v>746</v>
      </c>
    </row>
    <row r="78" spans="1:4" ht="18" customHeight="1" x14ac:dyDescent="0.2">
      <c r="A78" s="14">
        <v>60</v>
      </c>
      <c r="B78" s="15">
        <v>80</v>
      </c>
      <c r="C78" s="16">
        <v>88</v>
      </c>
      <c r="D78" s="17">
        <v>168</v>
      </c>
    </row>
    <row r="79" spans="1:4" ht="18" customHeight="1" x14ac:dyDescent="0.2">
      <c r="A79" s="14">
        <v>61</v>
      </c>
      <c r="B79" s="15">
        <v>65</v>
      </c>
      <c r="C79" s="16">
        <v>80</v>
      </c>
      <c r="D79" s="17">
        <v>145</v>
      </c>
    </row>
    <row r="80" spans="1:4" ht="18" customHeight="1" x14ac:dyDescent="0.2">
      <c r="A80" s="14">
        <v>62</v>
      </c>
      <c r="B80" s="15">
        <v>74</v>
      </c>
      <c r="C80" s="16">
        <v>65</v>
      </c>
      <c r="D80" s="17">
        <v>139</v>
      </c>
    </row>
    <row r="81" spans="1:4" ht="18" customHeight="1" x14ac:dyDescent="0.2">
      <c r="A81" s="14">
        <v>63</v>
      </c>
      <c r="B81" s="15">
        <v>70</v>
      </c>
      <c r="C81" s="16">
        <v>67</v>
      </c>
      <c r="D81" s="17">
        <v>137</v>
      </c>
    </row>
    <row r="82" spans="1:4" ht="18" customHeight="1" x14ac:dyDescent="0.2">
      <c r="A82" s="14">
        <v>64</v>
      </c>
      <c r="B82" s="15">
        <v>71</v>
      </c>
      <c r="C82" s="16">
        <v>85</v>
      </c>
      <c r="D82" s="17">
        <v>156</v>
      </c>
    </row>
    <row r="83" spans="1:4" ht="18" customHeight="1" x14ac:dyDescent="0.2">
      <c r="A83" s="18" t="s">
        <v>61</v>
      </c>
      <c r="B83" s="15">
        <v>360</v>
      </c>
      <c r="C83" s="16">
        <v>385</v>
      </c>
      <c r="D83" s="17">
        <v>745</v>
      </c>
    </row>
    <row r="84" spans="1:4" ht="18" customHeight="1" x14ac:dyDescent="0.2">
      <c r="A84" s="18" t="s">
        <v>62</v>
      </c>
      <c r="B84" s="15">
        <v>4272</v>
      </c>
      <c r="C84" s="16">
        <v>4126</v>
      </c>
      <c r="D84" s="17">
        <v>8398</v>
      </c>
    </row>
    <row r="85" spans="1:4" ht="18" customHeight="1" x14ac:dyDescent="0.2">
      <c r="A85" s="14">
        <v>65</v>
      </c>
      <c r="B85" s="15">
        <v>73</v>
      </c>
      <c r="C85" s="16">
        <v>90</v>
      </c>
      <c r="D85" s="17">
        <v>163</v>
      </c>
    </row>
    <row r="86" spans="1:4" ht="18" customHeight="1" x14ac:dyDescent="0.2">
      <c r="A86" s="14">
        <v>66</v>
      </c>
      <c r="B86" s="15">
        <v>65</v>
      </c>
      <c r="C86" s="16">
        <v>87</v>
      </c>
      <c r="D86" s="17">
        <v>152</v>
      </c>
    </row>
    <row r="87" spans="1:4" ht="18" customHeight="1" x14ac:dyDescent="0.2">
      <c r="A87" s="14">
        <v>67</v>
      </c>
      <c r="B87" s="15">
        <v>67</v>
      </c>
      <c r="C87" s="16">
        <v>80</v>
      </c>
      <c r="D87" s="17">
        <v>147</v>
      </c>
    </row>
    <row r="88" spans="1:4" ht="18" customHeight="1" x14ac:dyDescent="0.2">
      <c r="A88" s="14">
        <v>68</v>
      </c>
      <c r="B88" s="15">
        <v>90</v>
      </c>
      <c r="C88" s="16">
        <v>66</v>
      </c>
      <c r="D88" s="17">
        <v>156</v>
      </c>
    </row>
    <row r="89" spans="1:4" ht="18" customHeight="1" x14ac:dyDescent="0.2">
      <c r="A89" s="14">
        <v>69</v>
      </c>
      <c r="B89" s="15">
        <v>92</v>
      </c>
      <c r="C89" s="16">
        <v>91</v>
      </c>
      <c r="D89" s="17">
        <v>183</v>
      </c>
    </row>
    <row r="90" spans="1:4" ht="18" customHeight="1" x14ac:dyDescent="0.2">
      <c r="A90" s="18" t="s">
        <v>63</v>
      </c>
      <c r="B90" s="15">
        <v>387</v>
      </c>
      <c r="C90" s="16">
        <v>414</v>
      </c>
      <c r="D90" s="17">
        <v>801</v>
      </c>
    </row>
    <row r="91" spans="1:4" ht="18" customHeight="1" x14ac:dyDescent="0.2">
      <c r="A91" s="14">
        <v>70</v>
      </c>
      <c r="B91" s="15">
        <v>90</v>
      </c>
      <c r="C91" s="16">
        <v>94</v>
      </c>
      <c r="D91" s="17">
        <v>184</v>
      </c>
    </row>
    <row r="92" spans="1:4" ht="18" customHeight="1" x14ac:dyDescent="0.2">
      <c r="A92" s="14">
        <v>71</v>
      </c>
      <c r="B92" s="15">
        <v>92</v>
      </c>
      <c r="C92" s="16">
        <v>86</v>
      </c>
      <c r="D92" s="17">
        <v>178</v>
      </c>
    </row>
    <row r="93" spans="1:4" ht="18" customHeight="1" x14ac:dyDescent="0.2">
      <c r="A93" s="14">
        <v>72</v>
      </c>
      <c r="B93" s="15">
        <v>103</v>
      </c>
      <c r="C93" s="16">
        <v>98</v>
      </c>
      <c r="D93" s="17">
        <v>201</v>
      </c>
    </row>
    <row r="94" spans="1:4" ht="18" customHeight="1" x14ac:dyDescent="0.2">
      <c r="A94" s="14">
        <v>73</v>
      </c>
      <c r="B94" s="15">
        <v>82</v>
      </c>
      <c r="C94" s="16">
        <v>103</v>
      </c>
      <c r="D94" s="17">
        <v>185</v>
      </c>
    </row>
    <row r="95" spans="1:4" ht="18" customHeight="1" x14ac:dyDescent="0.2">
      <c r="A95" s="14">
        <v>74</v>
      </c>
      <c r="B95" s="15">
        <v>53</v>
      </c>
      <c r="C95" s="16">
        <v>56</v>
      </c>
      <c r="D95" s="17">
        <v>109</v>
      </c>
    </row>
    <row r="96" spans="1:4" ht="18" customHeight="1" x14ac:dyDescent="0.2">
      <c r="A96" s="18" t="s">
        <v>64</v>
      </c>
      <c r="B96" s="15">
        <v>420</v>
      </c>
      <c r="C96" s="16">
        <v>437</v>
      </c>
      <c r="D96" s="17">
        <v>857</v>
      </c>
    </row>
    <row r="97" spans="1:4" ht="18" customHeight="1" x14ac:dyDescent="0.2">
      <c r="A97" s="14">
        <v>75</v>
      </c>
      <c r="B97" s="15">
        <v>63</v>
      </c>
      <c r="C97" s="16">
        <v>81</v>
      </c>
      <c r="D97" s="17">
        <v>144</v>
      </c>
    </row>
    <row r="98" spans="1:4" ht="18" customHeight="1" x14ac:dyDescent="0.2">
      <c r="A98" s="14">
        <v>76</v>
      </c>
      <c r="B98" s="15">
        <v>66</v>
      </c>
      <c r="C98" s="16">
        <v>99</v>
      </c>
      <c r="D98" s="17">
        <v>165</v>
      </c>
    </row>
    <row r="99" spans="1:4" ht="18" customHeight="1" x14ac:dyDescent="0.2">
      <c r="A99" s="14">
        <v>77</v>
      </c>
      <c r="B99" s="15">
        <v>57</v>
      </c>
      <c r="C99" s="16">
        <v>81</v>
      </c>
      <c r="D99" s="17">
        <v>138</v>
      </c>
    </row>
    <row r="100" spans="1:4" ht="18" customHeight="1" x14ac:dyDescent="0.2">
      <c r="A100" s="14">
        <v>78</v>
      </c>
      <c r="B100" s="15">
        <v>50</v>
      </c>
      <c r="C100" s="16">
        <v>98</v>
      </c>
      <c r="D100" s="17">
        <v>148</v>
      </c>
    </row>
    <row r="101" spans="1:4" ht="18" customHeight="1" x14ac:dyDescent="0.2">
      <c r="A101" s="14">
        <v>79</v>
      </c>
      <c r="B101" s="15">
        <v>54</v>
      </c>
      <c r="C101" s="16">
        <v>67</v>
      </c>
      <c r="D101" s="17">
        <v>121</v>
      </c>
    </row>
    <row r="102" spans="1:4" ht="18" customHeight="1" x14ac:dyDescent="0.2">
      <c r="A102" s="18" t="s">
        <v>65</v>
      </c>
      <c r="B102" s="15">
        <v>290</v>
      </c>
      <c r="C102" s="16">
        <v>426</v>
      </c>
      <c r="D102" s="17">
        <v>716</v>
      </c>
    </row>
    <row r="103" spans="1:4" ht="18" customHeight="1" x14ac:dyDescent="0.2">
      <c r="A103" s="14">
        <v>80</v>
      </c>
      <c r="B103" s="15">
        <v>56</v>
      </c>
      <c r="C103" s="16">
        <v>92</v>
      </c>
      <c r="D103" s="17">
        <v>148</v>
      </c>
    </row>
    <row r="104" spans="1:4" ht="18" customHeight="1" x14ac:dyDescent="0.2">
      <c r="A104" s="14">
        <v>81</v>
      </c>
      <c r="B104" s="15">
        <v>38</v>
      </c>
      <c r="C104" s="16">
        <v>53</v>
      </c>
      <c r="D104" s="17">
        <v>91</v>
      </c>
    </row>
    <row r="105" spans="1:4" ht="18" customHeight="1" x14ac:dyDescent="0.2">
      <c r="A105" s="14">
        <v>82</v>
      </c>
      <c r="B105" s="15">
        <v>36</v>
      </c>
      <c r="C105" s="16">
        <v>66</v>
      </c>
      <c r="D105" s="17">
        <v>102</v>
      </c>
    </row>
    <row r="106" spans="1:4" ht="18" customHeight="1" x14ac:dyDescent="0.2">
      <c r="A106" s="14">
        <v>83</v>
      </c>
      <c r="B106" s="15">
        <v>43</v>
      </c>
      <c r="C106" s="16">
        <v>62</v>
      </c>
      <c r="D106" s="17">
        <v>105</v>
      </c>
    </row>
    <row r="107" spans="1:4" ht="18" customHeight="1" x14ac:dyDescent="0.2">
      <c r="A107" s="14">
        <v>84</v>
      </c>
      <c r="B107" s="15">
        <v>41</v>
      </c>
      <c r="C107" s="16">
        <v>68</v>
      </c>
      <c r="D107" s="17">
        <v>109</v>
      </c>
    </row>
    <row r="108" spans="1:4" ht="18" customHeight="1" x14ac:dyDescent="0.2">
      <c r="A108" s="18" t="s">
        <v>66</v>
      </c>
      <c r="B108" s="15">
        <v>214</v>
      </c>
      <c r="C108" s="16">
        <v>341</v>
      </c>
      <c r="D108" s="17">
        <v>555</v>
      </c>
    </row>
    <row r="109" spans="1:4" ht="18" customHeight="1" x14ac:dyDescent="0.2">
      <c r="A109" s="14">
        <v>85</v>
      </c>
      <c r="B109" s="15">
        <v>30</v>
      </c>
      <c r="C109" s="16">
        <v>50</v>
      </c>
      <c r="D109" s="17">
        <v>80</v>
      </c>
    </row>
    <row r="110" spans="1:4" ht="18" customHeight="1" x14ac:dyDescent="0.2">
      <c r="A110" s="14">
        <v>86</v>
      </c>
      <c r="B110" s="15">
        <v>24</v>
      </c>
      <c r="C110" s="16">
        <v>35</v>
      </c>
      <c r="D110" s="17">
        <v>59</v>
      </c>
    </row>
    <row r="111" spans="1:4" ht="18" customHeight="1" x14ac:dyDescent="0.2">
      <c r="A111" s="14">
        <v>87</v>
      </c>
      <c r="B111" s="15">
        <v>25</v>
      </c>
      <c r="C111" s="16">
        <v>58</v>
      </c>
      <c r="D111" s="17">
        <v>83</v>
      </c>
    </row>
    <row r="112" spans="1:4" ht="18" customHeight="1" x14ac:dyDescent="0.2">
      <c r="A112" s="14">
        <v>88</v>
      </c>
      <c r="B112" s="15">
        <v>20</v>
      </c>
      <c r="C112" s="16">
        <v>52</v>
      </c>
      <c r="D112" s="17">
        <v>72</v>
      </c>
    </row>
    <row r="113" spans="1:4" ht="18" customHeight="1" x14ac:dyDescent="0.2">
      <c r="A113" s="14">
        <v>89</v>
      </c>
      <c r="B113" s="15">
        <v>13</v>
      </c>
      <c r="C113" s="16">
        <v>41</v>
      </c>
      <c r="D113" s="17">
        <v>54</v>
      </c>
    </row>
    <row r="114" spans="1:4" ht="18" customHeight="1" x14ac:dyDescent="0.2">
      <c r="A114" s="18" t="s">
        <v>67</v>
      </c>
      <c r="B114" s="15">
        <v>112</v>
      </c>
      <c r="C114" s="16">
        <v>236</v>
      </c>
      <c r="D114" s="17">
        <v>348</v>
      </c>
    </row>
    <row r="115" spans="1:4" ht="18" customHeight="1" x14ac:dyDescent="0.2">
      <c r="A115" s="14">
        <v>90</v>
      </c>
      <c r="B115" s="15">
        <v>11</v>
      </c>
      <c r="C115" s="16">
        <v>26</v>
      </c>
      <c r="D115" s="17">
        <v>37</v>
      </c>
    </row>
    <row r="116" spans="1:4" ht="18" customHeight="1" x14ac:dyDescent="0.2">
      <c r="A116" s="14">
        <v>91</v>
      </c>
      <c r="B116" s="15">
        <v>11</v>
      </c>
      <c r="C116" s="16">
        <v>27</v>
      </c>
      <c r="D116" s="17">
        <v>38</v>
      </c>
    </row>
    <row r="117" spans="1:4" ht="18" customHeight="1" x14ac:dyDescent="0.2">
      <c r="A117" s="14">
        <v>92</v>
      </c>
      <c r="B117" s="15">
        <v>8</v>
      </c>
      <c r="C117" s="16">
        <v>22</v>
      </c>
      <c r="D117" s="17">
        <v>30</v>
      </c>
    </row>
    <row r="118" spans="1:4" ht="18" customHeight="1" x14ac:dyDescent="0.2">
      <c r="A118" s="14">
        <v>93</v>
      </c>
      <c r="B118" s="15">
        <v>10</v>
      </c>
      <c r="C118" s="16">
        <v>12</v>
      </c>
      <c r="D118" s="17">
        <v>22</v>
      </c>
    </row>
    <row r="119" spans="1:4" ht="18" customHeight="1" x14ac:dyDescent="0.2">
      <c r="A119" s="14">
        <v>94</v>
      </c>
      <c r="B119" s="15">
        <v>2</v>
      </c>
      <c r="C119" s="16">
        <v>16</v>
      </c>
      <c r="D119" s="17">
        <v>18</v>
      </c>
    </row>
    <row r="120" spans="1:4" ht="18" customHeight="1" x14ac:dyDescent="0.2">
      <c r="A120" s="18" t="s">
        <v>68</v>
      </c>
      <c r="B120" s="15">
        <v>42</v>
      </c>
      <c r="C120" s="16">
        <v>103</v>
      </c>
      <c r="D120" s="17">
        <v>145</v>
      </c>
    </row>
    <row r="121" spans="1:4" ht="18" customHeight="1" x14ac:dyDescent="0.2">
      <c r="A121" s="14">
        <v>95</v>
      </c>
      <c r="B121" s="15">
        <v>4</v>
      </c>
      <c r="C121" s="16">
        <v>15</v>
      </c>
      <c r="D121" s="17">
        <v>19</v>
      </c>
    </row>
    <row r="122" spans="1:4" ht="18" customHeight="1" x14ac:dyDescent="0.2">
      <c r="A122" s="14">
        <v>96</v>
      </c>
      <c r="B122" s="15">
        <v>2</v>
      </c>
      <c r="C122" s="16">
        <v>14</v>
      </c>
      <c r="D122" s="17">
        <v>16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4</v>
      </c>
      <c r="C124" s="16">
        <v>6</v>
      </c>
      <c r="D124" s="17">
        <v>10</v>
      </c>
    </row>
    <row r="125" spans="1:4" ht="18" customHeight="1" x14ac:dyDescent="0.2">
      <c r="A125" s="14">
        <v>99</v>
      </c>
      <c r="B125" s="15">
        <v>1</v>
      </c>
      <c r="C125" s="16">
        <v>5</v>
      </c>
      <c r="D125" s="17">
        <v>6</v>
      </c>
    </row>
    <row r="126" spans="1:4" ht="18" customHeight="1" x14ac:dyDescent="0.2">
      <c r="A126" s="18" t="s">
        <v>69</v>
      </c>
      <c r="B126" s="15">
        <v>11</v>
      </c>
      <c r="C126" s="16">
        <v>46</v>
      </c>
      <c r="D126" s="17">
        <v>5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1476</v>
      </c>
      <c r="C130" s="5">
        <v>2007</v>
      </c>
      <c r="D130" s="6">
        <v>3483</v>
      </c>
    </row>
    <row r="131" spans="1:4" ht="18" customHeight="1" x14ac:dyDescent="0.2">
      <c r="A131" s="20" t="s">
        <v>47</v>
      </c>
      <c r="B131" s="7">
        <v>6670</v>
      </c>
      <c r="C131" s="8">
        <v>6984</v>
      </c>
      <c r="D131" s="9">
        <v>1365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9</v>
      </c>
      <c r="C5" s="12">
        <v>42</v>
      </c>
      <c r="D5" s="13">
        <v>81</v>
      </c>
    </row>
    <row r="6" spans="1:4" ht="18" customHeight="1" x14ac:dyDescent="0.2">
      <c r="A6" s="14">
        <v>1</v>
      </c>
      <c r="B6" s="15">
        <v>36</v>
      </c>
      <c r="C6" s="16">
        <v>40</v>
      </c>
      <c r="D6" s="17">
        <v>76</v>
      </c>
    </row>
    <row r="7" spans="1:4" ht="18" customHeight="1" x14ac:dyDescent="0.2">
      <c r="A7" s="14">
        <v>2</v>
      </c>
      <c r="B7" s="15">
        <v>30</v>
      </c>
      <c r="C7" s="16">
        <v>44</v>
      </c>
      <c r="D7" s="17">
        <v>74</v>
      </c>
    </row>
    <row r="8" spans="1:4" ht="18" customHeight="1" x14ac:dyDescent="0.2">
      <c r="A8" s="14">
        <v>3</v>
      </c>
      <c r="B8" s="15">
        <v>47</v>
      </c>
      <c r="C8" s="16">
        <v>29</v>
      </c>
      <c r="D8" s="17">
        <v>76</v>
      </c>
    </row>
    <row r="9" spans="1:4" ht="18" customHeight="1" x14ac:dyDescent="0.2">
      <c r="A9" s="14">
        <v>4</v>
      </c>
      <c r="B9" s="15">
        <v>43</v>
      </c>
      <c r="C9" s="16">
        <v>31</v>
      </c>
      <c r="D9" s="17">
        <v>74</v>
      </c>
    </row>
    <row r="10" spans="1:4" ht="18" customHeight="1" x14ac:dyDescent="0.2">
      <c r="A10" s="18" t="s">
        <v>48</v>
      </c>
      <c r="B10" s="15">
        <v>195</v>
      </c>
      <c r="C10" s="16">
        <v>186</v>
      </c>
      <c r="D10" s="17">
        <v>381</v>
      </c>
    </row>
    <row r="11" spans="1:4" ht="18" customHeight="1" x14ac:dyDescent="0.2">
      <c r="A11" s="14">
        <v>5</v>
      </c>
      <c r="B11" s="15">
        <v>36</v>
      </c>
      <c r="C11" s="16">
        <v>32</v>
      </c>
      <c r="D11" s="17">
        <v>68</v>
      </c>
    </row>
    <row r="12" spans="1:4" ht="18" customHeight="1" x14ac:dyDescent="0.2">
      <c r="A12" s="14">
        <v>6</v>
      </c>
      <c r="B12" s="15">
        <v>35</v>
      </c>
      <c r="C12" s="16">
        <v>29</v>
      </c>
      <c r="D12" s="17">
        <v>64</v>
      </c>
    </row>
    <row r="13" spans="1:4" ht="18" customHeight="1" x14ac:dyDescent="0.2">
      <c r="A13" s="14">
        <v>7</v>
      </c>
      <c r="B13" s="15">
        <v>24</v>
      </c>
      <c r="C13" s="16">
        <v>34</v>
      </c>
      <c r="D13" s="17">
        <v>58</v>
      </c>
    </row>
    <row r="14" spans="1:4" ht="18" customHeight="1" x14ac:dyDescent="0.2">
      <c r="A14" s="14">
        <v>8</v>
      </c>
      <c r="B14" s="15">
        <v>21</v>
      </c>
      <c r="C14" s="16">
        <v>26</v>
      </c>
      <c r="D14" s="17">
        <v>47</v>
      </c>
    </row>
    <row r="15" spans="1:4" ht="18" customHeight="1" x14ac:dyDescent="0.2">
      <c r="A15" s="14">
        <v>9</v>
      </c>
      <c r="B15" s="15">
        <v>20</v>
      </c>
      <c r="C15" s="16">
        <v>24</v>
      </c>
      <c r="D15" s="17">
        <v>44</v>
      </c>
    </row>
    <row r="16" spans="1:4" ht="18" customHeight="1" x14ac:dyDescent="0.2">
      <c r="A16" s="18" t="s">
        <v>49</v>
      </c>
      <c r="B16" s="15">
        <v>136</v>
      </c>
      <c r="C16" s="16">
        <v>145</v>
      </c>
      <c r="D16" s="17">
        <v>281</v>
      </c>
    </row>
    <row r="17" spans="1:4" ht="18" customHeight="1" x14ac:dyDescent="0.2">
      <c r="A17" s="14">
        <v>10</v>
      </c>
      <c r="B17" s="15">
        <v>20</v>
      </c>
      <c r="C17" s="16">
        <v>13</v>
      </c>
      <c r="D17" s="17">
        <v>33</v>
      </c>
    </row>
    <row r="18" spans="1:4" ht="18" customHeight="1" x14ac:dyDescent="0.2">
      <c r="A18" s="14">
        <v>11</v>
      </c>
      <c r="B18" s="15">
        <v>25</v>
      </c>
      <c r="C18" s="16">
        <v>21</v>
      </c>
      <c r="D18" s="17">
        <v>46</v>
      </c>
    </row>
    <row r="19" spans="1:4" ht="18" customHeight="1" x14ac:dyDescent="0.2">
      <c r="A19" s="14">
        <v>12</v>
      </c>
      <c r="B19" s="15">
        <v>28</v>
      </c>
      <c r="C19" s="16">
        <v>15</v>
      </c>
      <c r="D19" s="17">
        <v>43</v>
      </c>
    </row>
    <row r="20" spans="1:4" ht="18" customHeight="1" x14ac:dyDescent="0.2">
      <c r="A20" s="14">
        <v>13</v>
      </c>
      <c r="B20" s="15">
        <v>18</v>
      </c>
      <c r="C20" s="16">
        <v>17</v>
      </c>
      <c r="D20" s="17">
        <v>35</v>
      </c>
    </row>
    <row r="21" spans="1:4" ht="18" customHeight="1" x14ac:dyDescent="0.2">
      <c r="A21" s="14">
        <v>14</v>
      </c>
      <c r="B21" s="15">
        <v>12</v>
      </c>
      <c r="C21" s="16">
        <v>17</v>
      </c>
      <c r="D21" s="17">
        <v>29</v>
      </c>
    </row>
    <row r="22" spans="1:4" ht="18" customHeight="1" x14ac:dyDescent="0.2">
      <c r="A22" s="18" t="s">
        <v>50</v>
      </c>
      <c r="B22" s="15">
        <v>103</v>
      </c>
      <c r="C22" s="16">
        <v>83</v>
      </c>
      <c r="D22" s="17">
        <v>186</v>
      </c>
    </row>
    <row r="23" spans="1:4" ht="18" customHeight="1" x14ac:dyDescent="0.2">
      <c r="A23" s="18" t="s">
        <v>51</v>
      </c>
      <c r="B23" s="15">
        <v>434</v>
      </c>
      <c r="C23" s="16">
        <v>414</v>
      </c>
      <c r="D23" s="17">
        <v>848</v>
      </c>
    </row>
    <row r="24" spans="1:4" ht="18" customHeight="1" x14ac:dyDescent="0.2">
      <c r="A24" s="14">
        <v>15</v>
      </c>
      <c r="B24" s="15">
        <v>18</v>
      </c>
      <c r="C24" s="16">
        <v>18</v>
      </c>
      <c r="D24" s="17">
        <v>36</v>
      </c>
    </row>
    <row r="25" spans="1:4" ht="18" customHeight="1" x14ac:dyDescent="0.2">
      <c r="A25" s="14">
        <v>16</v>
      </c>
      <c r="B25" s="15">
        <v>20</v>
      </c>
      <c r="C25" s="16">
        <v>17</v>
      </c>
      <c r="D25" s="17">
        <v>37</v>
      </c>
    </row>
    <row r="26" spans="1:4" ht="18" customHeight="1" x14ac:dyDescent="0.2">
      <c r="A26" s="14">
        <v>17</v>
      </c>
      <c r="B26" s="15">
        <v>22</v>
      </c>
      <c r="C26" s="16">
        <v>16</v>
      </c>
      <c r="D26" s="17">
        <v>38</v>
      </c>
    </row>
    <row r="27" spans="1:4" ht="18" customHeight="1" x14ac:dyDescent="0.2">
      <c r="A27" s="14">
        <v>18</v>
      </c>
      <c r="B27" s="15">
        <v>28</v>
      </c>
      <c r="C27" s="16">
        <v>15</v>
      </c>
      <c r="D27" s="17">
        <v>43</v>
      </c>
    </row>
    <row r="28" spans="1:4" ht="18" customHeight="1" x14ac:dyDescent="0.2">
      <c r="A28" s="14">
        <v>19</v>
      </c>
      <c r="B28" s="15">
        <v>22</v>
      </c>
      <c r="C28" s="16">
        <v>18</v>
      </c>
      <c r="D28" s="17">
        <v>40</v>
      </c>
    </row>
    <row r="29" spans="1:4" ht="18" customHeight="1" x14ac:dyDescent="0.2">
      <c r="A29" s="18" t="s">
        <v>52</v>
      </c>
      <c r="B29" s="15">
        <v>110</v>
      </c>
      <c r="C29" s="16">
        <v>84</v>
      </c>
      <c r="D29" s="17">
        <v>194</v>
      </c>
    </row>
    <row r="30" spans="1:4" ht="18" customHeight="1" x14ac:dyDescent="0.2">
      <c r="A30" s="14">
        <v>20</v>
      </c>
      <c r="B30" s="15">
        <v>22</v>
      </c>
      <c r="C30" s="16">
        <v>33</v>
      </c>
      <c r="D30" s="17">
        <v>55</v>
      </c>
    </row>
    <row r="31" spans="1:4" ht="18" customHeight="1" x14ac:dyDescent="0.2">
      <c r="A31" s="14">
        <v>21</v>
      </c>
      <c r="B31" s="15">
        <v>24</v>
      </c>
      <c r="C31" s="16">
        <v>34</v>
      </c>
      <c r="D31" s="17">
        <v>58</v>
      </c>
    </row>
    <row r="32" spans="1:4" ht="18" customHeight="1" x14ac:dyDescent="0.2">
      <c r="A32" s="14">
        <v>22</v>
      </c>
      <c r="B32" s="15">
        <v>24</v>
      </c>
      <c r="C32" s="16">
        <v>32</v>
      </c>
      <c r="D32" s="17">
        <v>56</v>
      </c>
    </row>
    <row r="33" spans="1:4" ht="18" customHeight="1" x14ac:dyDescent="0.2">
      <c r="A33" s="14">
        <v>23</v>
      </c>
      <c r="B33" s="15">
        <v>30</v>
      </c>
      <c r="C33" s="16">
        <v>30</v>
      </c>
      <c r="D33" s="17">
        <v>60</v>
      </c>
    </row>
    <row r="34" spans="1:4" ht="18" customHeight="1" x14ac:dyDescent="0.2">
      <c r="A34" s="14">
        <v>24</v>
      </c>
      <c r="B34" s="15">
        <v>33</v>
      </c>
      <c r="C34" s="16">
        <v>35</v>
      </c>
      <c r="D34" s="17">
        <v>68</v>
      </c>
    </row>
    <row r="35" spans="1:4" ht="18" customHeight="1" x14ac:dyDescent="0.2">
      <c r="A35" s="18" t="s">
        <v>53</v>
      </c>
      <c r="B35" s="15">
        <v>133</v>
      </c>
      <c r="C35" s="16">
        <v>164</v>
      </c>
      <c r="D35" s="17">
        <v>297</v>
      </c>
    </row>
    <row r="36" spans="1:4" ht="18" customHeight="1" x14ac:dyDescent="0.2">
      <c r="A36" s="14">
        <v>25</v>
      </c>
      <c r="B36" s="15">
        <v>41</v>
      </c>
      <c r="C36" s="16">
        <v>34</v>
      </c>
      <c r="D36" s="17">
        <v>75</v>
      </c>
    </row>
    <row r="37" spans="1:4" ht="18" customHeight="1" x14ac:dyDescent="0.2">
      <c r="A37" s="14">
        <v>26</v>
      </c>
      <c r="B37" s="15">
        <v>45</v>
      </c>
      <c r="C37" s="16">
        <v>48</v>
      </c>
      <c r="D37" s="17">
        <v>93</v>
      </c>
    </row>
    <row r="38" spans="1:4" ht="18" customHeight="1" x14ac:dyDescent="0.2">
      <c r="A38" s="14">
        <v>27</v>
      </c>
      <c r="B38" s="15">
        <v>41</v>
      </c>
      <c r="C38" s="16">
        <v>45</v>
      </c>
      <c r="D38" s="17">
        <v>86</v>
      </c>
    </row>
    <row r="39" spans="1:4" ht="18" customHeight="1" x14ac:dyDescent="0.2">
      <c r="A39" s="14">
        <v>28</v>
      </c>
      <c r="B39" s="15">
        <v>52</v>
      </c>
      <c r="C39" s="16">
        <v>39</v>
      </c>
      <c r="D39" s="17">
        <v>91</v>
      </c>
    </row>
    <row r="40" spans="1:4" ht="18" customHeight="1" x14ac:dyDescent="0.2">
      <c r="A40" s="14">
        <v>29</v>
      </c>
      <c r="B40" s="15">
        <v>39</v>
      </c>
      <c r="C40" s="16">
        <v>48</v>
      </c>
      <c r="D40" s="17">
        <v>87</v>
      </c>
    </row>
    <row r="41" spans="1:4" ht="18" customHeight="1" x14ac:dyDescent="0.2">
      <c r="A41" s="18" t="s">
        <v>54</v>
      </c>
      <c r="B41" s="15">
        <v>218</v>
      </c>
      <c r="C41" s="16">
        <v>214</v>
      </c>
      <c r="D41" s="17">
        <v>432</v>
      </c>
    </row>
    <row r="42" spans="1:4" ht="18" customHeight="1" x14ac:dyDescent="0.2">
      <c r="A42" s="14">
        <v>30</v>
      </c>
      <c r="B42" s="15">
        <v>51</v>
      </c>
      <c r="C42" s="16">
        <v>44</v>
      </c>
      <c r="D42" s="17">
        <v>95</v>
      </c>
    </row>
    <row r="43" spans="1:4" ht="18" customHeight="1" x14ac:dyDescent="0.2">
      <c r="A43" s="14">
        <v>31</v>
      </c>
      <c r="B43" s="15">
        <v>44</v>
      </c>
      <c r="C43" s="16">
        <v>56</v>
      </c>
      <c r="D43" s="17">
        <v>100</v>
      </c>
    </row>
    <row r="44" spans="1:4" ht="18" customHeight="1" x14ac:dyDescent="0.2">
      <c r="A44" s="14">
        <v>32</v>
      </c>
      <c r="B44" s="15">
        <v>53</v>
      </c>
      <c r="C44" s="16">
        <v>46</v>
      </c>
      <c r="D44" s="17">
        <v>99</v>
      </c>
    </row>
    <row r="45" spans="1:4" ht="18" customHeight="1" x14ac:dyDescent="0.2">
      <c r="A45" s="14">
        <v>33</v>
      </c>
      <c r="B45" s="15">
        <v>41</v>
      </c>
      <c r="C45" s="16">
        <v>48</v>
      </c>
      <c r="D45" s="17">
        <v>89</v>
      </c>
    </row>
    <row r="46" spans="1:4" ht="18" customHeight="1" x14ac:dyDescent="0.2">
      <c r="A46" s="14">
        <v>34</v>
      </c>
      <c r="B46" s="15">
        <v>64</v>
      </c>
      <c r="C46" s="16">
        <v>54</v>
      </c>
      <c r="D46" s="17">
        <v>118</v>
      </c>
    </row>
    <row r="47" spans="1:4" ht="18" customHeight="1" x14ac:dyDescent="0.2">
      <c r="A47" s="18" t="s">
        <v>55</v>
      </c>
      <c r="B47" s="15">
        <v>253</v>
      </c>
      <c r="C47" s="16">
        <v>248</v>
      </c>
      <c r="D47" s="17">
        <v>501</v>
      </c>
    </row>
    <row r="48" spans="1:4" ht="18" customHeight="1" x14ac:dyDescent="0.2">
      <c r="A48" s="14">
        <v>35</v>
      </c>
      <c r="B48" s="15">
        <v>55</v>
      </c>
      <c r="C48" s="16">
        <v>42</v>
      </c>
      <c r="D48" s="17">
        <v>97</v>
      </c>
    </row>
    <row r="49" spans="1:4" ht="18" customHeight="1" x14ac:dyDescent="0.2">
      <c r="A49" s="14">
        <v>36</v>
      </c>
      <c r="B49" s="15">
        <v>48</v>
      </c>
      <c r="C49" s="16">
        <v>28</v>
      </c>
      <c r="D49" s="17">
        <v>76</v>
      </c>
    </row>
    <row r="50" spans="1:4" ht="18" customHeight="1" x14ac:dyDescent="0.2">
      <c r="A50" s="14">
        <v>37</v>
      </c>
      <c r="B50" s="15">
        <v>43</v>
      </c>
      <c r="C50" s="16">
        <v>38</v>
      </c>
      <c r="D50" s="17">
        <v>81</v>
      </c>
    </row>
    <row r="51" spans="1:4" ht="18" customHeight="1" x14ac:dyDescent="0.2">
      <c r="A51" s="14">
        <v>38</v>
      </c>
      <c r="B51" s="15">
        <v>42</v>
      </c>
      <c r="C51" s="16">
        <v>36</v>
      </c>
      <c r="D51" s="17">
        <v>78</v>
      </c>
    </row>
    <row r="52" spans="1:4" ht="18" customHeight="1" x14ac:dyDescent="0.2">
      <c r="A52" s="14">
        <v>39</v>
      </c>
      <c r="B52" s="15">
        <v>40</v>
      </c>
      <c r="C52" s="16">
        <v>40</v>
      </c>
      <c r="D52" s="17">
        <v>80</v>
      </c>
    </row>
    <row r="53" spans="1:4" ht="18" customHeight="1" x14ac:dyDescent="0.2">
      <c r="A53" s="18" t="s">
        <v>56</v>
      </c>
      <c r="B53" s="15">
        <v>228</v>
      </c>
      <c r="C53" s="16">
        <v>184</v>
      </c>
      <c r="D53" s="17">
        <v>412</v>
      </c>
    </row>
    <row r="54" spans="1:4" ht="18" customHeight="1" x14ac:dyDescent="0.2">
      <c r="A54" s="14">
        <v>40</v>
      </c>
      <c r="B54" s="15">
        <v>33</v>
      </c>
      <c r="C54" s="16">
        <v>43</v>
      </c>
      <c r="D54" s="17">
        <v>76</v>
      </c>
    </row>
    <row r="55" spans="1:4" ht="18" customHeight="1" x14ac:dyDescent="0.2">
      <c r="A55" s="14">
        <v>41</v>
      </c>
      <c r="B55" s="15">
        <v>52</v>
      </c>
      <c r="C55" s="16">
        <v>38</v>
      </c>
      <c r="D55" s="17">
        <v>90</v>
      </c>
    </row>
    <row r="56" spans="1:4" ht="18" customHeight="1" x14ac:dyDescent="0.2">
      <c r="A56" s="14">
        <v>42</v>
      </c>
      <c r="B56" s="15">
        <v>49</v>
      </c>
      <c r="C56" s="16">
        <v>42</v>
      </c>
      <c r="D56" s="17">
        <v>91</v>
      </c>
    </row>
    <row r="57" spans="1:4" ht="18" customHeight="1" x14ac:dyDescent="0.2">
      <c r="A57" s="14">
        <v>43</v>
      </c>
      <c r="B57" s="15">
        <v>55</v>
      </c>
      <c r="C57" s="16">
        <v>38</v>
      </c>
      <c r="D57" s="17">
        <v>93</v>
      </c>
    </row>
    <row r="58" spans="1:4" ht="18" customHeight="1" x14ac:dyDescent="0.2">
      <c r="A58" s="14">
        <v>44</v>
      </c>
      <c r="B58" s="15">
        <v>55</v>
      </c>
      <c r="C58" s="16">
        <v>37</v>
      </c>
      <c r="D58" s="17">
        <v>92</v>
      </c>
    </row>
    <row r="59" spans="1:4" ht="18" customHeight="1" x14ac:dyDescent="0.2">
      <c r="A59" s="18" t="s">
        <v>57</v>
      </c>
      <c r="B59" s="15">
        <v>244</v>
      </c>
      <c r="C59" s="16">
        <v>198</v>
      </c>
      <c r="D59" s="17">
        <v>442</v>
      </c>
    </row>
    <row r="60" spans="1:4" ht="18" customHeight="1" x14ac:dyDescent="0.2">
      <c r="A60" s="14">
        <v>45</v>
      </c>
      <c r="B60" s="15">
        <v>46</v>
      </c>
      <c r="C60" s="16">
        <v>44</v>
      </c>
      <c r="D60" s="17">
        <v>90</v>
      </c>
    </row>
    <row r="61" spans="1:4" ht="18" customHeight="1" x14ac:dyDescent="0.2">
      <c r="A61" s="14">
        <v>46</v>
      </c>
      <c r="B61" s="15">
        <v>55</v>
      </c>
      <c r="C61" s="16">
        <v>43</v>
      </c>
      <c r="D61" s="17">
        <v>98</v>
      </c>
    </row>
    <row r="62" spans="1:4" ht="18" customHeight="1" x14ac:dyDescent="0.2">
      <c r="A62" s="14">
        <v>47</v>
      </c>
      <c r="B62" s="15">
        <v>44</v>
      </c>
      <c r="C62" s="16">
        <v>38</v>
      </c>
      <c r="D62" s="17">
        <v>82</v>
      </c>
    </row>
    <row r="63" spans="1:4" ht="18" customHeight="1" x14ac:dyDescent="0.2">
      <c r="A63" s="14">
        <v>48</v>
      </c>
      <c r="B63" s="15">
        <v>44</v>
      </c>
      <c r="C63" s="16">
        <v>42</v>
      </c>
      <c r="D63" s="17">
        <v>86</v>
      </c>
    </row>
    <row r="64" spans="1:4" ht="18" customHeight="1" x14ac:dyDescent="0.2">
      <c r="A64" s="14">
        <v>49</v>
      </c>
      <c r="B64" s="15">
        <v>31</v>
      </c>
      <c r="C64" s="16">
        <v>29</v>
      </c>
      <c r="D64" s="17">
        <v>60</v>
      </c>
    </row>
    <row r="65" spans="1:4" ht="18" customHeight="1" x14ac:dyDescent="0.2">
      <c r="A65" s="18" t="s">
        <v>58</v>
      </c>
      <c r="B65" s="15">
        <v>220</v>
      </c>
      <c r="C65" s="16">
        <v>196</v>
      </c>
      <c r="D65" s="17">
        <v>416</v>
      </c>
    </row>
    <row r="66" spans="1:4" ht="18" customHeight="1" x14ac:dyDescent="0.2">
      <c r="A66" s="14">
        <v>50</v>
      </c>
      <c r="B66" s="15">
        <v>37</v>
      </c>
      <c r="C66" s="16">
        <v>29</v>
      </c>
      <c r="D66" s="17">
        <v>66</v>
      </c>
    </row>
    <row r="67" spans="1:4" ht="18" customHeight="1" x14ac:dyDescent="0.2">
      <c r="A67" s="14">
        <v>51</v>
      </c>
      <c r="B67" s="15">
        <v>47</v>
      </c>
      <c r="C67" s="16">
        <v>36</v>
      </c>
      <c r="D67" s="17">
        <v>83</v>
      </c>
    </row>
    <row r="68" spans="1:4" ht="18" customHeight="1" x14ac:dyDescent="0.2">
      <c r="A68" s="14">
        <v>52</v>
      </c>
      <c r="B68" s="15">
        <v>31</v>
      </c>
      <c r="C68" s="16">
        <v>31</v>
      </c>
      <c r="D68" s="17">
        <v>62</v>
      </c>
    </row>
    <row r="69" spans="1:4" ht="18" customHeight="1" x14ac:dyDescent="0.2">
      <c r="A69" s="14">
        <v>53</v>
      </c>
      <c r="B69" s="15">
        <v>19</v>
      </c>
      <c r="C69" s="16">
        <v>24</v>
      </c>
      <c r="D69" s="17">
        <v>43</v>
      </c>
    </row>
    <row r="70" spans="1:4" ht="18" customHeight="1" x14ac:dyDescent="0.2">
      <c r="A70" s="14">
        <v>54</v>
      </c>
      <c r="B70" s="15">
        <v>21</v>
      </c>
      <c r="C70" s="16">
        <v>13</v>
      </c>
      <c r="D70" s="17">
        <v>34</v>
      </c>
    </row>
    <row r="71" spans="1:4" ht="18" customHeight="1" x14ac:dyDescent="0.2">
      <c r="A71" s="18" t="s">
        <v>59</v>
      </c>
      <c r="B71" s="15">
        <v>155</v>
      </c>
      <c r="C71" s="16">
        <v>133</v>
      </c>
      <c r="D71" s="17">
        <v>288</v>
      </c>
    </row>
    <row r="72" spans="1:4" ht="18" customHeight="1" x14ac:dyDescent="0.2">
      <c r="A72" s="14">
        <v>55</v>
      </c>
      <c r="B72" s="15">
        <v>29</v>
      </c>
      <c r="C72" s="16">
        <v>31</v>
      </c>
      <c r="D72" s="17">
        <v>60</v>
      </c>
    </row>
    <row r="73" spans="1:4" ht="18" customHeight="1" x14ac:dyDescent="0.2">
      <c r="A73" s="14">
        <v>56</v>
      </c>
      <c r="B73" s="15">
        <v>26</v>
      </c>
      <c r="C73" s="16">
        <v>30</v>
      </c>
      <c r="D73" s="17">
        <v>56</v>
      </c>
    </row>
    <row r="74" spans="1:4" ht="18" customHeight="1" x14ac:dyDescent="0.2">
      <c r="A74" s="14">
        <v>57</v>
      </c>
      <c r="B74" s="15">
        <v>20</v>
      </c>
      <c r="C74" s="16">
        <v>27</v>
      </c>
      <c r="D74" s="17">
        <v>47</v>
      </c>
    </row>
    <row r="75" spans="1:4" ht="18" customHeight="1" x14ac:dyDescent="0.2">
      <c r="A75" s="14">
        <v>58</v>
      </c>
      <c r="B75" s="15">
        <v>31</v>
      </c>
      <c r="C75" s="16">
        <v>16</v>
      </c>
      <c r="D75" s="17">
        <v>47</v>
      </c>
    </row>
    <row r="76" spans="1:4" ht="18" customHeight="1" x14ac:dyDescent="0.2">
      <c r="A76" s="14">
        <v>59</v>
      </c>
      <c r="B76" s="15">
        <v>14</v>
      </c>
      <c r="C76" s="16">
        <v>29</v>
      </c>
      <c r="D76" s="17">
        <v>43</v>
      </c>
    </row>
    <row r="77" spans="1:4" ht="18" customHeight="1" x14ac:dyDescent="0.2">
      <c r="A77" s="18" t="s">
        <v>60</v>
      </c>
      <c r="B77" s="15">
        <v>120</v>
      </c>
      <c r="C77" s="16">
        <v>133</v>
      </c>
      <c r="D77" s="17">
        <v>253</v>
      </c>
    </row>
    <row r="78" spans="1:4" ht="18" customHeight="1" x14ac:dyDescent="0.2">
      <c r="A78" s="14">
        <v>60</v>
      </c>
      <c r="B78" s="15">
        <v>11</v>
      </c>
      <c r="C78" s="16">
        <v>19</v>
      </c>
      <c r="D78" s="17">
        <v>30</v>
      </c>
    </row>
    <row r="79" spans="1:4" ht="18" customHeight="1" x14ac:dyDescent="0.2">
      <c r="A79" s="14">
        <v>61</v>
      </c>
      <c r="B79" s="15">
        <v>25</v>
      </c>
      <c r="C79" s="16">
        <v>30</v>
      </c>
      <c r="D79" s="17">
        <v>55</v>
      </c>
    </row>
    <row r="80" spans="1:4" ht="18" customHeight="1" x14ac:dyDescent="0.2">
      <c r="A80" s="14">
        <v>62</v>
      </c>
      <c r="B80" s="15">
        <v>22</v>
      </c>
      <c r="C80" s="16">
        <v>19</v>
      </c>
      <c r="D80" s="17">
        <v>41</v>
      </c>
    </row>
    <row r="81" spans="1:4" ht="18" customHeight="1" x14ac:dyDescent="0.2">
      <c r="A81" s="14">
        <v>63</v>
      </c>
      <c r="B81" s="15">
        <v>22</v>
      </c>
      <c r="C81" s="16">
        <v>16</v>
      </c>
      <c r="D81" s="17">
        <v>38</v>
      </c>
    </row>
    <row r="82" spans="1:4" ht="18" customHeight="1" x14ac:dyDescent="0.2">
      <c r="A82" s="14">
        <v>64</v>
      </c>
      <c r="B82" s="15">
        <v>26</v>
      </c>
      <c r="C82" s="16">
        <v>18</v>
      </c>
      <c r="D82" s="17">
        <v>44</v>
      </c>
    </row>
    <row r="83" spans="1:4" ht="18" customHeight="1" x14ac:dyDescent="0.2">
      <c r="A83" s="18" t="s">
        <v>61</v>
      </c>
      <c r="B83" s="15">
        <v>106</v>
      </c>
      <c r="C83" s="16">
        <v>102</v>
      </c>
      <c r="D83" s="17">
        <v>208</v>
      </c>
    </row>
    <row r="84" spans="1:4" ht="18" customHeight="1" x14ac:dyDescent="0.2">
      <c r="A84" s="18" t="s">
        <v>62</v>
      </c>
      <c r="B84" s="15">
        <v>1787</v>
      </c>
      <c r="C84" s="16">
        <v>1656</v>
      </c>
      <c r="D84" s="17">
        <v>3443</v>
      </c>
    </row>
    <row r="85" spans="1:4" ht="18" customHeight="1" x14ac:dyDescent="0.2">
      <c r="A85" s="14">
        <v>65</v>
      </c>
      <c r="B85" s="15">
        <v>30</v>
      </c>
      <c r="C85" s="16">
        <v>28</v>
      </c>
      <c r="D85" s="17">
        <v>58</v>
      </c>
    </row>
    <row r="86" spans="1:4" ht="18" customHeight="1" x14ac:dyDescent="0.2">
      <c r="A86" s="14">
        <v>66</v>
      </c>
      <c r="B86" s="15">
        <v>24</v>
      </c>
      <c r="C86" s="16">
        <v>25</v>
      </c>
      <c r="D86" s="17">
        <v>49</v>
      </c>
    </row>
    <row r="87" spans="1:4" ht="18" customHeight="1" x14ac:dyDescent="0.2">
      <c r="A87" s="14">
        <v>67</v>
      </c>
      <c r="B87" s="15">
        <v>29</v>
      </c>
      <c r="C87" s="16">
        <v>31</v>
      </c>
      <c r="D87" s="17">
        <v>60</v>
      </c>
    </row>
    <row r="88" spans="1:4" ht="18" customHeight="1" x14ac:dyDescent="0.2">
      <c r="A88" s="14">
        <v>68</v>
      </c>
      <c r="B88" s="15">
        <v>24</v>
      </c>
      <c r="C88" s="16">
        <v>26</v>
      </c>
      <c r="D88" s="17">
        <v>50</v>
      </c>
    </row>
    <row r="89" spans="1:4" ht="18" customHeight="1" x14ac:dyDescent="0.2">
      <c r="A89" s="14">
        <v>69</v>
      </c>
      <c r="B89" s="15">
        <v>33</v>
      </c>
      <c r="C89" s="16">
        <v>36</v>
      </c>
      <c r="D89" s="17">
        <v>69</v>
      </c>
    </row>
    <row r="90" spans="1:4" ht="18" customHeight="1" x14ac:dyDescent="0.2">
      <c r="A90" s="18" t="s">
        <v>63</v>
      </c>
      <c r="B90" s="15">
        <v>140</v>
      </c>
      <c r="C90" s="16">
        <v>146</v>
      </c>
      <c r="D90" s="17">
        <v>286</v>
      </c>
    </row>
    <row r="91" spans="1:4" ht="18" customHeight="1" x14ac:dyDescent="0.2">
      <c r="A91" s="14">
        <v>70</v>
      </c>
      <c r="B91" s="15">
        <v>32</v>
      </c>
      <c r="C91" s="16">
        <v>28</v>
      </c>
      <c r="D91" s="17">
        <v>60</v>
      </c>
    </row>
    <row r="92" spans="1:4" ht="18" customHeight="1" x14ac:dyDescent="0.2">
      <c r="A92" s="14">
        <v>71</v>
      </c>
      <c r="B92" s="15">
        <v>33</v>
      </c>
      <c r="C92" s="16">
        <v>29</v>
      </c>
      <c r="D92" s="17">
        <v>62</v>
      </c>
    </row>
    <row r="93" spans="1:4" ht="18" customHeight="1" x14ac:dyDescent="0.2">
      <c r="A93" s="14">
        <v>72</v>
      </c>
      <c r="B93" s="15">
        <v>30</v>
      </c>
      <c r="C93" s="16">
        <v>35</v>
      </c>
      <c r="D93" s="17">
        <v>65</v>
      </c>
    </row>
    <row r="94" spans="1:4" ht="18" customHeight="1" x14ac:dyDescent="0.2">
      <c r="A94" s="14">
        <v>73</v>
      </c>
      <c r="B94" s="15">
        <v>30</v>
      </c>
      <c r="C94" s="16">
        <v>26</v>
      </c>
      <c r="D94" s="17">
        <v>56</v>
      </c>
    </row>
    <row r="95" spans="1:4" ht="18" customHeight="1" x14ac:dyDescent="0.2">
      <c r="A95" s="14">
        <v>74</v>
      </c>
      <c r="B95" s="15">
        <v>11</v>
      </c>
      <c r="C95" s="16">
        <v>10</v>
      </c>
      <c r="D95" s="17">
        <v>21</v>
      </c>
    </row>
    <row r="96" spans="1:4" ht="18" customHeight="1" x14ac:dyDescent="0.2">
      <c r="A96" s="18" t="s">
        <v>64</v>
      </c>
      <c r="B96" s="15">
        <v>136</v>
      </c>
      <c r="C96" s="16">
        <v>128</v>
      </c>
      <c r="D96" s="17">
        <v>264</v>
      </c>
    </row>
    <row r="97" spans="1:4" ht="18" customHeight="1" x14ac:dyDescent="0.2">
      <c r="A97" s="14">
        <v>75</v>
      </c>
      <c r="B97" s="15">
        <v>6</v>
      </c>
      <c r="C97" s="16">
        <v>22</v>
      </c>
      <c r="D97" s="17">
        <v>28</v>
      </c>
    </row>
    <row r="98" spans="1:4" ht="18" customHeight="1" x14ac:dyDescent="0.2">
      <c r="A98" s="14">
        <v>76</v>
      </c>
      <c r="B98" s="15">
        <v>19</v>
      </c>
      <c r="C98" s="16">
        <v>27</v>
      </c>
      <c r="D98" s="17">
        <v>46</v>
      </c>
    </row>
    <row r="99" spans="1:4" ht="18" customHeight="1" x14ac:dyDescent="0.2">
      <c r="A99" s="14">
        <v>77</v>
      </c>
      <c r="B99" s="15">
        <v>11</v>
      </c>
      <c r="C99" s="16">
        <v>20</v>
      </c>
      <c r="D99" s="17">
        <v>31</v>
      </c>
    </row>
    <row r="100" spans="1:4" ht="18" customHeight="1" x14ac:dyDescent="0.2">
      <c r="A100" s="14">
        <v>78</v>
      </c>
      <c r="B100" s="15">
        <v>20</v>
      </c>
      <c r="C100" s="16">
        <v>31</v>
      </c>
      <c r="D100" s="17">
        <v>51</v>
      </c>
    </row>
    <row r="101" spans="1:4" ht="18" customHeight="1" x14ac:dyDescent="0.2">
      <c r="A101" s="14">
        <v>79</v>
      </c>
      <c r="B101" s="15">
        <v>17</v>
      </c>
      <c r="C101" s="16">
        <v>16</v>
      </c>
      <c r="D101" s="17">
        <v>33</v>
      </c>
    </row>
    <row r="102" spans="1:4" ht="18" customHeight="1" x14ac:dyDescent="0.2">
      <c r="A102" s="18" t="s">
        <v>65</v>
      </c>
      <c r="B102" s="15">
        <v>73</v>
      </c>
      <c r="C102" s="16">
        <v>116</v>
      </c>
      <c r="D102" s="17">
        <v>189</v>
      </c>
    </row>
    <row r="103" spans="1:4" ht="18" customHeight="1" x14ac:dyDescent="0.2">
      <c r="A103" s="14">
        <v>80</v>
      </c>
      <c r="B103" s="15">
        <v>11</v>
      </c>
      <c r="C103" s="16">
        <v>20</v>
      </c>
      <c r="D103" s="17">
        <v>31</v>
      </c>
    </row>
    <row r="104" spans="1:4" ht="18" customHeight="1" x14ac:dyDescent="0.2">
      <c r="A104" s="14">
        <v>81</v>
      </c>
      <c r="B104" s="15">
        <v>16</v>
      </c>
      <c r="C104" s="16">
        <v>11</v>
      </c>
      <c r="D104" s="17">
        <v>27</v>
      </c>
    </row>
    <row r="105" spans="1:4" ht="18" customHeight="1" x14ac:dyDescent="0.2">
      <c r="A105" s="14">
        <v>82</v>
      </c>
      <c r="B105" s="15">
        <v>8</v>
      </c>
      <c r="C105" s="16">
        <v>19</v>
      </c>
      <c r="D105" s="17">
        <v>27</v>
      </c>
    </row>
    <row r="106" spans="1:4" ht="18" customHeight="1" x14ac:dyDescent="0.2">
      <c r="A106" s="14">
        <v>83</v>
      </c>
      <c r="B106" s="15">
        <v>11</v>
      </c>
      <c r="C106" s="16">
        <v>18</v>
      </c>
      <c r="D106" s="17">
        <v>29</v>
      </c>
    </row>
    <row r="107" spans="1:4" ht="18" customHeight="1" x14ac:dyDescent="0.2">
      <c r="A107" s="14">
        <v>84</v>
      </c>
      <c r="B107" s="15">
        <v>15</v>
      </c>
      <c r="C107" s="16">
        <v>13</v>
      </c>
      <c r="D107" s="17">
        <v>28</v>
      </c>
    </row>
    <row r="108" spans="1:4" ht="18" customHeight="1" x14ac:dyDescent="0.2">
      <c r="A108" s="18" t="s">
        <v>66</v>
      </c>
      <c r="B108" s="15">
        <v>61</v>
      </c>
      <c r="C108" s="16">
        <v>81</v>
      </c>
      <c r="D108" s="17">
        <v>142</v>
      </c>
    </row>
    <row r="109" spans="1:4" ht="18" customHeight="1" x14ac:dyDescent="0.2">
      <c r="A109" s="14">
        <v>85</v>
      </c>
      <c r="B109" s="15">
        <v>4</v>
      </c>
      <c r="C109" s="16">
        <v>15</v>
      </c>
      <c r="D109" s="17">
        <v>19</v>
      </c>
    </row>
    <row r="110" spans="1:4" ht="18" customHeight="1" x14ac:dyDescent="0.2">
      <c r="A110" s="14">
        <v>86</v>
      </c>
      <c r="B110" s="15">
        <v>6</v>
      </c>
      <c r="C110" s="16">
        <v>23</v>
      </c>
      <c r="D110" s="17">
        <v>29</v>
      </c>
    </row>
    <row r="111" spans="1:4" ht="18" customHeight="1" x14ac:dyDescent="0.2">
      <c r="A111" s="14">
        <v>87</v>
      </c>
      <c r="B111" s="15">
        <v>1</v>
      </c>
      <c r="C111" s="16">
        <v>16</v>
      </c>
      <c r="D111" s="17">
        <v>17</v>
      </c>
    </row>
    <row r="112" spans="1:4" ht="18" customHeight="1" x14ac:dyDescent="0.2">
      <c r="A112" s="14">
        <v>88</v>
      </c>
      <c r="B112" s="15">
        <v>6</v>
      </c>
      <c r="C112" s="16">
        <v>12</v>
      </c>
      <c r="D112" s="17">
        <v>18</v>
      </c>
    </row>
    <row r="113" spans="1:4" ht="18" customHeight="1" x14ac:dyDescent="0.2">
      <c r="A113" s="14">
        <v>89</v>
      </c>
      <c r="B113" s="15">
        <v>6</v>
      </c>
      <c r="C113" s="16">
        <v>13</v>
      </c>
      <c r="D113" s="17">
        <v>19</v>
      </c>
    </row>
    <row r="114" spans="1:4" ht="18" customHeight="1" x14ac:dyDescent="0.2">
      <c r="A114" s="18" t="s">
        <v>67</v>
      </c>
      <c r="B114" s="15">
        <v>23</v>
      </c>
      <c r="C114" s="16">
        <v>79</v>
      </c>
      <c r="D114" s="17">
        <v>102</v>
      </c>
    </row>
    <row r="115" spans="1:4" ht="18" customHeight="1" x14ac:dyDescent="0.2">
      <c r="A115" s="14">
        <v>90</v>
      </c>
      <c r="B115" s="15">
        <v>3</v>
      </c>
      <c r="C115" s="16">
        <v>13</v>
      </c>
      <c r="D115" s="17">
        <v>16</v>
      </c>
    </row>
    <row r="116" spans="1:4" ht="18" customHeight="1" x14ac:dyDescent="0.2">
      <c r="A116" s="14">
        <v>91</v>
      </c>
      <c r="B116" s="15">
        <v>3</v>
      </c>
      <c r="C116" s="16">
        <v>13</v>
      </c>
      <c r="D116" s="17">
        <v>16</v>
      </c>
    </row>
    <row r="117" spans="1:4" ht="18" customHeight="1" x14ac:dyDescent="0.2">
      <c r="A117" s="14">
        <v>92</v>
      </c>
      <c r="B117" s="15">
        <v>3</v>
      </c>
      <c r="C117" s="16">
        <v>11</v>
      </c>
      <c r="D117" s="17">
        <v>14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2</v>
      </c>
      <c r="C119" s="16">
        <v>10</v>
      </c>
      <c r="D119" s="17">
        <v>12</v>
      </c>
    </row>
    <row r="120" spans="1:4" ht="18" customHeight="1" x14ac:dyDescent="0.2">
      <c r="A120" s="18" t="s">
        <v>68</v>
      </c>
      <c r="B120" s="15">
        <v>12</v>
      </c>
      <c r="C120" s="16">
        <v>53</v>
      </c>
      <c r="D120" s="17">
        <v>65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2</v>
      </c>
      <c r="C123" s="16">
        <v>0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4</v>
      </c>
      <c r="C126" s="16">
        <v>15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49</v>
      </c>
      <c r="C130" s="5">
        <v>619</v>
      </c>
      <c r="D130" s="6">
        <v>1068</v>
      </c>
    </row>
    <row r="131" spans="1:4" ht="18" customHeight="1" x14ac:dyDescent="0.2">
      <c r="A131" s="20" t="s">
        <v>47</v>
      </c>
      <c r="B131" s="7">
        <v>2670</v>
      </c>
      <c r="C131" s="8">
        <v>2689</v>
      </c>
      <c r="D131" s="9">
        <v>535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4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5</v>
      </c>
      <c r="C5" s="12">
        <v>7</v>
      </c>
      <c r="D5" s="13">
        <v>22</v>
      </c>
    </row>
    <row r="6" spans="1:4" ht="18" customHeight="1" x14ac:dyDescent="0.2">
      <c r="A6" s="14">
        <v>1</v>
      </c>
      <c r="B6" s="15">
        <v>24</v>
      </c>
      <c r="C6" s="16">
        <v>14</v>
      </c>
      <c r="D6" s="17">
        <v>38</v>
      </c>
    </row>
    <row r="7" spans="1:4" ht="18" customHeight="1" x14ac:dyDescent="0.2">
      <c r="A7" s="14">
        <v>2</v>
      </c>
      <c r="B7" s="15">
        <v>24</v>
      </c>
      <c r="C7" s="16">
        <v>18</v>
      </c>
      <c r="D7" s="17">
        <v>42</v>
      </c>
    </row>
    <row r="8" spans="1:4" ht="18" customHeight="1" x14ac:dyDescent="0.2">
      <c r="A8" s="14">
        <v>3</v>
      </c>
      <c r="B8" s="15">
        <v>25</v>
      </c>
      <c r="C8" s="16">
        <v>24</v>
      </c>
      <c r="D8" s="17">
        <v>49</v>
      </c>
    </row>
    <row r="9" spans="1:4" ht="18" customHeight="1" x14ac:dyDescent="0.2">
      <c r="A9" s="14">
        <v>4</v>
      </c>
      <c r="B9" s="15">
        <v>25</v>
      </c>
      <c r="C9" s="16">
        <v>20</v>
      </c>
      <c r="D9" s="17">
        <v>45</v>
      </c>
    </row>
    <row r="10" spans="1:4" ht="18" customHeight="1" x14ac:dyDescent="0.2">
      <c r="A10" s="18" t="s">
        <v>48</v>
      </c>
      <c r="B10" s="15">
        <v>113</v>
      </c>
      <c r="C10" s="16">
        <v>83</v>
      </c>
      <c r="D10" s="17">
        <v>196</v>
      </c>
    </row>
    <row r="11" spans="1:4" ht="18" customHeight="1" x14ac:dyDescent="0.2">
      <c r="A11" s="14">
        <v>5</v>
      </c>
      <c r="B11" s="15">
        <v>32</v>
      </c>
      <c r="C11" s="16">
        <v>21</v>
      </c>
      <c r="D11" s="17">
        <v>53</v>
      </c>
    </row>
    <row r="12" spans="1:4" ht="18" customHeight="1" x14ac:dyDescent="0.2">
      <c r="A12" s="14">
        <v>6</v>
      </c>
      <c r="B12" s="15">
        <v>18</v>
      </c>
      <c r="C12" s="16">
        <v>16</v>
      </c>
      <c r="D12" s="17">
        <v>34</v>
      </c>
    </row>
    <row r="13" spans="1:4" ht="18" customHeight="1" x14ac:dyDescent="0.2">
      <c r="A13" s="14">
        <v>7</v>
      </c>
      <c r="B13" s="15">
        <v>25</v>
      </c>
      <c r="C13" s="16">
        <v>20</v>
      </c>
      <c r="D13" s="17">
        <v>45</v>
      </c>
    </row>
    <row r="14" spans="1:4" ht="18" customHeight="1" x14ac:dyDescent="0.2">
      <c r="A14" s="14">
        <v>8</v>
      </c>
      <c r="B14" s="15">
        <v>33</v>
      </c>
      <c r="C14" s="16">
        <v>34</v>
      </c>
      <c r="D14" s="17">
        <v>67</v>
      </c>
    </row>
    <row r="15" spans="1:4" ht="18" customHeight="1" x14ac:dyDescent="0.2">
      <c r="A15" s="14">
        <v>9</v>
      </c>
      <c r="B15" s="15">
        <v>34</v>
      </c>
      <c r="C15" s="16">
        <v>33</v>
      </c>
      <c r="D15" s="17">
        <v>67</v>
      </c>
    </row>
    <row r="16" spans="1:4" ht="18" customHeight="1" x14ac:dyDescent="0.2">
      <c r="A16" s="18" t="s">
        <v>49</v>
      </c>
      <c r="B16" s="15">
        <v>142</v>
      </c>
      <c r="C16" s="16">
        <v>124</v>
      </c>
      <c r="D16" s="17">
        <v>266</v>
      </c>
    </row>
    <row r="17" spans="1:4" ht="18" customHeight="1" x14ac:dyDescent="0.2">
      <c r="A17" s="14">
        <v>10</v>
      </c>
      <c r="B17" s="15">
        <v>48</v>
      </c>
      <c r="C17" s="16">
        <v>42</v>
      </c>
      <c r="D17" s="17">
        <v>90</v>
      </c>
    </row>
    <row r="18" spans="1:4" ht="18" customHeight="1" x14ac:dyDescent="0.2">
      <c r="A18" s="14">
        <v>11</v>
      </c>
      <c r="B18" s="15">
        <v>32</v>
      </c>
      <c r="C18" s="16">
        <v>30</v>
      </c>
      <c r="D18" s="17">
        <v>62</v>
      </c>
    </row>
    <row r="19" spans="1:4" ht="18" customHeight="1" x14ac:dyDescent="0.2">
      <c r="A19" s="14">
        <v>12</v>
      </c>
      <c r="B19" s="15">
        <v>39</v>
      </c>
      <c r="C19" s="16">
        <v>45</v>
      </c>
      <c r="D19" s="17">
        <v>84</v>
      </c>
    </row>
    <row r="20" spans="1:4" ht="18" customHeight="1" x14ac:dyDescent="0.2">
      <c r="A20" s="14">
        <v>13</v>
      </c>
      <c r="B20" s="15">
        <v>33</v>
      </c>
      <c r="C20" s="16">
        <v>30</v>
      </c>
      <c r="D20" s="17">
        <v>63</v>
      </c>
    </row>
    <row r="21" spans="1:4" ht="18" customHeight="1" x14ac:dyDescent="0.2">
      <c r="A21" s="14">
        <v>14</v>
      </c>
      <c r="B21" s="15">
        <v>45</v>
      </c>
      <c r="C21" s="16">
        <v>43</v>
      </c>
      <c r="D21" s="17">
        <v>88</v>
      </c>
    </row>
    <row r="22" spans="1:4" ht="18" customHeight="1" x14ac:dyDescent="0.2">
      <c r="A22" s="18" t="s">
        <v>50</v>
      </c>
      <c r="B22" s="15">
        <v>197</v>
      </c>
      <c r="C22" s="16">
        <v>190</v>
      </c>
      <c r="D22" s="17">
        <v>387</v>
      </c>
    </row>
    <row r="23" spans="1:4" ht="18" customHeight="1" x14ac:dyDescent="0.2">
      <c r="A23" s="18" t="s">
        <v>51</v>
      </c>
      <c r="B23" s="15">
        <v>452</v>
      </c>
      <c r="C23" s="16">
        <v>397</v>
      </c>
      <c r="D23" s="17">
        <v>849</v>
      </c>
    </row>
    <row r="24" spans="1:4" ht="18" customHeight="1" x14ac:dyDescent="0.2">
      <c r="A24" s="14">
        <v>15</v>
      </c>
      <c r="B24" s="15">
        <v>42</v>
      </c>
      <c r="C24" s="16">
        <v>53</v>
      </c>
      <c r="D24" s="17">
        <v>95</v>
      </c>
    </row>
    <row r="25" spans="1:4" ht="18" customHeight="1" x14ac:dyDescent="0.2">
      <c r="A25" s="14">
        <v>16</v>
      </c>
      <c r="B25" s="15">
        <v>44</v>
      </c>
      <c r="C25" s="16">
        <v>32</v>
      </c>
      <c r="D25" s="17">
        <v>76</v>
      </c>
    </row>
    <row r="26" spans="1:4" ht="18" customHeight="1" x14ac:dyDescent="0.2">
      <c r="A26" s="14">
        <v>17</v>
      </c>
      <c r="B26" s="15">
        <v>36</v>
      </c>
      <c r="C26" s="16">
        <v>35</v>
      </c>
      <c r="D26" s="17">
        <v>71</v>
      </c>
    </row>
    <row r="27" spans="1:4" ht="18" customHeight="1" x14ac:dyDescent="0.2">
      <c r="A27" s="14">
        <v>18</v>
      </c>
      <c r="B27" s="15">
        <v>42</v>
      </c>
      <c r="C27" s="16">
        <v>46</v>
      </c>
      <c r="D27" s="17">
        <v>88</v>
      </c>
    </row>
    <row r="28" spans="1:4" ht="18" customHeight="1" x14ac:dyDescent="0.2">
      <c r="A28" s="14">
        <v>19</v>
      </c>
      <c r="B28" s="15">
        <v>42</v>
      </c>
      <c r="C28" s="16">
        <v>46</v>
      </c>
      <c r="D28" s="17">
        <v>88</v>
      </c>
    </row>
    <row r="29" spans="1:4" ht="18" customHeight="1" x14ac:dyDescent="0.2">
      <c r="A29" s="18" t="s">
        <v>52</v>
      </c>
      <c r="B29" s="15">
        <v>206</v>
      </c>
      <c r="C29" s="16">
        <v>212</v>
      </c>
      <c r="D29" s="17">
        <v>418</v>
      </c>
    </row>
    <row r="30" spans="1:4" ht="18" customHeight="1" x14ac:dyDescent="0.2">
      <c r="A30" s="14">
        <v>20</v>
      </c>
      <c r="B30" s="15">
        <v>29</v>
      </c>
      <c r="C30" s="16">
        <v>41</v>
      </c>
      <c r="D30" s="17">
        <v>70</v>
      </c>
    </row>
    <row r="31" spans="1:4" ht="18" customHeight="1" x14ac:dyDescent="0.2">
      <c r="A31" s="14">
        <v>21</v>
      </c>
      <c r="B31" s="15">
        <v>32</v>
      </c>
      <c r="C31" s="16">
        <v>27</v>
      </c>
      <c r="D31" s="17">
        <v>59</v>
      </c>
    </row>
    <row r="32" spans="1:4" ht="18" customHeight="1" x14ac:dyDescent="0.2">
      <c r="A32" s="14">
        <v>22</v>
      </c>
      <c r="B32" s="15">
        <v>39</v>
      </c>
      <c r="C32" s="16">
        <v>32</v>
      </c>
      <c r="D32" s="17">
        <v>71</v>
      </c>
    </row>
    <row r="33" spans="1:4" ht="18" customHeight="1" x14ac:dyDescent="0.2">
      <c r="A33" s="14">
        <v>23</v>
      </c>
      <c r="B33" s="15">
        <v>34</v>
      </c>
      <c r="C33" s="16">
        <v>29</v>
      </c>
      <c r="D33" s="17">
        <v>63</v>
      </c>
    </row>
    <row r="34" spans="1:4" ht="18" customHeight="1" x14ac:dyDescent="0.2">
      <c r="A34" s="14">
        <v>24</v>
      </c>
      <c r="B34" s="15">
        <v>28</v>
      </c>
      <c r="C34" s="16">
        <v>37</v>
      </c>
      <c r="D34" s="17">
        <v>65</v>
      </c>
    </row>
    <row r="35" spans="1:4" ht="18" customHeight="1" x14ac:dyDescent="0.2">
      <c r="A35" s="18" t="s">
        <v>53</v>
      </c>
      <c r="B35" s="15">
        <v>162</v>
      </c>
      <c r="C35" s="16">
        <v>166</v>
      </c>
      <c r="D35" s="17">
        <v>328</v>
      </c>
    </row>
    <row r="36" spans="1:4" ht="18" customHeight="1" x14ac:dyDescent="0.2">
      <c r="A36" s="14">
        <v>25</v>
      </c>
      <c r="B36" s="15">
        <v>19</v>
      </c>
      <c r="C36" s="16">
        <v>20</v>
      </c>
      <c r="D36" s="17">
        <v>39</v>
      </c>
    </row>
    <row r="37" spans="1:4" ht="18" customHeight="1" x14ac:dyDescent="0.2">
      <c r="A37" s="14">
        <v>26</v>
      </c>
      <c r="B37" s="15">
        <v>25</v>
      </c>
      <c r="C37" s="16">
        <v>14</v>
      </c>
      <c r="D37" s="17">
        <v>39</v>
      </c>
    </row>
    <row r="38" spans="1:4" ht="18" customHeight="1" x14ac:dyDescent="0.2">
      <c r="A38" s="14">
        <v>27</v>
      </c>
      <c r="B38" s="15">
        <v>25</v>
      </c>
      <c r="C38" s="16">
        <v>22</v>
      </c>
      <c r="D38" s="17">
        <v>47</v>
      </c>
    </row>
    <row r="39" spans="1:4" ht="18" customHeight="1" x14ac:dyDescent="0.2">
      <c r="A39" s="14">
        <v>28</v>
      </c>
      <c r="B39" s="15">
        <v>35</v>
      </c>
      <c r="C39" s="16">
        <v>25</v>
      </c>
      <c r="D39" s="17">
        <v>60</v>
      </c>
    </row>
    <row r="40" spans="1:4" ht="18" customHeight="1" x14ac:dyDescent="0.2">
      <c r="A40" s="14">
        <v>29</v>
      </c>
      <c r="B40" s="15">
        <v>25</v>
      </c>
      <c r="C40" s="16">
        <v>25</v>
      </c>
      <c r="D40" s="17">
        <v>50</v>
      </c>
    </row>
    <row r="41" spans="1:4" ht="18" customHeight="1" x14ac:dyDescent="0.2">
      <c r="A41" s="18" t="s">
        <v>54</v>
      </c>
      <c r="B41" s="15">
        <v>129</v>
      </c>
      <c r="C41" s="16">
        <v>106</v>
      </c>
      <c r="D41" s="17">
        <v>235</v>
      </c>
    </row>
    <row r="42" spans="1:4" ht="18" customHeight="1" x14ac:dyDescent="0.2">
      <c r="A42" s="14">
        <v>30</v>
      </c>
      <c r="B42" s="15">
        <v>26</v>
      </c>
      <c r="C42" s="16">
        <v>26</v>
      </c>
      <c r="D42" s="17">
        <v>52</v>
      </c>
    </row>
    <row r="43" spans="1:4" ht="18" customHeight="1" x14ac:dyDescent="0.2">
      <c r="A43" s="14">
        <v>31</v>
      </c>
      <c r="B43" s="15">
        <v>26</v>
      </c>
      <c r="C43" s="16">
        <v>27</v>
      </c>
      <c r="D43" s="17">
        <v>53</v>
      </c>
    </row>
    <row r="44" spans="1:4" ht="18" customHeight="1" x14ac:dyDescent="0.2">
      <c r="A44" s="14">
        <v>32</v>
      </c>
      <c r="B44" s="15">
        <v>28</v>
      </c>
      <c r="C44" s="16">
        <v>24</v>
      </c>
      <c r="D44" s="17">
        <v>52</v>
      </c>
    </row>
    <row r="45" spans="1:4" ht="18" customHeight="1" x14ac:dyDescent="0.2">
      <c r="A45" s="14">
        <v>33</v>
      </c>
      <c r="B45" s="15">
        <v>22</v>
      </c>
      <c r="C45" s="16">
        <v>28</v>
      </c>
      <c r="D45" s="17">
        <v>50</v>
      </c>
    </row>
    <row r="46" spans="1:4" ht="18" customHeight="1" x14ac:dyDescent="0.2">
      <c r="A46" s="14">
        <v>34</v>
      </c>
      <c r="B46" s="15">
        <v>32</v>
      </c>
      <c r="C46" s="16">
        <v>30</v>
      </c>
      <c r="D46" s="17">
        <v>62</v>
      </c>
    </row>
    <row r="47" spans="1:4" ht="18" customHeight="1" x14ac:dyDescent="0.2">
      <c r="A47" s="18" t="s">
        <v>55</v>
      </c>
      <c r="B47" s="15">
        <v>134</v>
      </c>
      <c r="C47" s="16">
        <v>135</v>
      </c>
      <c r="D47" s="17">
        <v>269</v>
      </c>
    </row>
    <row r="48" spans="1:4" ht="18" customHeight="1" x14ac:dyDescent="0.2">
      <c r="A48" s="14">
        <v>35</v>
      </c>
      <c r="B48" s="15">
        <v>37</v>
      </c>
      <c r="C48" s="16">
        <v>47</v>
      </c>
      <c r="D48" s="17">
        <v>84</v>
      </c>
    </row>
    <row r="49" spans="1:4" ht="18" customHeight="1" x14ac:dyDescent="0.2">
      <c r="A49" s="14">
        <v>36</v>
      </c>
      <c r="B49" s="15">
        <v>31</v>
      </c>
      <c r="C49" s="16">
        <v>25</v>
      </c>
      <c r="D49" s="17">
        <v>56</v>
      </c>
    </row>
    <row r="50" spans="1:4" ht="18" customHeight="1" x14ac:dyDescent="0.2">
      <c r="A50" s="14">
        <v>37</v>
      </c>
      <c r="B50" s="15">
        <v>26</v>
      </c>
      <c r="C50" s="16">
        <v>29</v>
      </c>
      <c r="D50" s="17">
        <v>55</v>
      </c>
    </row>
    <row r="51" spans="1:4" ht="18" customHeight="1" x14ac:dyDescent="0.2">
      <c r="A51" s="14">
        <v>38</v>
      </c>
      <c r="B51" s="15">
        <v>35</v>
      </c>
      <c r="C51" s="16">
        <v>36</v>
      </c>
      <c r="D51" s="17">
        <v>71</v>
      </c>
    </row>
    <row r="52" spans="1:4" ht="18" customHeight="1" x14ac:dyDescent="0.2">
      <c r="A52" s="14">
        <v>39</v>
      </c>
      <c r="B52" s="15">
        <v>42</v>
      </c>
      <c r="C52" s="16">
        <v>31</v>
      </c>
      <c r="D52" s="17">
        <v>73</v>
      </c>
    </row>
    <row r="53" spans="1:4" ht="18" customHeight="1" x14ac:dyDescent="0.2">
      <c r="A53" s="18" t="s">
        <v>56</v>
      </c>
      <c r="B53" s="15">
        <v>171</v>
      </c>
      <c r="C53" s="16">
        <v>168</v>
      </c>
      <c r="D53" s="17">
        <v>339</v>
      </c>
    </row>
    <row r="54" spans="1:4" ht="18" customHeight="1" x14ac:dyDescent="0.2">
      <c r="A54" s="14">
        <v>40</v>
      </c>
      <c r="B54" s="15">
        <v>48</v>
      </c>
      <c r="C54" s="16">
        <v>28</v>
      </c>
      <c r="D54" s="17">
        <v>76</v>
      </c>
    </row>
    <row r="55" spans="1:4" ht="18" customHeight="1" x14ac:dyDescent="0.2">
      <c r="A55" s="14">
        <v>41</v>
      </c>
      <c r="B55" s="15">
        <v>44</v>
      </c>
      <c r="C55" s="16">
        <v>51</v>
      </c>
      <c r="D55" s="17">
        <v>95</v>
      </c>
    </row>
    <row r="56" spans="1:4" ht="18" customHeight="1" x14ac:dyDescent="0.2">
      <c r="A56" s="14">
        <v>42</v>
      </c>
      <c r="B56" s="15">
        <v>55</v>
      </c>
      <c r="C56" s="16">
        <v>48</v>
      </c>
      <c r="D56" s="17">
        <v>103</v>
      </c>
    </row>
    <row r="57" spans="1:4" ht="18" customHeight="1" x14ac:dyDescent="0.2">
      <c r="A57" s="14">
        <v>43</v>
      </c>
      <c r="B57" s="15">
        <v>60</v>
      </c>
      <c r="C57" s="16">
        <v>50</v>
      </c>
      <c r="D57" s="17">
        <v>110</v>
      </c>
    </row>
    <row r="58" spans="1:4" ht="18" customHeight="1" x14ac:dyDescent="0.2">
      <c r="A58" s="14">
        <v>44</v>
      </c>
      <c r="B58" s="15">
        <v>44</v>
      </c>
      <c r="C58" s="16">
        <v>52</v>
      </c>
      <c r="D58" s="17">
        <v>96</v>
      </c>
    </row>
    <row r="59" spans="1:4" ht="18" customHeight="1" x14ac:dyDescent="0.2">
      <c r="A59" s="18" t="s">
        <v>57</v>
      </c>
      <c r="B59" s="15">
        <v>251</v>
      </c>
      <c r="C59" s="16">
        <v>229</v>
      </c>
      <c r="D59" s="17">
        <v>480</v>
      </c>
    </row>
    <row r="60" spans="1:4" ht="18" customHeight="1" x14ac:dyDescent="0.2">
      <c r="A60" s="14">
        <v>45</v>
      </c>
      <c r="B60" s="15">
        <v>72</v>
      </c>
      <c r="C60" s="16">
        <v>59</v>
      </c>
      <c r="D60" s="17">
        <v>131</v>
      </c>
    </row>
    <row r="61" spans="1:4" ht="18" customHeight="1" x14ac:dyDescent="0.2">
      <c r="A61" s="14">
        <v>46</v>
      </c>
      <c r="B61" s="15">
        <v>71</v>
      </c>
      <c r="C61" s="16">
        <v>80</v>
      </c>
      <c r="D61" s="17">
        <v>151</v>
      </c>
    </row>
    <row r="62" spans="1:4" ht="18" customHeight="1" x14ac:dyDescent="0.2">
      <c r="A62" s="14">
        <v>47</v>
      </c>
      <c r="B62" s="15">
        <v>72</v>
      </c>
      <c r="C62" s="16">
        <v>74</v>
      </c>
      <c r="D62" s="17">
        <v>146</v>
      </c>
    </row>
    <row r="63" spans="1:4" ht="18" customHeight="1" x14ac:dyDescent="0.2">
      <c r="A63" s="14">
        <v>48</v>
      </c>
      <c r="B63" s="15">
        <v>65</v>
      </c>
      <c r="C63" s="16">
        <v>76</v>
      </c>
      <c r="D63" s="17">
        <v>141</v>
      </c>
    </row>
    <row r="64" spans="1:4" ht="18" customHeight="1" x14ac:dyDescent="0.2">
      <c r="A64" s="14">
        <v>49</v>
      </c>
      <c r="B64" s="15">
        <v>52</v>
      </c>
      <c r="C64" s="16">
        <v>68</v>
      </c>
      <c r="D64" s="17">
        <v>120</v>
      </c>
    </row>
    <row r="65" spans="1:4" ht="18" customHeight="1" x14ac:dyDescent="0.2">
      <c r="A65" s="18" t="s">
        <v>58</v>
      </c>
      <c r="B65" s="15">
        <v>332</v>
      </c>
      <c r="C65" s="16">
        <v>357</v>
      </c>
      <c r="D65" s="17">
        <v>689</v>
      </c>
    </row>
    <row r="66" spans="1:4" ht="18" customHeight="1" x14ac:dyDescent="0.2">
      <c r="A66" s="14">
        <v>50</v>
      </c>
      <c r="B66" s="15">
        <v>69</v>
      </c>
      <c r="C66" s="16">
        <v>47</v>
      </c>
      <c r="D66" s="17">
        <v>116</v>
      </c>
    </row>
    <row r="67" spans="1:4" ht="18" customHeight="1" x14ac:dyDescent="0.2">
      <c r="A67" s="14">
        <v>51</v>
      </c>
      <c r="B67" s="15">
        <v>49</v>
      </c>
      <c r="C67" s="16">
        <v>38</v>
      </c>
      <c r="D67" s="17">
        <v>87</v>
      </c>
    </row>
    <row r="68" spans="1:4" ht="18" customHeight="1" x14ac:dyDescent="0.2">
      <c r="A68" s="14">
        <v>52</v>
      </c>
      <c r="B68" s="15">
        <v>54</v>
      </c>
      <c r="C68" s="16">
        <v>43</v>
      </c>
      <c r="D68" s="17">
        <v>97</v>
      </c>
    </row>
    <row r="69" spans="1:4" ht="18" customHeight="1" x14ac:dyDescent="0.2">
      <c r="A69" s="14">
        <v>53</v>
      </c>
      <c r="B69" s="15">
        <v>58</v>
      </c>
      <c r="C69" s="16">
        <v>49</v>
      </c>
      <c r="D69" s="17">
        <v>107</v>
      </c>
    </row>
    <row r="70" spans="1:4" ht="18" customHeight="1" x14ac:dyDescent="0.2">
      <c r="A70" s="14">
        <v>54</v>
      </c>
      <c r="B70" s="15">
        <v>38</v>
      </c>
      <c r="C70" s="16">
        <v>43</v>
      </c>
      <c r="D70" s="17">
        <v>81</v>
      </c>
    </row>
    <row r="71" spans="1:4" ht="18" customHeight="1" x14ac:dyDescent="0.2">
      <c r="A71" s="18" t="s">
        <v>59</v>
      </c>
      <c r="B71" s="15">
        <v>268</v>
      </c>
      <c r="C71" s="16">
        <v>220</v>
      </c>
      <c r="D71" s="17">
        <v>488</v>
      </c>
    </row>
    <row r="72" spans="1:4" ht="18" customHeight="1" x14ac:dyDescent="0.2">
      <c r="A72" s="14">
        <v>55</v>
      </c>
      <c r="B72" s="15">
        <v>42</v>
      </c>
      <c r="C72" s="16">
        <v>47</v>
      </c>
      <c r="D72" s="17">
        <v>89</v>
      </c>
    </row>
    <row r="73" spans="1:4" ht="18" customHeight="1" x14ac:dyDescent="0.2">
      <c r="A73" s="14">
        <v>56</v>
      </c>
      <c r="B73" s="15">
        <v>44</v>
      </c>
      <c r="C73" s="16">
        <v>47</v>
      </c>
      <c r="D73" s="17">
        <v>91</v>
      </c>
    </row>
    <row r="74" spans="1:4" ht="18" customHeight="1" x14ac:dyDescent="0.2">
      <c r="A74" s="14">
        <v>57</v>
      </c>
      <c r="B74" s="15">
        <v>32</v>
      </c>
      <c r="C74" s="16">
        <v>37</v>
      </c>
      <c r="D74" s="17">
        <v>69</v>
      </c>
    </row>
    <row r="75" spans="1:4" ht="18" customHeight="1" x14ac:dyDescent="0.2">
      <c r="A75" s="14">
        <v>58</v>
      </c>
      <c r="B75" s="15">
        <v>40</v>
      </c>
      <c r="C75" s="16">
        <v>31</v>
      </c>
      <c r="D75" s="17">
        <v>71</v>
      </c>
    </row>
    <row r="76" spans="1:4" ht="18" customHeight="1" x14ac:dyDescent="0.2">
      <c r="A76" s="14">
        <v>59</v>
      </c>
      <c r="B76" s="15">
        <v>47</v>
      </c>
      <c r="C76" s="16">
        <v>34</v>
      </c>
      <c r="D76" s="17">
        <v>81</v>
      </c>
    </row>
    <row r="77" spans="1:4" ht="18" customHeight="1" x14ac:dyDescent="0.2">
      <c r="A77" s="18" t="s">
        <v>60</v>
      </c>
      <c r="B77" s="15">
        <v>205</v>
      </c>
      <c r="C77" s="16">
        <v>196</v>
      </c>
      <c r="D77" s="17">
        <v>401</v>
      </c>
    </row>
    <row r="78" spans="1:4" ht="18" customHeight="1" x14ac:dyDescent="0.2">
      <c r="A78" s="14">
        <v>60</v>
      </c>
      <c r="B78" s="15">
        <v>38</v>
      </c>
      <c r="C78" s="16">
        <v>52</v>
      </c>
      <c r="D78" s="17">
        <v>90</v>
      </c>
    </row>
    <row r="79" spans="1:4" ht="18" customHeight="1" x14ac:dyDescent="0.2">
      <c r="A79" s="14">
        <v>61</v>
      </c>
      <c r="B79" s="15">
        <v>42</v>
      </c>
      <c r="C79" s="16">
        <v>49</v>
      </c>
      <c r="D79" s="17">
        <v>91</v>
      </c>
    </row>
    <row r="80" spans="1:4" ht="18" customHeight="1" x14ac:dyDescent="0.2">
      <c r="A80" s="14">
        <v>62</v>
      </c>
      <c r="B80" s="15">
        <v>56</v>
      </c>
      <c r="C80" s="16">
        <v>43</v>
      </c>
      <c r="D80" s="17">
        <v>99</v>
      </c>
    </row>
    <row r="81" spans="1:4" ht="18" customHeight="1" x14ac:dyDescent="0.2">
      <c r="A81" s="14">
        <v>63</v>
      </c>
      <c r="B81" s="15">
        <v>36</v>
      </c>
      <c r="C81" s="16">
        <v>43</v>
      </c>
      <c r="D81" s="17">
        <v>79</v>
      </c>
    </row>
    <row r="82" spans="1:4" ht="18" customHeight="1" x14ac:dyDescent="0.2">
      <c r="A82" s="14">
        <v>64</v>
      </c>
      <c r="B82" s="15">
        <v>31</v>
      </c>
      <c r="C82" s="16">
        <v>51</v>
      </c>
      <c r="D82" s="17">
        <v>82</v>
      </c>
    </row>
    <row r="83" spans="1:4" ht="18" customHeight="1" x14ac:dyDescent="0.2">
      <c r="A83" s="18" t="s">
        <v>61</v>
      </c>
      <c r="B83" s="15">
        <v>203</v>
      </c>
      <c r="C83" s="16">
        <v>238</v>
      </c>
      <c r="D83" s="17">
        <v>441</v>
      </c>
    </row>
    <row r="84" spans="1:4" ht="18" customHeight="1" x14ac:dyDescent="0.2">
      <c r="A84" s="18" t="s">
        <v>62</v>
      </c>
      <c r="B84" s="15">
        <v>2061</v>
      </c>
      <c r="C84" s="16">
        <v>2027</v>
      </c>
      <c r="D84" s="17">
        <v>4088</v>
      </c>
    </row>
    <row r="85" spans="1:4" ht="18" customHeight="1" x14ac:dyDescent="0.2">
      <c r="A85" s="14">
        <v>65</v>
      </c>
      <c r="B85" s="15">
        <v>49</v>
      </c>
      <c r="C85" s="16">
        <v>45</v>
      </c>
      <c r="D85" s="17">
        <v>94</v>
      </c>
    </row>
    <row r="86" spans="1:4" ht="18" customHeight="1" x14ac:dyDescent="0.2">
      <c r="A86" s="14">
        <v>66</v>
      </c>
      <c r="B86" s="15">
        <v>46</v>
      </c>
      <c r="C86" s="16">
        <v>45</v>
      </c>
      <c r="D86" s="17">
        <v>91</v>
      </c>
    </row>
    <row r="87" spans="1:4" ht="18" customHeight="1" x14ac:dyDescent="0.2">
      <c r="A87" s="14">
        <v>67</v>
      </c>
      <c r="B87" s="15">
        <v>57</v>
      </c>
      <c r="C87" s="16">
        <v>46</v>
      </c>
      <c r="D87" s="17">
        <v>103</v>
      </c>
    </row>
    <row r="88" spans="1:4" ht="18" customHeight="1" x14ac:dyDescent="0.2">
      <c r="A88" s="14">
        <v>68</v>
      </c>
      <c r="B88" s="15">
        <v>39</v>
      </c>
      <c r="C88" s="16">
        <v>57</v>
      </c>
      <c r="D88" s="17">
        <v>96</v>
      </c>
    </row>
    <row r="89" spans="1:4" ht="18" customHeight="1" x14ac:dyDescent="0.2">
      <c r="A89" s="14">
        <v>69</v>
      </c>
      <c r="B89" s="15">
        <v>53</v>
      </c>
      <c r="C89" s="16">
        <v>53</v>
      </c>
      <c r="D89" s="17">
        <v>106</v>
      </c>
    </row>
    <row r="90" spans="1:4" ht="18" customHeight="1" x14ac:dyDescent="0.2">
      <c r="A90" s="18" t="s">
        <v>63</v>
      </c>
      <c r="B90" s="15">
        <v>244</v>
      </c>
      <c r="C90" s="16">
        <v>246</v>
      </c>
      <c r="D90" s="17">
        <v>490</v>
      </c>
    </row>
    <row r="91" spans="1:4" ht="18" customHeight="1" x14ac:dyDescent="0.2">
      <c r="A91" s="14">
        <v>70</v>
      </c>
      <c r="B91" s="15">
        <v>55</v>
      </c>
      <c r="C91" s="16">
        <v>76</v>
      </c>
      <c r="D91" s="17">
        <v>131</v>
      </c>
    </row>
    <row r="92" spans="1:4" ht="18" customHeight="1" x14ac:dyDescent="0.2">
      <c r="A92" s="14">
        <v>71</v>
      </c>
      <c r="B92" s="15">
        <v>73</v>
      </c>
      <c r="C92" s="16">
        <v>76</v>
      </c>
      <c r="D92" s="17">
        <v>149</v>
      </c>
    </row>
    <row r="93" spans="1:4" ht="18" customHeight="1" x14ac:dyDescent="0.2">
      <c r="A93" s="14">
        <v>72</v>
      </c>
      <c r="B93" s="15">
        <v>65</v>
      </c>
      <c r="C93" s="16">
        <v>70</v>
      </c>
      <c r="D93" s="17">
        <v>135</v>
      </c>
    </row>
    <row r="94" spans="1:4" ht="18" customHeight="1" x14ac:dyDescent="0.2">
      <c r="A94" s="14">
        <v>73</v>
      </c>
      <c r="B94" s="15">
        <v>63</v>
      </c>
      <c r="C94" s="16">
        <v>65</v>
      </c>
      <c r="D94" s="17">
        <v>128</v>
      </c>
    </row>
    <row r="95" spans="1:4" ht="18" customHeight="1" x14ac:dyDescent="0.2">
      <c r="A95" s="14">
        <v>74</v>
      </c>
      <c r="B95" s="15">
        <v>22</v>
      </c>
      <c r="C95" s="16">
        <v>45</v>
      </c>
      <c r="D95" s="17">
        <v>67</v>
      </c>
    </row>
    <row r="96" spans="1:4" ht="18" customHeight="1" x14ac:dyDescent="0.2">
      <c r="A96" s="18" t="s">
        <v>64</v>
      </c>
      <c r="B96" s="15">
        <v>278</v>
      </c>
      <c r="C96" s="16">
        <v>332</v>
      </c>
      <c r="D96" s="17">
        <v>610</v>
      </c>
    </row>
    <row r="97" spans="1:4" ht="18" customHeight="1" x14ac:dyDescent="0.2">
      <c r="A97" s="14">
        <v>75</v>
      </c>
      <c r="B97" s="15">
        <v>40</v>
      </c>
      <c r="C97" s="16">
        <v>53</v>
      </c>
      <c r="D97" s="17">
        <v>93</v>
      </c>
    </row>
    <row r="98" spans="1:4" ht="18" customHeight="1" x14ac:dyDescent="0.2">
      <c r="A98" s="14">
        <v>76</v>
      </c>
      <c r="B98" s="15">
        <v>51</v>
      </c>
      <c r="C98" s="16">
        <v>74</v>
      </c>
      <c r="D98" s="17">
        <v>125</v>
      </c>
    </row>
    <row r="99" spans="1:4" ht="18" customHeight="1" x14ac:dyDescent="0.2">
      <c r="A99" s="14">
        <v>77</v>
      </c>
      <c r="B99" s="15">
        <v>46</v>
      </c>
      <c r="C99" s="16">
        <v>60</v>
      </c>
      <c r="D99" s="17">
        <v>106</v>
      </c>
    </row>
    <row r="100" spans="1:4" ht="18" customHeight="1" x14ac:dyDescent="0.2">
      <c r="A100" s="14">
        <v>78</v>
      </c>
      <c r="B100" s="15">
        <v>48</v>
      </c>
      <c r="C100" s="16">
        <v>48</v>
      </c>
      <c r="D100" s="17">
        <v>96</v>
      </c>
    </row>
    <row r="101" spans="1:4" ht="18" customHeight="1" x14ac:dyDescent="0.2">
      <c r="A101" s="14">
        <v>79</v>
      </c>
      <c r="B101" s="15">
        <v>36</v>
      </c>
      <c r="C101" s="16">
        <v>43</v>
      </c>
      <c r="D101" s="17">
        <v>79</v>
      </c>
    </row>
    <row r="102" spans="1:4" ht="18" customHeight="1" x14ac:dyDescent="0.2">
      <c r="A102" s="18" t="s">
        <v>65</v>
      </c>
      <c r="B102" s="15">
        <v>221</v>
      </c>
      <c r="C102" s="16">
        <v>278</v>
      </c>
      <c r="D102" s="17">
        <v>499</v>
      </c>
    </row>
    <row r="103" spans="1:4" ht="18" customHeight="1" x14ac:dyDescent="0.2">
      <c r="A103" s="14">
        <v>80</v>
      </c>
      <c r="B103" s="15">
        <v>45</v>
      </c>
      <c r="C103" s="16">
        <v>33</v>
      </c>
      <c r="D103" s="17">
        <v>78</v>
      </c>
    </row>
    <row r="104" spans="1:4" ht="18" customHeight="1" x14ac:dyDescent="0.2">
      <c r="A104" s="14">
        <v>81</v>
      </c>
      <c r="B104" s="15">
        <v>40</v>
      </c>
      <c r="C104" s="16">
        <v>26</v>
      </c>
      <c r="D104" s="17">
        <v>66</v>
      </c>
    </row>
    <row r="105" spans="1:4" ht="18" customHeight="1" x14ac:dyDescent="0.2">
      <c r="A105" s="14">
        <v>82</v>
      </c>
      <c r="B105" s="15">
        <v>29</v>
      </c>
      <c r="C105" s="16">
        <v>41</v>
      </c>
      <c r="D105" s="17">
        <v>70</v>
      </c>
    </row>
    <row r="106" spans="1:4" ht="18" customHeight="1" x14ac:dyDescent="0.2">
      <c r="A106" s="14">
        <v>83</v>
      </c>
      <c r="B106" s="15">
        <v>33</v>
      </c>
      <c r="C106" s="16">
        <v>40</v>
      </c>
      <c r="D106" s="17">
        <v>73</v>
      </c>
    </row>
    <row r="107" spans="1:4" ht="18" customHeight="1" x14ac:dyDescent="0.2">
      <c r="A107" s="14">
        <v>84</v>
      </c>
      <c r="B107" s="15">
        <v>23</v>
      </c>
      <c r="C107" s="16">
        <v>48</v>
      </c>
      <c r="D107" s="17">
        <v>71</v>
      </c>
    </row>
    <row r="108" spans="1:4" ht="18" customHeight="1" x14ac:dyDescent="0.2">
      <c r="A108" s="18" t="s">
        <v>66</v>
      </c>
      <c r="B108" s="15">
        <v>170</v>
      </c>
      <c r="C108" s="16">
        <v>188</v>
      </c>
      <c r="D108" s="17">
        <v>358</v>
      </c>
    </row>
    <row r="109" spans="1:4" ht="18" customHeight="1" x14ac:dyDescent="0.2">
      <c r="A109" s="14">
        <v>85</v>
      </c>
      <c r="B109" s="15">
        <v>17</v>
      </c>
      <c r="C109" s="16">
        <v>33</v>
      </c>
      <c r="D109" s="17">
        <v>50</v>
      </c>
    </row>
    <row r="110" spans="1:4" ht="18" customHeight="1" x14ac:dyDescent="0.2">
      <c r="A110" s="14">
        <v>86</v>
      </c>
      <c r="B110" s="15">
        <v>17</v>
      </c>
      <c r="C110" s="16">
        <v>23</v>
      </c>
      <c r="D110" s="17">
        <v>40</v>
      </c>
    </row>
    <row r="111" spans="1:4" ht="18" customHeight="1" x14ac:dyDescent="0.2">
      <c r="A111" s="14">
        <v>87</v>
      </c>
      <c r="B111" s="15">
        <v>23</v>
      </c>
      <c r="C111" s="16">
        <v>37</v>
      </c>
      <c r="D111" s="17">
        <v>60</v>
      </c>
    </row>
    <row r="112" spans="1:4" ht="18" customHeight="1" x14ac:dyDescent="0.2">
      <c r="A112" s="14">
        <v>88</v>
      </c>
      <c r="B112" s="15">
        <v>9</v>
      </c>
      <c r="C112" s="16">
        <v>25</v>
      </c>
      <c r="D112" s="17">
        <v>34</v>
      </c>
    </row>
    <row r="113" spans="1:4" ht="18" customHeight="1" x14ac:dyDescent="0.2">
      <c r="A113" s="14">
        <v>89</v>
      </c>
      <c r="B113" s="15">
        <v>13</v>
      </c>
      <c r="C113" s="16">
        <v>20</v>
      </c>
      <c r="D113" s="17">
        <v>33</v>
      </c>
    </row>
    <row r="114" spans="1:4" ht="18" customHeight="1" x14ac:dyDescent="0.2">
      <c r="A114" s="18" t="s">
        <v>67</v>
      </c>
      <c r="B114" s="15">
        <v>79</v>
      </c>
      <c r="C114" s="16">
        <v>138</v>
      </c>
      <c r="D114" s="17">
        <v>217</v>
      </c>
    </row>
    <row r="115" spans="1:4" ht="18" customHeight="1" x14ac:dyDescent="0.2">
      <c r="A115" s="14">
        <v>90</v>
      </c>
      <c r="B115" s="15">
        <v>6</v>
      </c>
      <c r="C115" s="16">
        <v>16</v>
      </c>
      <c r="D115" s="17">
        <v>22</v>
      </c>
    </row>
    <row r="116" spans="1:4" ht="18" customHeight="1" x14ac:dyDescent="0.2">
      <c r="A116" s="14">
        <v>91</v>
      </c>
      <c r="B116" s="15">
        <v>7</v>
      </c>
      <c r="C116" s="16">
        <v>6</v>
      </c>
      <c r="D116" s="17">
        <v>13</v>
      </c>
    </row>
    <row r="117" spans="1:4" ht="18" customHeight="1" x14ac:dyDescent="0.2">
      <c r="A117" s="14">
        <v>92</v>
      </c>
      <c r="B117" s="15">
        <v>6</v>
      </c>
      <c r="C117" s="16">
        <v>14</v>
      </c>
      <c r="D117" s="17">
        <v>20</v>
      </c>
    </row>
    <row r="118" spans="1:4" ht="18" customHeight="1" x14ac:dyDescent="0.2">
      <c r="A118" s="14">
        <v>93</v>
      </c>
      <c r="B118" s="15">
        <v>7</v>
      </c>
      <c r="C118" s="16">
        <v>5</v>
      </c>
      <c r="D118" s="17">
        <v>12</v>
      </c>
    </row>
    <row r="119" spans="1:4" ht="18" customHeight="1" x14ac:dyDescent="0.2">
      <c r="A119" s="14">
        <v>94</v>
      </c>
      <c r="B119" s="15">
        <v>3</v>
      </c>
      <c r="C119" s="16">
        <v>13</v>
      </c>
      <c r="D119" s="17">
        <v>16</v>
      </c>
    </row>
    <row r="120" spans="1:4" ht="18" customHeight="1" x14ac:dyDescent="0.2">
      <c r="A120" s="18" t="s">
        <v>68</v>
      </c>
      <c r="B120" s="15">
        <v>29</v>
      </c>
      <c r="C120" s="16">
        <v>54</v>
      </c>
      <c r="D120" s="17">
        <v>83</v>
      </c>
    </row>
    <row r="121" spans="1:4" ht="18" customHeight="1" x14ac:dyDescent="0.2">
      <c r="A121" s="14">
        <v>95</v>
      </c>
      <c r="B121" s="15">
        <v>2</v>
      </c>
      <c r="C121" s="16">
        <v>7</v>
      </c>
      <c r="D121" s="17">
        <v>9</v>
      </c>
    </row>
    <row r="122" spans="1:4" ht="18" customHeight="1" x14ac:dyDescent="0.2">
      <c r="A122" s="14">
        <v>96</v>
      </c>
      <c r="B122" s="15">
        <v>3</v>
      </c>
      <c r="C122" s="16">
        <v>6</v>
      </c>
      <c r="D122" s="17">
        <v>9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5</v>
      </c>
      <c r="C126" s="16">
        <v>20</v>
      </c>
      <c r="D126" s="17">
        <v>25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1</v>
      </c>
      <c r="C129" s="16">
        <v>0</v>
      </c>
      <c r="D129" s="17">
        <v>1</v>
      </c>
    </row>
    <row r="130" spans="1:4" ht="18" customHeight="1" x14ac:dyDescent="0.2">
      <c r="A130" s="18" t="s">
        <v>72</v>
      </c>
      <c r="B130" s="4">
        <v>1027</v>
      </c>
      <c r="C130" s="5">
        <v>1256</v>
      </c>
      <c r="D130" s="6">
        <v>2283</v>
      </c>
    </row>
    <row r="131" spans="1:4" ht="18" customHeight="1" x14ac:dyDescent="0.2">
      <c r="A131" s="20" t="s">
        <v>47</v>
      </c>
      <c r="B131" s="7">
        <v>3540</v>
      </c>
      <c r="C131" s="8">
        <v>3680</v>
      </c>
      <c r="D131" s="9">
        <v>722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4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2</v>
      </c>
      <c r="C5" s="12">
        <v>15</v>
      </c>
      <c r="D5" s="13">
        <v>27</v>
      </c>
    </row>
    <row r="6" spans="1:4" ht="18" customHeight="1" x14ac:dyDescent="0.2">
      <c r="A6" s="14">
        <v>1</v>
      </c>
      <c r="B6" s="15">
        <v>15</v>
      </c>
      <c r="C6" s="16">
        <v>12</v>
      </c>
      <c r="D6" s="17">
        <v>27</v>
      </c>
    </row>
    <row r="7" spans="1:4" ht="18" customHeight="1" x14ac:dyDescent="0.2">
      <c r="A7" s="14">
        <v>2</v>
      </c>
      <c r="B7" s="15">
        <v>13</v>
      </c>
      <c r="C7" s="16">
        <v>13</v>
      </c>
      <c r="D7" s="17">
        <v>26</v>
      </c>
    </row>
    <row r="8" spans="1:4" ht="18" customHeight="1" x14ac:dyDescent="0.2">
      <c r="A8" s="14">
        <v>3</v>
      </c>
      <c r="B8" s="15">
        <v>24</v>
      </c>
      <c r="C8" s="16">
        <v>10</v>
      </c>
      <c r="D8" s="17">
        <v>34</v>
      </c>
    </row>
    <row r="9" spans="1:4" ht="18" customHeight="1" x14ac:dyDescent="0.2">
      <c r="A9" s="14">
        <v>4</v>
      </c>
      <c r="B9" s="15">
        <v>26</v>
      </c>
      <c r="C9" s="16">
        <v>15</v>
      </c>
      <c r="D9" s="17">
        <v>41</v>
      </c>
    </row>
    <row r="10" spans="1:4" ht="18" customHeight="1" x14ac:dyDescent="0.2">
      <c r="A10" s="18" t="s">
        <v>48</v>
      </c>
      <c r="B10" s="15">
        <v>90</v>
      </c>
      <c r="C10" s="16">
        <v>65</v>
      </c>
      <c r="D10" s="17">
        <v>155</v>
      </c>
    </row>
    <row r="11" spans="1:4" ht="18" customHeight="1" x14ac:dyDescent="0.2">
      <c r="A11" s="14">
        <v>5</v>
      </c>
      <c r="B11" s="15">
        <v>16</v>
      </c>
      <c r="C11" s="16">
        <v>30</v>
      </c>
      <c r="D11" s="17">
        <v>46</v>
      </c>
    </row>
    <row r="12" spans="1:4" ht="18" customHeight="1" x14ac:dyDescent="0.2">
      <c r="A12" s="14">
        <v>6</v>
      </c>
      <c r="B12" s="15">
        <v>21</v>
      </c>
      <c r="C12" s="16">
        <v>20</v>
      </c>
      <c r="D12" s="17">
        <v>41</v>
      </c>
    </row>
    <row r="13" spans="1:4" ht="18" customHeight="1" x14ac:dyDescent="0.2">
      <c r="A13" s="14">
        <v>7</v>
      </c>
      <c r="B13" s="15">
        <v>28</v>
      </c>
      <c r="C13" s="16">
        <v>12</v>
      </c>
      <c r="D13" s="17">
        <v>40</v>
      </c>
    </row>
    <row r="14" spans="1:4" ht="18" customHeight="1" x14ac:dyDescent="0.2">
      <c r="A14" s="14">
        <v>8</v>
      </c>
      <c r="B14" s="15">
        <v>25</v>
      </c>
      <c r="C14" s="16">
        <v>23</v>
      </c>
      <c r="D14" s="17">
        <v>48</v>
      </c>
    </row>
    <row r="15" spans="1:4" ht="18" customHeight="1" x14ac:dyDescent="0.2">
      <c r="A15" s="14">
        <v>9</v>
      </c>
      <c r="B15" s="15">
        <v>26</v>
      </c>
      <c r="C15" s="16">
        <v>27</v>
      </c>
      <c r="D15" s="17">
        <v>53</v>
      </c>
    </row>
    <row r="16" spans="1:4" ht="18" customHeight="1" x14ac:dyDescent="0.2">
      <c r="A16" s="18" t="s">
        <v>49</v>
      </c>
      <c r="B16" s="15">
        <v>116</v>
      </c>
      <c r="C16" s="16">
        <v>112</v>
      </c>
      <c r="D16" s="17">
        <v>228</v>
      </c>
    </row>
    <row r="17" spans="1:4" ht="18" customHeight="1" x14ac:dyDescent="0.2">
      <c r="A17" s="14">
        <v>10</v>
      </c>
      <c r="B17" s="15">
        <v>22</v>
      </c>
      <c r="C17" s="16">
        <v>35</v>
      </c>
      <c r="D17" s="17">
        <v>57</v>
      </c>
    </row>
    <row r="18" spans="1:4" ht="18" customHeight="1" x14ac:dyDescent="0.2">
      <c r="A18" s="14">
        <v>11</v>
      </c>
      <c r="B18" s="15">
        <v>28</v>
      </c>
      <c r="C18" s="16">
        <v>23</v>
      </c>
      <c r="D18" s="17">
        <v>51</v>
      </c>
    </row>
    <row r="19" spans="1:4" ht="18" customHeight="1" x14ac:dyDescent="0.2">
      <c r="A19" s="14">
        <v>12</v>
      </c>
      <c r="B19" s="15">
        <v>23</v>
      </c>
      <c r="C19" s="16">
        <v>28</v>
      </c>
      <c r="D19" s="17">
        <v>51</v>
      </c>
    </row>
    <row r="20" spans="1:4" ht="18" customHeight="1" x14ac:dyDescent="0.2">
      <c r="A20" s="14">
        <v>13</v>
      </c>
      <c r="B20" s="15">
        <v>34</v>
      </c>
      <c r="C20" s="16">
        <v>32</v>
      </c>
      <c r="D20" s="17">
        <v>66</v>
      </c>
    </row>
    <row r="21" spans="1:4" ht="18" customHeight="1" x14ac:dyDescent="0.2">
      <c r="A21" s="14">
        <v>14</v>
      </c>
      <c r="B21" s="15">
        <v>32</v>
      </c>
      <c r="C21" s="16">
        <v>30</v>
      </c>
      <c r="D21" s="17">
        <v>62</v>
      </c>
    </row>
    <row r="22" spans="1:4" ht="18" customHeight="1" x14ac:dyDescent="0.2">
      <c r="A22" s="18" t="s">
        <v>50</v>
      </c>
      <c r="B22" s="15">
        <v>139</v>
      </c>
      <c r="C22" s="16">
        <v>148</v>
      </c>
      <c r="D22" s="17">
        <v>287</v>
      </c>
    </row>
    <row r="23" spans="1:4" ht="18" customHeight="1" x14ac:dyDescent="0.2">
      <c r="A23" s="18" t="s">
        <v>51</v>
      </c>
      <c r="B23" s="15">
        <v>345</v>
      </c>
      <c r="C23" s="16">
        <v>325</v>
      </c>
      <c r="D23" s="17">
        <v>670</v>
      </c>
    </row>
    <row r="24" spans="1:4" ht="18" customHeight="1" x14ac:dyDescent="0.2">
      <c r="A24" s="14">
        <v>15</v>
      </c>
      <c r="B24" s="15">
        <v>34</v>
      </c>
      <c r="C24" s="16">
        <v>28</v>
      </c>
      <c r="D24" s="17">
        <v>62</v>
      </c>
    </row>
    <row r="25" spans="1:4" ht="18" customHeight="1" x14ac:dyDescent="0.2">
      <c r="A25" s="14">
        <v>16</v>
      </c>
      <c r="B25" s="15">
        <v>24</v>
      </c>
      <c r="C25" s="16">
        <v>36</v>
      </c>
      <c r="D25" s="17">
        <v>60</v>
      </c>
    </row>
    <row r="26" spans="1:4" ht="18" customHeight="1" x14ac:dyDescent="0.2">
      <c r="A26" s="14">
        <v>17</v>
      </c>
      <c r="B26" s="15">
        <v>33</v>
      </c>
      <c r="C26" s="16">
        <v>19</v>
      </c>
      <c r="D26" s="17">
        <v>52</v>
      </c>
    </row>
    <row r="27" spans="1:4" ht="18" customHeight="1" x14ac:dyDescent="0.2">
      <c r="A27" s="14">
        <v>18</v>
      </c>
      <c r="B27" s="15">
        <v>36</v>
      </c>
      <c r="C27" s="16">
        <v>21</v>
      </c>
      <c r="D27" s="17">
        <v>57</v>
      </c>
    </row>
    <row r="28" spans="1:4" ht="18" customHeight="1" x14ac:dyDescent="0.2">
      <c r="A28" s="14">
        <v>19</v>
      </c>
      <c r="B28" s="15">
        <v>26</v>
      </c>
      <c r="C28" s="16">
        <v>32</v>
      </c>
      <c r="D28" s="17">
        <v>58</v>
      </c>
    </row>
    <row r="29" spans="1:4" ht="18" customHeight="1" x14ac:dyDescent="0.2">
      <c r="A29" s="18" t="s">
        <v>52</v>
      </c>
      <c r="B29" s="15">
        <v>153</v>
      </c>
      <c r="C29" s="16">
        <v>136</v>
      </c>
      <c r="D29" s="17">
        <v>289</v>
      </c>
    </row>
    <row r="30" spans="1:4" ht="18" customHeight="1" x14ac:dyDescent="0.2">
      <c r="A30" s="14">
        <v>20</v>
      </c>
      <c r="B30" s="15">
        <v>27</v>
      </c>
      <c r="C30" s="16">
        <v>27</v>
      </c>
      <c r="D30" s="17">
        <v>54</v>
      </c>
    </row>
    <row r="31" spans="1:4" ht="18" customHeight="1" x14ac:dyDescent="0.2">
      <c r="A31" s="14">
        <v>21</v>
      </c>
      <c r="B31" s="15">
        <v>29</v>
      </c>
      <c r="C31" s="16">
        <v>18</v>
      </c>
      <c r="D31" s="17">
        <v>47</v>
      </c>
    </row>
    <row r="32" spans="1:4" ht="18" customHeight="1" x14ac:dyDescent="0.2">
      <c r="A32" s="14">
        <v>22</v>
      </c>
      <c r="B32" s="15">
        <v>23</v>
      </c>
      <c r="C32" s="16">
        <v>26</v>
      </c>
      <c r="D32" s="17">
        <v>49</v>
      </c>
    </row>
    <row r="33" spans="1:4" ht="18" customHeight="1" x14ac:dyDescent="0.2">
      <c r="A33" s="14">
        <v>23</v>
      </c>
      <c r="B33" s="15">
        <v>25</v>
      </c>
      <c r="C33" s="16">
        <v>28</v>
      </c>
      <c r="D33" s="17">
        <v>53</v>
      </c>
    </row>
    <row r="34" spans="1:4" ht="18" customHeight="1" x14ac:dyDescent="0.2">
      <c r="A34" s="14">
        <v>24</v>
      </c>
      <c r="B34" s="15">
        <v>18</v>
      </c>
      <c r="C34" s="16">
        <v>23</v>
      </c>
      <c r="D34" s="17">
        <v>41</v>
      </c>
    </row>
    <row r="35" spans="1:4" ht="18" customHeight="1" x14ac:dyDescent="0.2">
      <c r="A35" s="18" t="s">
        <v>53</v>
      </c>
      <c r="B35" s="15">
        <v>122</v>
      </c>
      <c r="C35" s="16">
        <v>122</v>
      </c>
      <c r="D35" s="17">
        <v>244</v>
      </c>
    </row>
    <row r="36" spans="1:4" ht="18" customHeight="1" x14ac:dyDescent="0.2">
      <c r="A36" s="14">
        <v>25</v>
      </c>
      <c r="B36" s="15">
        <v>25</v>
      </c>
      <c r="C36" s="16">
        <v>17</v>
      </c>
      <c r="D36" s="17">
        <v>42</v>
      </c>
    </row>
    <row r="37" spans="1:4" ht="18" customHeight="1" x14ac:dyDescent="0.2">
      <c r="A37" s="14">
        <v>26</v>
      </c>
      <c r="B37" s="15">
        <v>16</v>
      </c>
      <c r="C37" s="16">
        <v>23</v>
      </c>
      <c r="D37" s="17">
        <v>39</v>
      </c>
    </row>
    <row r="38" spans="1:4" ht="18" customHeight="1" x14ac:dyDescent="0.2">
      <c r="A38" s="14">
        <v>27</v>
      </c>
      <c r="B38" s="15">
        <v>19</v>
      </c>
      <c r="C38" s="16">
        <v>19</v>
      </c>
      <c r="D38" s="17">
        <v>38</v>
      </c>
    </row>
    <row r="39" spans="1:4" ht="18" customHeight="1" x14ac:dyDescent="0.2">
      <c r="A39" s="14">
        <v>28</v>
      </c>
      <c r="B39" s="15">
        <v>17</v>
      </c>
      <c r="C39" s="16">
        <v>15</v>
      </c>
      <c r="D39" s="17">
        <v>32</v>
      </c>
    </row>
    <row r="40" spans="1:4" ht="18" customHeight="1" x14ac:dyDescent="0.2">
      <c r="A40" s="14">
        <v>29</v>
      </c>
      <c r="B40" s="15">
        <v>21</v>
      </c>
      <c r="C40" s="16">
        <v>23</v>
      </c>
      <c r="D40" s="17">
        <v>44</v>
      </c>
    </row>
    <row r="41" spans="1:4" ht="18" customHeight="1" x14ac:dyDescent="0.2">
      <c r="A41" s="18" t="s">
        <v>54</v>
      </c>
      <c r="B41" s="15">
        <v>98</v>
      </c>
      <c r="C41" s="16">
        <v>97</v>
      </c>
      <c r="D41" s="17">
        <v>195</v>
      </c>
    </row>
    <row r="42" spans="1:4" ht="18" customHeight="1" x14ac:dyDescent="0.2">
      <c r="A42" s="14">
        <v>30</v>
      </c>
      <c r="B42" s="15">
        <v>17</v>
      </c>
      <c r="C42" s="16">
        <v>17</v>
      </c>
      <c r="D42" s="17">
        <v>34</v>
      </c>
    </row>
    <row r="43" spans="1:4" ht="18" customHeight="1" x14ac:dyDescent="0.2">
      <c r="A43" s="14">
        <v>31</v>
      </c>
      <c r="B43" s="15">
        <v>18</v>
      </c>
      <c r="C43" s="16">
        <v>26</v>
      </c>
      <c r="D43" s="17">
        <v>44</v>
      </c>
    </row>
    <row r="44" spans="1:4" ht="18" customHeight="1" x14ac:dyDescent="0.2">
      <c r="A44" s="14">
        <v>32</v>
      </c>
      <c r="B44" s="15">
        <v>21</v>
      </c>
      <c r="C44" s="16">
        <v>22</v>
      </c>
      <c r="D44" s="17">
        <v>43</v>
      </c>
    </row>
    <row r="45" spans="1:4" ht="18" customHeight="1" x14ac:dyDescent="0.2">
      <c r="A45" s="14">
        <v>33</v>
      </c>
      <c r="B45" s="15">
        <v>30</v>
      </c>
      <c r="C45" s="16">
        <v>25</v>
      </c>
      <c r="D45" s="17">
        <v>55</v>
      </c>
    </row>
    <row r="46" spans="1:4" ht="18" customHeight="1" x14ac:dyDescent="0.2">
      <c r="A46" s="14">
        <v>34</v>
      </c>
      <c r="B46" s="15">
        <v>22</v>
      </c>
      <c r="C46" s="16">
        <v>27</v>
      </c>
      <c r="D46" s="17">
        <v>49</v>
      </c>
    </row>
    <row r="47" spans="1:4" ht="18" customHeight="1" x14ac:dyDescent="0.2">
      <c r="A47" s="18" t="s">
        <v>55</v>
      </c>
      <c r="B47" s="15">
        <v>108</v>
      </c>
      <c r="C47" s="16">
        <v>117</v>
      </c>
      <c r="D47" s="17">
        <v>225</v>
      </c>
    </row>
    <row r="48" spans="1:4" ht="18" customHeight="1" x14ac:dyDescent="0.2">
      <c r="A48" s="14">
        <v>35</v>
      </c>
      <c r="B48" s="15">
        <v>22</v>
      </c>
      <c r="C48" s="16">
        <v>24</v>
      </c>
      <c r="D48" s="17">
        <v>46</v>
      </c>
    </row>
    <row r="49" spans="1:4" ht="18" customHeight="1" x14ac:dyDescent="0.2">
      <c r="A49" s="14">
        <v>36</v>
      </c>
      <c r="B49" s="15">
        <v>20</v>
      </c>
      <c r="C49" s="16">
        <v>30</v>
      </c>
      <c r="D49" s="17">
        <v>50</v>
      </c>
    </row>
    <row r="50" spans="1:4" ht="18" customHeight="1" x14ac:dyDescent="0.2">
      <c r="A50" s="14">
        <v>37</v>
      </c>
      <c r="B50" s="15">
        <v>33</v>
      </c>
      <c r="C50" s="16">
        <v>25</v>
      </c>
      <c r="D50" s="17">
        <v>58</v>
      </c>
    </row>
    <row r="51" spans="1:4" ht="18" customHeight="1" x14ac:dyDescent="0.2">
      <c r="A51" s="14">
        <v>38</v>
      </c>
      <c r="B51" s="15">
        <v>38</v>
      </c>
      <c r="C51" s="16">
        <v>32</v>
      </c>
      <c r="D51" s="17">
        <v>70</v>
      </c>
    </row>
    <row r="52" spans="1:4" ht="18" customHeight="1" x14ac:dyDescent="0.2">
      <c r="A52" s="14">
        <v>39</v>
      </c>
      <c r="B52" s="15">
        <v>33</v>
      </c>
      <c r="C52" s="16">
        <v>39</v>
      </c>
      <c r="D52" s="17">
        <v>72</v>
      </c>
    </row>
    <row r="53" spans="1:4" ht="18" customHeight="1" x14ac:dyDescent="0.2">
      <c r="A53" s="18" t="s">
        <v>56</v>
      </c>
      <c r="B53" s="15">
        <v>146</v>
      </c>
      <c r="C53" s="16">
        <v>150</v>
      </c>
      <c r="D53" s="17">
        <v>296</v>
      </c>
    </row>
    <row r="54" spans="1:4" ht="18" customHeight="1" x14ac:dyDescent="0.2">
      <c r="A54" s="14">
        <v>40</v>
      </c>
      <c r="B54" s="15">
        <v>39</v>
      </c>
      <c r="C54" s="16">
        <v>41</v>
      </c>
      <c r="D54" s="17">
        <v>80</v>
      </c>
    </row>
    <row r="55" spans="1:4" ht="18" customHeight="1" x14ac:dyDescent="0.2">
      <c r="A55" s="14">
        <v>41</v>
      </c>
      <c r="B55" s="15">
        <v>36</v>
      </c>
      <c r="C55" s="16">
        <v>44</v>
      </c>
      <c r="D55" s="17">
        <v>80</v>
      </c>
    </row>
    <row r="56" spans="1:4" ht="18" customHeight="1" x14ac:dyDescent="0.2">
      <c r="A56" s="14">
        <v>42</v>
      </c>
      <c r="B56" s="15">
        <v>49</v>
      </c>
      <c r="C56" s="16">
        <v>32</v>
      </c>
      <c r="D56" s="17">
        <v>81</v>
      </c>
    </row>
    <row r="57" spans="1:4" ht="18" customHeight="1" x14ac:dyDescent="0.2">
      <c r="A57" s="14">
        <v>43</v>
      </c>
      <c r="B57" s="15">
        <v>44</v>
      </c>
      <c r="C57" s="16">
        <v>36</v>
      </c>
      <c r="D57" s="17">
        <v>80</v>
      </c>
    </row>
    <row r="58" spans="1:4" ht="18" customHeight="1" x14ac:dyDescent="0.2">
      <c r="A58" s="14">
        <v>44</v>
      </c>
      <c r="B58" s="15">
        <v>53</v>
      </c>
      <c r="C58" s="16">
        <v>38</v>
      </c>
      <c r="D58" s="17">
        <v>91</v>
      </c>
    </row>
    <row r="59" spans="1:4" ht="18" customHeight="1" x14ac:dyDescent="0.2">
      <c r="A59" s="18" t="s">
        <v>57</v>
      </c>
      <c r="B59" s="15">
        <v>221</v>
      </c>
      <c r="C59" s="16">
        <v>191</v>
      </c>
      <c r="D59" s="17">
        <v>412</v>
      </c>
    </row>
    <row r="60" spans="1:4" ht="18" customHeight="1" x14ac:dyDescent="0.2">
      <c r="A60" s="14">
        <v>45</v>
      </c>
      <c r="B60" s="15">
        <v>50</v>
      </c>
      <c r="C60" s="16">
        <v>44</v>
      </c>
      <c r="D60" s="17">
        <v>94</v>
      </c>
    </row>
    <row r="61" spans="1:4" ht="18" customHeight="1" x14ac:dyDescent="0.2">
      <c r="A61" s="14">
        <v>46</v>
      </c>
      <c r="B61" s="15">
        <v>49</v>
      </c>
      <c r="C61" s="16">
        <v>43</v>
      </c>
      <c r="D61" s="17">
        <v>92</v>
      </c>
    </row>
    <row r="62" spans="1:4" ht="18" customHeight="1" x14ac:dyDescent="0.2">
      <c r="A62" s="14">
        <v>47</v>
      </c>
      <c r="B62" s="15">
        <v>49</v>
      </c>
      <c r="C62" s="16">
        <v>44</v>
      </c>
      <c r="D62" s="17">
        <v>93</v>
      </c>
    </row>
    <row r="63" spans="1:4" ht="18" customHeight="1" x14ac:dyDescent="0.2">
      <c r="A63" s="14">
        <v>48</v>
      </c>
      <c r="B63" s="15">
        <v>41</v>
      </c>
      <c r="C63" s="16">
        <v>51</v>
      </c>
      <c r="D63" s="17">
        <v>92</v>
      </c>
    </row>
    <row r="64" spans="1:4" ht="18" customHeight="1" x14ac:dyDescent="0.2">
      <c r="A64" s="14">
        <v>49</v>
      </c>
      <c r="B64" s="15">
        <v>54</v>
      </c>
      <c r="C64" s="16">
        <v>43</v>
      </c>
      <c r="D64" s="17">
        <v>97</v>
      </c>
    </row>
    <row r="65" spans="1:4" ht="18" customHeight="1" x14ac:dyDescent="0.2">
      <c r="A65" s="18" t="s">
        <v>58</v>
      </c>
      <c r="B65" s="15">
        <v>243</v>
      </c>
      <c r="C65" s="16">
        <v>225</v>
      </c>
      <c r="D65" s="17">
        <v>468</v>
      </c>
    </row>
    <row r="66" spans="1:4" ht="18" customHeight="1" x14ac:dyDescent="0.2">
      <c r="A66" s="14">
        <v>50</v>
      </c>
      <c r="B66" s="15">
        <v>54</v>
      </c>
      <c r="C66" s="16">
        <v>61</v>
      </c>
      <c r="D66" s="17">
        <v>115</v>
      </c>
    </row>
    <row r="67" spans="1:4" ht="18" customHeight="1" x14ac:dyDescent="0.2">
      <c r="A67" s="14">
        <v>51</v>
      </c>
      <c r="B67" s="15">
        <v>55</v>
      </c>
      <c r="C67" s="16">
        <v>36</v>
      </c>
      <c r="D67" s="17">
        <v>91</v>
      </c>
    </row>
    <row r="68" spans="1:4" ht="18" customHeight="1" x14ac:dyDescent="0.2">
      <c r="A68" s="14">
        <v>52</v>
      </c>
      <c r="B68" s="15">
        <v>41</v>
      </c>
      <c r="C68" s="16">
        <v>33</v>
      </c>
      <c r="D68" s="17">
        <v>74</v>
      </c>
    </row>
    <row r="69" spans="1:4" ht="18" customHeight="1" x14ac:dyDescent="0.2">
      <c r="A69" s="14">
        <v>53</v>
      </c>
      <c r="B69" s="15">
        <v>40</v>
      </c>
      <c r="C69" s="16">
        <v>47</v>
      </c>
      <c r="D69" s="17">
        <v>87</v>
      </c>
    </row>
    <row r="70" spans="1:4" ht="18" customHeight="1" x14ac:dyDescent="0.2">
      <c r="A70" s="14">
        <v>54</v>
      </c>
      <c r="B70" s="15">
        <v>36</v>
      </c>
      <c r="C70" s="16">
        <v>37</v>
      </c>
      <c r="D70" s="17">
        <v>73</v>
      </c>
    </row>
    <row r="71" spans="1:4" ht="18" customHeight="1" x14ac:dyDescent="0.2">
      <c r="A71" s="18" t="s">
        <v>59</v>
      </c>
      <c r="B71" s="15">
        <v>226</v>
      </c>
      <c r="C71" s="16">
        <v>214</v>
      </c>
      <c r="D71" s="17">
        <v>440</v>
      </c>
    </row>
    <row r="72" spans="1:4" ht="18" customHeight="1" x14ac:dyDescent="0.2">
      <c r="A72" s="14">
        <v>55</v>
      </c>
      <c r="B72" s="15">
        <v>40</v>
      </c>
      <c r="C72" s="16">
        <v>39</v>
      </c>
      <c r="D72" s="17">
        <v>79</v>
      </c>
    </row>
    <row r="73" spans="1:4" ht="18" customHeight="1" x14ac:dyDescent="0.2">
      <c r="A73" s="14">
        <v>56</v>
      </c>
      <c r="B73" s="15">
        <v>24</v>
      </c>
      <c r="C73" s="16">
        <v>35</v>
      </c>
      <c r="D73" s="17">
        <v>59</v>
      </c>
    </row>
    <row r="74" spans="1:4" ht="18" customHeight="1" x14ac:dyDescent="0.2">
      <c r="A74" s="14">
        <v>57</v>
      </c>
      <c r="B74" s="15">
        <v>42</v>
      </c>
      <c r="C74" s="16">
        <v>43</v>
      </c>
      <c r="D74" s="17">
        <v>85</v>
      </c>
    </row>
    <row r="75" spans="1:4" ht="18" customHeight="1" x14ac:dyDescent="0.2">
      <c r="A75" s="14">
        <v>58</v>
      </c>
      <c r="B75" s="15">
        <v>34</v>
      </c>
      <c r="C75" s="16">
        <v>37</v>
      </c>
      <c r="D75" s="17">
        <v>71</v>
      </c>
    </row>
    <row r="76" spans="1:4" ht="18" customHeight="1" x14ac:dyDescent="0.2">
      <c r="A76" s="14">
        <v>59</v>
      </c>
      <c r="B76" s="15">
        <v>36</v>
      </c>
      <c r="C76" s="16">
        <v>42</v>
      </c>
      <c r="D76" s="17">
        <v>78</v>
      </c>
    </row>
    <row r="77" spans="1:4" ht="18" customHeight="1" x14ac:dyDescent="0.2">
      <c r="A77" s="18" t="s">
        <v>60</v>
      </c>
      <c r="B77" s="15">
        <v>176</v>
      </c>
      <c r="C77" s="16">
        <v>196</v>
      </c>
      <c r="D77" s="17">
        <v>372</v>
      </c>
    </row>
    <row r="78" spans="1:4" ht="18" customHeight="1" x14ac:dyDescent="0.2">
      <c r="A78" s="14">
        <v>60</v>
      </c>
      <c r="B78" s="15">
        <v>38</v>
      </c>
      <c r="C78" s="16">
        <v>42</v>
      </c>
      <c r="D78" s="17">
        <v>80</v>
      </c>
    </row>
    <row r="79" spans="1:4" ht="18" customHeight="1" x14ac:dyDescent="0.2">
      <c r="A79" s="14">
        <v>61</v>
      </c>
      <c r="B79" s="15">
        <v>32</v>
      </c>
      <c r="C79" s="16">
        <v>35</v>
      </c>
      <c r="D79" s="17">
        <v>67</v>
      </c>
    </row>
    <row r="80" spans="1:4" ht="18" customHeight="1" x14ac:dyDescent="0.2">
      <c r="A80" s="14">
        <v>62</v>
      </c>
      <c r="B80" s="15">
        <v>48</v>
      </c>
      <c r="C80" s="16">
        <v>40</v>
      </c>
      <c r="D80" s="17">
        <v>88</v>
      </c>
    </row>
    <row r="81" spans="1:4" ht="18" customHeight="1" x14ac:dyDescent="0.2">
      <c r="A81" s="14">
        <v>63</v>
      </c>
      <c r="B81" s="15">
        <v>35</v>
      </c>
      <c r="C81" s="16">
        <v>40</v>
      </c>
      <c r="D81" s="17">
        <v>75</v>
      </c>
    </row>
    <row r="82" spans="1:4" ht="18" customHeight="1" x14ac:dyDescent="0.2">
      <c r="A82" s="14">
        <v>64</v>
      </c>
      <c r="B82" s="15">
        <v>49</v>
      </c>
      <c r="C82" s="16">
        <v>43</v>
      </c>
      <c r="D82" s="17">
        <v>92</v>
      </c>
    </row>
    <row r="83" spans="1:4" ht="18" customHeight="1" x14ac:dyDescent="0.2">
      <c r="A83" s="18" t="s">
        <v>61</v>
      </c>
      <c r="B83" s="15">
        <v>202</v>
      </c>
      <c r="C83" s="16">
        <v>200</v>
      </c>
      <c r="D83" s="17">
        <v>402</v>
      </c>
    </row>
    <row r="84" spans="1:4" ht="18" customHeight="1" x14ac:dyDescent="0.2">
      <c r="A84" s="18" t="s">
        <v>62</v>
      </c>
      <c r="B84" s="15">
        <v>1695</v>
      </c>
      <c r="C84" s="16">
        <v>1648</v>
      </c>
      <c r="D84" s="17">
        <v>3343</v>
      </c>
    </row>
    <row r="85" spans="1:4" ht="18" customHeight="1" x14ac:dyDescent="0.2">
      <c r="A85" s="14">
        <v>65</v>
      </c>
      <c r="B85" s="15">
        <v>33</v>
      </c>
      <c r="C85" s="16">
        <v>54</v>
      </c>
      <c r="D85" s="17">
        <v>87</v>
      </c>
    </row>
    <row r="86" spans="1:4" ht="18" customHeight="1" x14ac:dyDescent="0.2">
      <c r="A86" s="14">
        <v>66</v>
      </c>
      <c r="B86" s="15">
        <v>36</v>
      </c>
      <c r="C86" s="16">
        <v>50</v>
      </c>
      <c r="D86" s="17">
        <v>86</v>
      </c>
    </row>
    <row r="87" spans="1:4" ht="18" customHeight="1" x14ac:dyDescent="0.2">
      <c r="A87" s="14">
        <v>67</v>
      </c>
      <c r="B87" s="15">
        <v>46</v>
      </c>
      <c r="C87" s="16">
        <v>68</v>
      </c>
      <c r="D87" s="17">
        <v>114</v>
      </c>
    </row>
    <row r="88" spans="1:4" ht="18" customHeight="1" x14ac:dyDescent="0.2">
      <c r="A88" s="14">
        <v>68</v>
      </c>
      <c r="B88" s="15">
        <v>60</v>
      </c>
      <c r="C88" s="16">
        <v>71</v>
      </c>
      <c r="D88" s="17">
        <v>131</v>
      </c>
    </row>
    <row r="89" spans="1:4" ht="18" customHeight="1" x14ac:dyDescent="0.2">
      <c r="A89" s="14">
        <v>69</v>
      </c>
      <c r="B89" s="15">
        <v>62</v>
      </c>
      <c r="C89" s="16">
        <v>80</v>
      </c>
      <c r="D89" s="17">
        <v>142</v>
      </c>
    </row>
    <row r="90" spans="1:4" ht="18" customHeight="1" x14ac:dyDescent="0.2">
      <c r="A90" s="18" t="s">
        <v>63</v>
      </c>
      <c r="B90" s="15">
        <v>237</v>
      </c>
      <c r="C90" s="16">
        <v>323</v>
      </c>
      <c r="D90" s="17">
        <v>560</v>
      </c>
    </row>
    <row r="91" spans="1:4" ht="18" customHeight="1" x14ac:dyDescent="0.2">
      <c r="A91" s="14">
        <v>70</v>
      </c>
      <c r="B91" s="15">
        <v>83</v>
      </c>
      <c r="C91" s="16">
        <v>75</v>
      </c>
      <c r="D91" s="17">
        <v>158</v>
      </c>
    </row>
    <row r="92" spans="1:4" ht="18" customHeight="1" x14ac:dyDescent="0.2">
      <c r="A92" s="14">
        <v>71</v>
      </c>
      <c r="B92" s="15">
        <v>83</v>
      </c>
      <c r="C92" s="16">
        <v>75</v>
      </c>
      <c r="D92" s="17">
        <v>158</v>
      </c>
    </row>
    <row r="93" spans="1:4" ht="18" customHeight="1" x14ac:dyDescent="0.2">
      <c r="A93" s="14">
        <v>72</v>
      </c>
      <c r="B93" s="15">
        <v>83</v>
      </c>
      <c r="C93" s="16">
        <v>82</v>
      </c>
      <c r="D93" s="17">
        <v>165</v>
      </c>
    </row>
    <row r="94" spans="1:4" ht="18" customHeight="1" x14ac:dyDescent="0.2">
      <c r="A94" s="14">
        <v>73</v>
      </c>
      <c r="B94" s="15">
        <v>66</v>
      </c>
      <c r="C94" s="16">
        <v>91</v>
      </c>
      <c r="D94" s="17">
        <v>157</v>
      </c>
    </row>
    <row r="95" spans="1:4" ht="18" customHeight="1" x14ac:dyDescent="0.2">
      <c r="A95" s="14">
        <v>74</v>
      </c>
      <c r="B95" s="15">
        <v>39</v>
      </c>
      <c r="C95" s="16">
        <v>48</v>
      </c>
      <c r="D95" s="17">
        <v>87</v>
      </c>
    </row>
    <row r="96" spans="1:4" ht="18" customHeight="1" x14ac:dyDescent="0.2">
      <c r="A96" s="18" t="s">
        <v>64</v>
      </c>
      <c r="B96" s="15">
        <v>354</v>
      </c>
      <c r="C96" s="16">
        <v>371</v>
      </c>
      <c r="D96" s="17">
        <v>725</v>
      </c>
    </row>
    <row r="97" spans="1:4" ht="18" customHeight="1" x14ac:dyDescent="0.2">
      <c r="A97" s="14">
        <v>75</v>
      </c>
      <c r="B97" s="15">
        <v>53</v>
      </c>
      <c r="C97" s="16">
        <v>56</v>
      </c>
      <c r="D97" s="17">
        <v>109</v>
      </c>
    </row>
    <row r="98" spans="1:4" ht="18" customHeight="1" x14ac:dyDescent="0.2">
      <c r="A98" s="14">
        <v>76</v>
      </c>
      <c r="B98" s="15">
        <v>56</v>
      </c>
      <c r="C98" s="16">
        <v>59</v>
      </c>
      <c r="D98" s="17">
        <v>115</v>
      </c>
    </row>
    <row r="99" spans="1:4" ht="18" customHeight="1" x14ac:dyDescent="0.2">
      <c r="A99" s="14">
        <v>77</v>
      </c>
      <c r="B99" s="15">
        <v>54</v>
      </c>
      <c r="C99" s="16">
        <v>40</v>
      </c>
      <c r="D99" s="17">
        <v>94</v>
      </c>
    </row>
    <row r="100" spans="1:4" ht="18" customHeight="1" x14ac:dyDescent="0.2">
      <c r="A100" s="14">
        <v>78</v>
      </c>
      <c r="B100" s="15">
        <v>52</v>
      </c>
      <c r="C100" s="16">
        <v>63</v>
      </c>
      <c r="D100" s="17">
        <v>115</v>
      </c>
    </row>
    <row r="101" spans="1:4" ht="18" customHeight="1" x14ac:dyDescent="0.2">
      <c r="A101" s="14">
        <v>79</v>
      </c>
      <c r="B101" s="15">
        <v>38</v>
      </c>
      <c r="C101" s="16">
        <v>54</v>
      </c>
      <c r="D101" s="17">
        <v>92</v>
      </c>
    </row>
    <row r="102" spans="1:4" ht="18" customHeight="1" x14ac:dyDescent="0.2">
      <c r="A102" s="18" t="s">
        <v>65</v>
      </c>
      <c r="B102" s="15">
        <v>253</v>
      </c>
      <c r="C102" s="16">
        <v>272</v>
      </c>
      <c r="D102" s="17">
        <v>525</v>
      </c>
    </row>
    <row r="103" spans="1:4" ht="18" customHeight="1" x14ac:dyDescent="0.2">
      <c r="A103" s="14">
        <v>80</v>
      </c>
      <c r="B103" s="15">
        <v>38</v>
      </c>
      <c r="C103" s="16">
        <v>42</v>
      </c>
      <c r="D103" s="17">
        <v>80</v>
      </c>
    </row>
    <row r="104" spans="1:4" ht="18" customHeight="1" x14ac:dyDescent="0.2">
      <c r="A104" s="14">
        <v>81</v>
      </c>
      <c r="B104" s="15">
        <v>39</v>
      </c>
      <c r="C104" s="16">
        <v>35</v>
      </c>
      <c r="D104" s="17">
        <v>74</v>
      </c>
    </row>
    <row r="105" spans="1:4" ht="18" customHeight="1" x14ac:dyDescent="0.2">
      <c r="A105" s="14">
        <v>82</v>
      </c>
      <c r="B105" s="15">
        <v>28</v>
      </c>
      <c r="C105" s="16">
        <v>31</v>
      </c>
      <c r="D105" s="17">
        <v>59</v>
      </c>
    </row>
    <row r="106" spans="1:4" ht="18" customHeight="1" x14ac:dyDescent="0.2">
      <c r="A106" s="14">
        <v>83</v>
      </c>
      <c r="B106" s="15">
        <v>22</v>
      </c>
      <c r="C106" s="16">
        <v>39</v>
      </c>
      <c r="D106" s="17">
        <v>61</v>
      </c>
    </row>
    <row r="107" spans="1:4" ht="18" customHeight="1" x14ac:dyDescent="0.2">
      <c r="A107" s="14">
        <v>84</v>
      </c>
      <c r="B107" s="15">
        <v>12</v>
      </c>
      <c r="C107" s="16">
        <v>31</v>
      </c>
      <c r="D107" s="17">
        <v>43</v>
      </c>
    </row>
    <row r="108" spans="1:4" ht="18" customHeight="1" x14ac:dyDescent="0.2">
      <c r="A108" s="18" t="s">
        <v>66</v>
      </c>
      <c r="B108" s="15">
        <v>139</v>
      </c>
      <c r="C108" s="16">
        <v>178</v>
      </c>
      <c r="D108" s="17">
        <v>317</v>
      </c>
    </row>
    <row r="109" spans="1:4" ht="18" customHeight="1" x14ac:dyDescent="0.2">
      <c r="A109" s="14">
        <v>85</v>
      </c>
      <c r="B109" s="15">
        <v>23</v>
      </c>
      <c r="C109" s="16">
        <v>29</v>
      </c>
      <c r="D109" s="17">
        <v>52</v>
      </c>
    </row>
    <row r="110" spans="1:4" ht="18" customHeight="1" x14ac:dyDescent="0.2">
      <c r="A110" s="14">
        <v>86</v>
      </c>
      <c r="B110" s="15">
        <v>9</v>
      </c>
      <c r="C110" s="16">
        <v>23</v>
      </c>
      <c r="D110" s="17">
        <v>32</v>
      </c>
    </row>
    <row r="111" spans="1:4" ht="18" customHeight="1" x14ac:dyDescent="0.2">
      <c r="A111" s="14">
        <v>87</v>
      </c>
      <c r="B111" s="15">
        <v>18</v>
      </c>
      <c r="C111" s="16">
        <v>29</v>
      </c>
      <c r="D111" s="17">
        <v>47</v>
      </c>
    </row>
    <row r="112" spans="1:4" ht="18" customHeight="1" x14ac:dyDescent="0.2">
      <c r="A112" s="14">
        <v>88</v>
      </c>
      <c r="B112" s="15">
        <v>13</v>
      </c>
      <c r="C112" s="16">
        <v>22</v>
      </c>
      <c r="D112" s="17">
        <v>35</v>
      </c>
    </row>
    <row r="113" spans="1:4" ht="18" customHeight="1" x14ac:dyDescent="0.2">
      <c r="A113" s="14">
        <v>89</v>
      </c>
      <c r="B113" s="15">
        <v>11</v>
      </c>
      <c r="C113" s="16">
        <v>23</v>
      </c>
      <c r="D113" s="17">
        <v>34</v>
      </c>
    </row>
    <row r="114" spans="1:4" ht="18" customHeight="1" x14ac:dyDescent="0.2">
      <c r="A114" s="18" t="s">
        <v>67</v>
      </c>
      <c r="B114" s="15">
        <v>74</v>
      </c>
      <c r="C114" s="16">
        <v>126</v>
      </c>
      <c r="D114" s="17">
        <v>200</v>
      </c>
    </row>
    <row r="115" spans="1:4" ht="18" customHeight="1" x14ac:dyDescent="0.2">
      <c r="A115" s="14">
        <v>90</v>
      </c>
      <c r="B115" s="15">
        <v>8</v>
      </c>
      <c r="C115" s="16">
        <v>27</v>
      </c>
      <c r="D115" s="17">
        <v>35</v>
      </c>
    </row>
    <row r="116" spans="1:4" ht="18" customHeight="1" x14ac:dyDescent="0.2">
      <c r="A116" s="14">
        <v>91</v>
      </c>
      <c r="B116" s="15">
        <v>9</v>
      </c>
      <c r="C116" s="16">
        <v>23</v>
      </c>
      <c r="D116" s="17">
        <v>32</v>
      </c>
    </row>
    <row r="117" spans="1:4" ht="18" customHeight="1" x14ac:dyDescent="0.2">
      <c r="A117" s="14">
        <v>92</v>
      </c>
      <c r="B117" s="15">
        <v>3</v>
      </c>
      <c r="C117" s="16">
        <v>12</v>
      </c>
      <c r="D117" s="17">
        <v>15</v>
      </c>
    </row>
    <row r="118" spans="1:4" ht="18" customHeight="1" x14ac:dyDescent="0.2">
      <c r="A118" s="14">
        <v>93</v>
      </c>
      <c r="B118" s="15">
        <v>7</v>
      </c>
      <c r="C118" s="16">
        <v>11</v>
      </c>
      <c r="D118" s="17">
        <v>18</v>
      </c>
    </row>
    <row r="119" spans="1:4" ht="18" customHeight="1" x14ac:dyDescent="0.2">
      <c r="A119" s="14">
        <v>94</v>
      </c>
      <c r="B119" s="15">
        <v>4</v>
      </c>
      <c r="C119" s="16">
        <v>14</v>
      </c>
      <c r="D119" s="17">
        <v>18</v>
      </c>
    </row>
    <row r="120" spans="1:4" ht="18" customHeight="1" x14ac:dyDescent="0.2">
      <c r="A120" s="18" t="s">
        <v>68</v>
      </c>
      <c r="B120" s="15">
        <v>31</v>
      </c>
      <c r="C120" s="16">
        <v>87</v>
      </c>
      <c r="D120" s="17">
        <v>118</v>
      </c>
    </row>
    <row r="121" spans="1:4" ht="18" customHeight="1" x14ac:dyDescent="0.2">
      <c r="A121" s="14">
        <v>95</v>
      </c>
      <c r="B121" s="15">
        <v>3</v>
      </c>
      <c r="C121" s="16">
        <v>15</v>
      </c>
      <c r="D121" s="17">
        <v>18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6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6</v>
      </c>
      <c r="C126" s="16">
        <v>29</v>
      </c>
      <c r="D126" s="17">
        <v>3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1094</v>
      </c>
      <c r="C130" s="5">
        <v>1390</v>
      </c>
      <c r="D130" s="6">
        <v>2484</v>
      </c>
    </row>
    <row r="131" spans="1:4" ht="18" customHeight="1" x14ac:dyDescent="0.2">
      <c r="A131" s="20" t="s">
        <v>47</v>
      </c>
      <c r="B131" s="7">
        <v>3134</v>
      </c>
      <c r="C131" s="8">
        <v>3363</v>
      </c>
      <c r="D131" s="9">
        <v>649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4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</v>
      </c>
      <c r="C5" s="12">
        <v>10</v>
      </c>
      <c r="D5" s="13">
        <v>16</v>
      </c>
    </row>
    <row r="6" spans="1:4" ht="18" customHeight="1" x14ac:dyDescent="0.2">
      <c r="A6" s="14">
        <v>1</v>
      </c>
      <c r="B6" s="15">
        <v>7</v>
      </c>
      <c r="C6" s="16">
        <v>4</v>
      </c>
      <c r="D6" s="17">
        <v>11</v>
      </c>
    </row>
    <row r="7" spans="1:4" ht="18" customHeight="1" x14ac:dyDescent="0.2">
      <c r="A7" s="14">
        <v>2</v>
      </c>
      <c r="B7" s="15">
        <v>6</v>
      </c>
      <c r="C7" s="16">
        <v>11</v>
      </c>
      <c r="D7" s="17">
        <v>17</v>
      </c>
    </row>
    <row r="8" spans="1:4" ht="18" customHeight="1" x14ac:dyDescent="0.2">
      <c r="A8" s="14">
        <v>3</v>
      </c>
      <c r="B8" s="15">
        <v>8</v>
      </c>
      <c r="C8" s="16">
        <v>6</v>
      </c>
      <c r="D8" s="17">
        <v>14</v>
      </c>
    </row>
    <row r="9" spans="1:4" ht="18" customHeight="1" x14ac:dyDescent="0.2">
      <c r="A9" s="14">
        <v>4</v>
      </c>
      <c r="B9" s="15">
        <v>7</v>
      </c>
      <c r="C9" s="16">
        <v>4</v>
      </c>
      <c r="D9" s="17">
        <v>11</v>
      </c>
    </row>
    <row r="10" spans="1:4" ht="18" customHeight="1" x14ac:dyDescent="0.2">
      <c r="A10" s="18" t="s">
        <v>48</v>
      </c>
      <c r="B10" s="15">
        <v>34</v>
      </c>
      <c r="C10" s="16">
        <v>35</v>
      </c>
      <c r="D10" s="17">
        <v>69</v>
      </c>
    </row>
    <row r="11" spans="1:4" ht="18" customHeight="1" x14ac:dyDescent="0.2">
      <c r="A11" s="14">
        <v>5</v>
      </c>
      <c r="B11" s="15">
        <v>12</v>
      </c>
      <c r="C11" s="16">
        <v>7</v>
      </c>
      <c r="D11" s="17">
        <v>19</v>
      </c>
    </row>
    <row r="12" spans="1:4" ht="18" customHeight="1" x14ac:dyDescent="0.2">
      <c r="A12" s="14">
        <v>6</v>
      </c>
      <c r="B12" s="15">
        <v>12</v>
      </c>
      <c r="C12" s="16">
        <v>6</v>
      </c>
      <c r="D12" s="17">
        <v>18</v>
      </c>
    </row>
    <row r="13" spans="1:4" ht="18" customHeight="1" x14ac:dyDescent="0.2">
      <c r="A13" s="14">
        <v>7</v>
      </c>
      <c r="B13" s="15">
        <v>13</v>
      </c>
      <c r="C13" s="16">
        <v>7</v>
      </c>
      <c r="D13" s="17">
        <v>20</v>
      </c>
    </row>
    <row r="14" spans="1:4" ht="18" customHeight="1" x14ac:dyDescent="0.2">
      <c r="A14" s="14">
        <v>8</v>
      </c>
      <c r="B14" s="15">
        <v>10</v>
      </c>
      <c r="C14" s="16">
        <v>10</v>
      </c>
      <c r="D14" s="17">
        <v>20</v>
      </c>
    </row>
    <row r="15" spans="1:4" ht="18" customHeight="1" x14ac:dyDescent="0.2">
      <c r="A15" s="14">
        <v>9</v>
      </c>
      <c r="B15" s="15">
        <v>15</v>
      </c>
      <c r="C15" s="16">
        <v>7</v>
      </c>
      <c r="D15" s="17">
        <v>22</v>
      </c>
    </row>
    <row r="16" spans="1:4" ht="18" customHeight="1" x14ac:dyDescent="0.2">
      <c r="A16" s="18" t="s">
        <v>49</v>
      </c>
      <c r="B16" s="15">
        <v>62</v>
      </c>
      <c r="C16" s="16">
        <v>37</v>
      </c>
      <c r="D16" s="17">
        <v>99</v>
      </c>
    </row>
    <row r="17" spans="1:4" ht="18" customHeight="1" x14ac:dyDescent="0.2">
      <c r="A17" s="14">
        <v>10</v>
      </c>
      <c r="B17" s="15">
        <v>18</v>
      </c>
      <c r="C17" s="16">
        <v>14</v>
      </c>
      <c r="D17" s="17">
        <v>32</v>
      </c>
    </row>
    <row r="18" spans="1:4" ht="18" customHeight="1" x14ac:dyDescent="0.2">
      <c r="A18" s="14">
        <v>11</v>
      </c>
      <c r="B18" s="15">
        <v>13</v>
      </c>
      <c r="C18" s="16">
        <v>14</v>
      </c>
      <c r="D18" s="17">
        <v>27</v>
      </c>
    </row>
    <row r="19" spans="1:4" ht="18" customHeight="1" x14ac:dyDescent="0.2">
      <c r="A19" s="14">
        <v>12</v>
      </c>
      <c r="B19" s="15">
        <v>20</v>
      </c>
      <c r="C19" s="16">
        <v>19</v>
      </c>
      <c r="D19" s="17">
        <v>39</v>
      </c>
    </row>
    <row r="20" spans="1:4" ht="18" customHeight="1" x14ac:dyDescent="0.2">
      <c r="A20" s="14">
        <v>13</v>
      </c>
      <c r="B20" s="15">
        <v>12</v>
      </c>
      <c r="C20" s="16">
        <v>17</v>
      </c>
      <c r="D20" s="17">
        <v>29</v>
      </c>
    </row>
    <row r="21" spans="1:4" ht="18" customHeight="1" x14ac:dyDescent="0.2">
      <c r="A21" s="14">
        <v>14</v>
      </c>
      <c r="B21" s="15">
        <v>25</v>
      </c>
      <c r="C21" s="16">
        <v>10</v>
      </c>
      <c r="D21" s="17">
        <v>35</v>
      </c>
    </row>
    <row r="22" spans="1:4" ht="18" customHeight="1" x14ac:dyDescent="0.2">
      <c r="A22" s="18" t="s">
        <v>50</v>
      </c>
      <c r="B22" s="15">
        <v>88</v>
      </c>
      <c r="C22" s="16">
        <v>74</v>
      </c>
      <c r="D22" s="17">
        <v>162</v>
      </c>
    </row>
    <row r="23" spans="1:4" ht="18" customHeight="1" x14ac:dyDescent="0.2">
      <c r="A23" s="18" t="s">
        <v>51</v>
      </c>
      <c r="B23" s="15">
        <v>184</v>
      </c>
      <c r="C23" s="16">
        <v>146</v>
      </c>
      <c r="D23" s="17">
        <v>330</v>
      </c>
    </row>
    <row r="24" spans="1:4" ht="18" customHeight="1" x14ac:dyDescent="0.2">
      <c r="A24" s="14">
        <v>15</v>
      </c>
      <c r="B24" s="15">
        <v>19</v>
      </c>
      <c r="C24" s="16">
        <v>19</v>
      </c>
      <c r="D24" s="17">
        <v>38</v>
      </c>
    </row>
    <row r="25" spans="1:4" ht="18" customHeight="1" x14ac:dyDescent="0.2">
      <c r="A25" s="14">
        <v>16</v>
      </c>
      <c r="B25" s="15">
        <v>21</v>
      </c>
      <c r="C25" s="16">
        <v>22</v>
      </c>
      <c r="D25" s="17">
        <v>43</v>
      </c>
    </row>
    <row r="26" spans="1:4" ht="18" customHeight="1" x14ac:dyDescent="0.2">
      <c r="A26" s="14">
        <v>17</v>
      </c>
      <c r="B26" s="15">
        <v>17</v>
      </c>
      <c r="C26" s="16">
        <v>19</v>
      </c>
      <c r="D26" s="17">
        <v>36</v>
      </c>
    </row>
    <row r="27" spans="1:4" ht="18" customHeight="1" x14ac:dyDescent="0.2">
      <c r="A27" s="14">
        <v>18</v>
      </c>
      <c r="B27" s="15">
        <v>22</v>
      </c>
      <c r="C27" s="16">
        <v>14</v>
      </c>
      <c r="D27" s="17">
        <v>36</v>
      </c>
    </row>
    <row r="28" spans="1:4" ht="18" customHeight="1" x14ac:dyDescent="0.2">
      <c r="A28" s="14">
        <v>19</v>
      </c>
      <c r="B28" s="15">
        <v>23</v>
      </c>
      <c r="C28" s="16">
        <v>27</v>
      </c>
      <c r="D28" s="17">
        <v>50</v>
      </c>
    </row>
    <row r="29" spans="1:4" ht="18" customHeight="1" x14ac:dyDescent="0.2">
      <c r="A29" s="18" t="s">
        <v>52</v>
      </c>
      <c r="B29" s="15">
        <v>102</v>
      </c>
      <c r="C29" s="16">
        <v>101</v>
      </c>
      <c r="D29" s="17">
        <v>203</v>
      </c>
    </row>
    <row r="30" spans="1:4" ht="18" customHeight="1" x14ac:dyDescent="0.2">
      <c r="A30" s="14">
        <v>20</v>
      </c>
      <c r="B30" s="15">
        <v>27</v>
      </c>
      <c r="C30" s="16">
        <v>23</v>
      </c>
      <c r="D30" s="17">
        <v>50</v>
      </c>
    </row>
    <row r="31" spans="1:4" ht="18" customHeight="1" x14ac:dyDescent="0.2">
      <c r="A31" s="14">
        <v>21</v>
      </c>
      <c r="B31" s="15">
        <v>14</v>
      </c>
      <c r="C31" s="16">
        <v>19</v>
      </c>
      <c r="D31" s="17">
        <v>33</v>
      </c>
    </row>
    <row r="32" spans="1:4" ht="18" customHeight="1" x14ac:dyDescent="0.2">
      <c r="A32" s="14">
        <v>22</v>
      </c>
      <c r="B32" s="15">
        <v>20</v>
      </c>
      <c r="C32" s="16">
        <v>15</v>
      </c>
      <c r="D32" s="17">
        <v>35</v>
      </c>
    </row>
    <row r="33" spans="1:4" ht="18" customHeight="1" x14ac:dyDescent="0.2">
      <c r="A33" s="14">
        <v>23</v>
      </c>
      <c r="B33" s="15">
        <v>18</v>
      </c>
      <c r="C33" s="16">
        <v>17</v>
      </c>
      <c r="D33" s="17">
        <v>35</v>
      </c>
    </row>
    <row r="34" spans="1:4" ht="18" customHeight="1" x14ac:dyDescent="0.2">
      <c r="A34" s="14">
        <v>24</v>
      </c>
      <c r="B34" s="15">
        <v>23</v>
      </c>
      <c r="C34" s="16">
        <v>16</v>
      </c>
      <c r="D34" s="17">
        <v>39</v>
      </c>
    </row>
    <row r="35" spans="1:4" ht="18" customHeight="1" x14ac:dyDescent="0.2">
      <c r="A35" s="18" t="s">
        <v>53</v>
      </c>
      <c r="B35" s="15">
        <v>102</v>
      </c>
      <c r="C35" s="16">
        <v>90</v>
      </c>
      <c r="D35" s="17">
        <v>192</v>
      </c>
    </row>
    <row r="36" spans="1:4" ht="18" customHeight="1" x14ac:dyDescent="0.2">
      <c r="A36" s="14">
        <v>25</v>
      </c>
      <c r="B36" s="15">
        <v>11</v>
      </c>
      <c r="C36" s="16">
        <v>14</v>
      </c>
      <c r="D36" s="17">
        <v>25</v>
      </c>
    </row>
    <row r="37" spans="1:4" ht="18" customHeight="1" x14ac:dyDescent="0.2">
      <c r="A37" s="14">
        <v>26</v>
      </c>
      <c r="B37" s="15">
        <v>15</v>
      </c>
      <c r="C37" s="16">
        <v>19</v>
      </c>
      <c r="D37" s="17">
        <v>34</v>
      </c>
    </row>
    <row r="38" spans="1:4" ht="18" customHeight="1" x14ac:dyDescent="0.2">
      <c r="A38" s="14">
        <v>27</v>
      </c>
      <c r="B38" s="15">
        <v>16</v>
      </c>
      <c r="C38" s="16">
        <v>12</v>
      </c>
      <c r="D38" s="17">
        <v>28</v>
      </c>
    </row>
    <row r="39" spans="1:4" ht="18" customHeight="1" x14ac:dyDescent="0.2">
      <c r="A39" s="14">
        <v>28</v>
      </c>
      <c r="B39" s="15">
        <v>21</v>
      </c>
      <c r="C39" s="16">
        <v>11</v>
      </c>
      <c r="D39" s="17">
        <v>32</v>
      </c>
    </row>
    <row r="40" spans="1:4" ht="18" customHeight="1" x14ac:dyDescent="0.2">
      <c r="A40" s="14">
        <v>29</v>
      </c>
      <c r="B40" s="15">
        <v>18</v>
      </c>
      <c r="C40" s="16">
        <v>11</v>
      </c>
      <c r="D40" s="17">
        <v>29</v>
      </c>
    </row>
    <row r="41" spans="1:4" ht="18" customHeight="1" x14ac:dyDescent="0.2">
      <c r="A41" s="18" t="s">
        <v>54</v>
      </c>
      <c r="B41" s="15">
        <v>81</v>
      </c>
      <c r="C41" s="16">
        <v>67</v>
      </c>
      <c r="D41" s="17">
        <v>148</v>
      </c>
    </row>
    <row r="42" spans="1:4" ht="18" customHeight="1" x14ac:dyDescent="0.2">
      <c r="A42" s="14">
        <v>30</v>
      </c>
      <c r="B42" s="15">
        <v>19</v>
      </c>
      <c r="C42" s="16">
        <v>9</v>
      </c>
      <c r="D42" s="17">
        <v>28</v>
      </c>
    </row>
    <row r="43" spans="1:4" ht="18" customHeight="1" x14ac:dyDescent="0.2">
      <c r="A43" s="14">
        <v>31</v>
      </c>
      <c r="B43" s="15">
        <v>12</v>
      </c>
      <c r="C43" s="16">
        <v>8</v>
      </c>
      <c r="D43" s="17">
        <v>20</v>
      </c>
    </row>
    <row r="44" spans="1:4" ht="18" customHeight="1" x14ac:dyDescent="0.2">
      <c r="A44" s="14">
        <v>32</v>
      </c>
      <c r="B44" s="15">
        <v>10</v>
      </c>
      <c r="C44" s="16">
        <v>14</v>
      </c>
      <c r="D44" s="17">
        <v>24</v>
      </c>
    </row>
    <row r="45" spans="1:4" ht="18" customHeight="1" x14ac:dyDescent="0.2">
      <c r="A45" s="14">
        <v>33</v>
      </c>
      <c r="B45" s="15">
        <v>20</v>
      </c>
      <c r="C45" s="16">
        <v>16</v>
      </c>
      <c r="D45" s="17">
        <v>36</v>
      </c>
    </row>
    <row r="46" spans="1:4" ht="18" customHeight="1" x14ac:dyDescent="0.2">
      <c r="A46" s="14">
        <v>34</v>
      </c>
      <c r="B46" s="15">
        <v>8</v>
      </c>
      <c r="C46" s="16">
        <v>11</v>
      </c>
      <c r="D46" s="17">
        <v>19</v>
      </c>
    </row>
    <row r="47" spans="1:4" ht="18" customHeight="1" x14ac:dyDescent="0.2">
      <c r="A47" s="18" t="s">
        <v>55</v>
      </c>
      <c r="B47" s="15">
        <v>69</v>
      </c>
      <c r="C47" s="16">
        <v>58</v>
      </c>
      <c r="D47" s="17">
        <v>127</v>
      </c>
    </row>
    <row r="48" spans="1:4" ht="18" customHeight="1" x14ac:dyDescent="0.2">
      <c r="A48" s="14">
        <v>35</v>
      </c>
      <c r="B48" s="15">
        <v>14</v>
      </c>
      <c r="C48" s="16">
        <v>15</v>
      </c>
      <c r="D48" s="17">
        <v>29</v>
      </c>
    </row>
    <row r="49" spans="1:4" ht="18" customHeight="1" x14ac:dyDescent="0.2">
      <c r="A49" s="14">
        <v>36</v>
      </c>
      <c r="B49" s="15">
        <v>13</v>
      </c>
      <c r="C49" s="16">
        <v>12</v>
      </c>
      <c r="D49" s="17">
        <v>25</v>
      </c>
    </row>
    <row r="50" spans="1:4" ht="18" customHeight="1" x14ac:dyDescent="0.2">
      <c r="A50" s="14">
        <v>37</v>
      </c>
      <c r="B50" s="15">
        <v>12</v>
      </c>
      <c r="C50" s="16">
        <v>15</v>
      </c>
      <c r="D50" s="17">
        <v>27</v>
      </c>
    </row>
    <row r="51" spans="1:4" ht="18" customHeight="1" x14ac:dyDescent="0.2">
      <c r="A51" s="14">
        <v>38</v>
      </c>
      <c r="B51" s="15">
        <v>11</v>
      </c>
      <c r="C51" s="16">
        <v>14</v>
      </c>
      <c r="D51" s="17">
        <v>25</v>
      </c>
    </row>
    <row r="52" spans="1:4" ht="18" customHeight="1" x14ac:dyDescent="0.2">
      <c r="A52" s="14">
        <v>39</v>
      </c>
      <c r="B52" s="15">
        <v>21</v>
      </c>
      <c r="C52" s="16">
        <v>13</v>
      </c>
      <c r="D52" s="17">
        <v>34</v>
      </c>
    </row>
    <row r="53" spans="1:4" ht="18" customHeight="1" x14ac:dyDescent="0.2">
      <c r="A53" s="18" t="s">
        <v>56</v>
      </c>
      <c r="B53" s="15">
        <v>71</v>
      </c>
      <c r="C53" s="16">
        <v>69</v>
      </c>
      <c r="D53" s="17">
        <v>140</v>
      </c>
    </row>
    <row r="54" spans="1:4" ht="18" customHeight="1" x14ac:dyDescent="0.2">
      <c r="A54" s="14">
        <v>40</v>
      </c>
      <c r="B54" s="15">
        <v>18</v>
      </c>
      <c r="C54" s="16">
        <v>14</v>
      </c>
      <c r="D54" s="17">
        <v>32</v>
      </c>
    </row>
    <row r="55" spans="1:4" ht="18" customHeight="1" x14ac:dyDescent="0.2">
      <c r="A55" s="14">
        <v>41</v>
      </c>
      <c r="B55" s="15">
        <v>18</v>
      </c>
      <c r="C55" s="16">
        <v>13</v>
      </c>
      <c r="D55" s="17">
        <v>31</v>
      </c>
    </row>
    <row r="56" spans="1:4" ht="18" customHeight="1" x14ac:dyDescent="0.2">
      <c r="A56" s="14">
        <v>42</v>
      </c>
      <c r="B56" s="15">
        <v>22</v>
      </c>
      <c r="C56" s="16">
        <v>28</v>
      </c>
      <c r="D56" s="17">
        <v>50</v>
      </c>
    </row>
    <row r="57" spans="1:4" ht="18" customHeight="1" x14ac:dyDescent="0.2">
      <c r="A57" s="14">
        <v>43</v>
      </c>
      <c r="B57" s="15">
        <v>15</v>
      </c>
      <c r="C57" s="16">
        <v>19</v>
      </c>
      <c r="D57" s="17">
        <v>34</v>
      </c>
    </row>
    <row r="58" spans="1:4" ht="18" customHeight="1" x14ac:dyDescent="0.2">
      <c r="A58" s="14">
        <v>44</v>
      </c>
      <c r="B58" s="15">
        <v>25</v>
      </c>
      <c r="C58" s="16">
        <v>24</v>
      </c>
      <c r="D58" s="17">
        <v>49</v>
      </c>
    </row>
    <row r="59" spans="1:4" ht="18" customHeight="1" x14ac:dyDescent="0.2">
      <c r="A59" s="18" t="s">
        <v>57</v>
      </c>
      <c r="B59" s="15">
        <v>98</v>
      </c>
      <c r="C59" s="16">
        <v>98</v>
      </c>
      <c r="D59" s="17">
        <v>196</v>
      </c>
    </row>
    <row r="60" spans="1:4" ht="18" customHeight="1" x14ac:dyDescent="0.2">
      <c r="A60" s="14">
        <v>45</v>
      </c>
      <c r="B60" s="15">
        <v>31</v>
      </c>
      <c r="C60" s="16">
        <v>26</v>
      </c>
      <c r="D60" s="17">
        <v>57</v>
      </c>
    </row>
    <row r="61" spans="1:4" ht="18" customHeight="1" x14ac:dyDescent="0.2">
      <c r="A61" s="14">
        <v>46</v>
      </c>
      <c r="B61" s="15">
        <v>31</v>
      </c>
      <c r="C61" s="16">
        <v>25</v>
      </c>
      <c r="D61" s="17">
        <v>56</v>
      </c>
    </row>
    <row r="62" spans="1:4" ht="18" customHeight="1" x14ac:dyDescent="0.2">
      <c r="A62" s="14">
        <v>47</v>
      </c>
      <c r="B62" s="15">
        <v>20</v>
      </c>
      <c r="C62" s="16">
        <v>36</v>
      </c>
      <c r="D62" s="17">
        <v>56</v>
      </c>
    </row>
    <row r="63" spans="1:4" ht="18" customHeight="1" x14ac:dyDescent="0.2">
      <c r="A63" s="14">
        <v>48</v>
      </c>
      <c r="B63" s="15">
        <v>32</v>
      </c>
      <c r="C63" s="16">
        <v>34</v>
      </c>
      <c r="D63" s="17">
        <v>66</v>
      </c>
    </row>
    <row r="64" spans="1:4" ht="18" customHeight="1" x14ac:dyDescent="0.2">
      <c r="A64" s="14">
        <v>49</v>
      </c>
      <c r="B64" s="15">
        <v>32</v>
      </c>
      <c r="C64" s="16">
        <v>26</v>
      </c>
      <c r="D64" s="17">
        <v>58</v>
      </c>
    </row>
    <row r="65" spans="1:4" ht="18" customHeight="1" x14ac:dyDescent="0.2">
      <c r="A65" s="18" t="s">
        <v>58</v>
      </c>
      <c r="B65" s="15">
        <v>146</v>
      </c>
      <c r="C65" s="16">
        <v>147</v>
      </c>
      <c r="D65" s="17">
        <v>293</v>
      </c>
    </row>
    <row r="66" spans="1:4" ht="18" customHeight="1" x14ac:dyDescent="0.2">
      <c r="A66" s="14">
        <v>50</v>
      </c>
      <c r="B66" s="15">
        <v>40</v>
      </c>
      <c r="C66" s="16">
        <v>32</v>
      </c>
      <c r="D66" s="17">
        <v>72</v>
      </c>
    </row>
    <row r="67" spans="1:4" ht="18" customHeight="1" x14ac:dyDescent="0.2">
      <c r="A67" s="14">
        <v>51</v>
      </c>
      <c r="B67" s="15">
        <v>31</v>
      </c>
      <c r="C67" s="16">
        <v>32</v>
      </c>
      <c r="D67" s="17">
        <v>63</v>
      </c>
    </row>
    <row r="68" spans="1:4" ht="18" customHeight="1" x14ac:dyDescent="0.2">
      <c r="A68" s="14">
        <v>52</v>
      </c>
      <c r="B68" s="15">
        <v>27</v>
      </c>
      <c r="C68" s="16">
        <v>27</v>
      </c>
      <c r="D68" s="17">
        <v>54</v>
      </c>
    </row>
    <row r="69" spans="1:4" ht="18" customHeight="1" x14ac:dyDescent="0.2">
      <c r="A69" s="14">
        <v>53</v>
      </c>
      <c r="B69" s="15">
        <v>28</v>
      </c>
      <c r="C69" s="16">
        <v>28</v>
      </c>
      <c r="D69" s="17">
        <v>56</v>
      </c>
    </row>
    <row r="70" spans="1:4" ht="18" customHeight="1" x14ac:dyDescent="0.2">
      <c r="A70" s="14">
        <v>54</v>
      </c>
      <c r="B70" s="15">
        <v>23</v>
      </c>
      <c r="C70" s="16">
        <v>21</v>
      </c>
      <c r="D70" s="17">
        <v>44</v>
      </c>
    </row>
    <row r="71" spans="1:4" ht="18" customHeight="1" x14ac:dyDescent="0.2">
      <c r="A71" s="18" t="s">
        <v>59</v>
      </c>
      <c r="B71" s="15">
        <v>149</v>
      </c>
      <c r="C71" s="16">
        <v>140</v>
      </c>
      <c r="D71" s="17">
        <v>289</v>
      </c>
    </row>
    <row r="72" spans="1:4" ht="18" customHeight="1" x14ac:dyDescent="0.2">
      <c r="A72" s="14">
        <v>55</v>
      </c>
      <c r="B72" s="15">
        <v>25</v>
      </c>
      <c r="C72" s="16">
        <v>25</v>
      </c>
      <c r="D72" s="17">
        <v>50</v>
      </c>
    </row>
    <row r="73" spans="1:4" ht="18" customHeight="1" x14ac:dyDescent="0.2">
      <c r="A73" s="14">
        <v>56</v>
      </c>
      <c r="B73" s="15">
        <v>27</v>
      </c>
      <c r="C73" s="16">
        <v>22</v>
      </c>
      <c r="D73" s="17">
        <v>49</v>
      </c>
    </row>
    <row r="74" spans="1:4" ht="18" customHeight="1" x14ac:dyDescent="0.2">
      <c r="A74" s="14">
        <v>57</v>
      </c>
      <c r="B74" s="15">
        <v>24</v>
      </c>
      <c r="C74" s="16">
        <v>26</v>
      </c>
      <c r="D74" s="17">
        <v>50</v>
      </c>
    </row>
    <row r="75" spans="1:4" ht="18" customHeight="1" x14ac:dyDescent="0.2">
      <c r="A75" s="14">
        <v>58</v>
      </c>
      <c r="B75" s="15">
        <v>26</v>
      </c>
      <c r="C75" s="16">
        <v>17</v>
      </c>
      <c r="D75" s="17">
        <v>43</v>
      </c>
    </row>
    <row r="76" spans="1:4" ht="18" customHeight="1" x14ac:dyDescent="0.2">
      <c r="A76" s="14">
        <v>59</v>
      </c>
      <c r="B76" s="15">
        <v>17</v>
      </c>
      <c r="C76" s="16">
        <v>32</v>
      </c>
      <c r="D76" s="17">
        <v>49</v>
      </c>
    </row>
    <row r="77" spans="1:4" ht="18" customHeight="1" x14ac:dyDescent="0.2">
      <c r="A77" s="18" t="s">
        <v>60</v>
      </c>
      <c r="B77" s="15">
        <v>119</v>
      </c>
      <c r="C77" s="16">
        <v>122</v>
      </c>
      <c r="D77" s="17">
        <v>241</v>
      </c>
    </row>
    <row r="78" spans="1:4" ht="18" customHeight="1" x14ac:dyDescent="0.2">
      <c r="A78" s="14">
        <v>60</v>
      </c>
      <c r="B78" s="15">
        <v>23</v>
      </c>
      <c r="C78" s="16">
        <v>13</v>
      </c>
      <c r="D78" s="17">
        <v>36</v>
      </c>
    </row>
    <row r="79" spans="1:4" ht="18" customHeight="1" x14ac:dyDescent="0.2">
      <c r="A79" s="14">
        <v>61</v>
      </c>
      <c r="B79" s="15">
        <v>23</v>
      </c>
      <c r="C79" s="16">
        <v>23</v>
      </c>
      <c r="D79" s="17">
        <v>46</v>
      </c>
    </row>
    <row r="80" spans="1:4" ht="18" customHeight="1" x14ac:dyDescent="0.2">
      <c r="A80" s="14">
        <v>62</v>
      </c>
      <c r="B80" s="15">
        <v>17</v>
      </c>
      <c r="C80" s="16">
        <v>18</v>
      </c>
      <c r="D80" s="17">
        <v>35</v>
      </c>
    </row>
    <row r="81" spans="1:4" ht="18" customHeight="1" x14ac:dyDescent="0.2">
      <c r="A81" s="14">
        <v>63</v>
      </c>
      <c r="B81" s="15">
        <v>23</v>
      </c>
      <c r="C81" s="16">
        <v>29</v>
      </c>
      <c r="D81" s="17">
        <v>52</v>
      </c>
    </row>
    <row r="82" spans="1:4" ht="18" customHeight="1" x14ac:dyDescent="0.2">
      <c r="A82" s="14">
        <v>64</v>
      </c>
      <c r="B82" s="15">
        <v>25</v>
      </c>
      <c r="C82" s="16">
        <v>18</v>
      </c>
      <c r="D82" s="17">
        <v>43</v>
      </c>
    </row>
    <row r="83" spans="1:4" ht="18" customHeight="1" x14ac:dyDescent="0.2">
      <c r="A83" s="18" t="s">
        <v>61</v>
      </c>
      <c r="B83" s="15">
        <v>111</v>
      </c>
      <c r="C83" s="16">
        <v>101</v>
      </c>
      <c r="D83" s="17">
        <v>212</v>
      </c>
    </row>
    <row r="84" spans="1:4" ht="18" customHeight="1" x14ac:dyDescent="0.2">
      <c r="A84" s="18" t="s">
        <v>62</v>
      </c>
      <c r="B84" s="15">
        <v>1048</v>
      </c>
      <c r="C84" s="16">
        <v>993</v>
      </c>
      <c r="D84" s="17">
        <v>2041</v>
      </c>
    </row>
    <row r="85" spans="1:4" ht="18" customHeight="1" x14ac:dyDescent="0.2">
      <c r="A85" s="14">
        <v>65</v>
      </c>
      <c r="B85" s="15">
        <v>22</v>
      </c>
      <c r="C85" s="16">
        <v>14</v>
      </c>
      <c r="D85" s="17">
        <v>36</v>
      </c>
    </row>
    <row r="86" spans="1:4" ht="18" customHeight="1" x14ac:dyDescent="0.2">
      <c r="A86" s="14">
        <v>66</v>
      </c>
      <c r="B86" s="15">
        <v>20</v>
      </c>
      <c r="C86" s="16">
        <v>26</v>
      </c>
      <c r="D86" s="17">
        <v>46</v>
      </c>
    </row>
    <row r="87" spans="1:4" ht="18" customHeight="1" x14ac:dyDescent="0.2">
      <c r="A87" s="14">
        <v>67</v>
      </c>
      <c r="B87" s="15">
        <v>25</v>
      </c>
      <c r="C87" s="16">
        <v>20</v>
      </c>
      <c r="D87" s="17">
        <v>45</v>
      </c>
    </row>
    <row r="88" spans="1:4" ht="18" customHeight="1" x14ac:dyDescent="0.2">
      <c r="A88" s="14">
        <v>68</v>
      </c>
      <c r="B88" s="15">
        <v>16</v>
      </c>
      <c r="C88" s="16">
        <v>14</v>
      </c>
      <c r="D88" s="17">
        <v>30</v>
      </c>
    </row>
    <row r="89" spans="1:4" ht="18" customHeight="1" x14ac:dyDescent="0.2">
      <c r="A89" s="14">
        <v>69</v>
      </c>
      <c r="B89" s="15">
        <v>24</v>
      </c>
      <c r="C89" s="16">
        <v>14</v>
      </c>
      <c r="D89" s="17">
        <v>38</v>
      </c>
    </row>
    <row r="90" spans="1:4" ht="18" customHeight="1" x14ac:dyDescent="0.2">
      <c r="A90" s="18" t="s">
        <v>63</v>
      </c>
      <c r="B90" s="15">
        <v>107</v>
      </c>
      <c r="C90" s="16">
        <v>88</v>
      </c>
      <c r="D90" s="17">
        <v>195</v>
      </c>
    </row>
    <row r="91" spans="1:4" ht="18" customHeight="1" x14ac:dyDescent="0.2">
      <c r="A91" s="14">
        <v>70</v>
      </c>
      <c r="B91" s="15">
        <v>21</v>
      </c>
      <c r="C91" s="16">
        <v>32</v>
      </c>
      <c r="D91" s="17">
        <v>53</v>
      </c>
    </row>
    <row r="92" spans="1:4" ht="18" customHeight="1" x14ac:dyDescent="0.2">
      <c r="A92" s="14">
        <v>71</v>
      </c>
      <c r="B92" s="15">
        <v>27</v>
      </c>
      <c r="C92" s="16">
        <v>35</v>
      </c>
      <c r="D92" s="17">
        <v>62</v>
      </c>
    </row>
    <row r="93" spans="1:4" ht="18" customHeight="1" x14ac:dyDescent="0.2">
      <c r="A93" s="14">
        <v>72</v>
      </c>
      <c r="B93" s="15">
        <v>31</v>
      </c>
      <c r="C93" s="16">
        <v>27</v>
      </c>
      <c r="D93" s="17">
        <v>58</v>
      </c>
    </row>
    <row r="94" spans="1:4" ht="18" customHeight="1" x14ac:dyDescent="0.2">
      <c r="A94" s="14">
        <v>73</v>
      </c>
      <c r="B94" s="15">
        <v>20</v>
      </c>
      <c r="C94" s="16">
        <v>37</v>
      </c>
      <c r="D94" s="17">
        <v>57</v>
      </c>
    </row>
    <row r="95" spans="1:4" ht="18" customHeight="1" x14ac:dyDescent="0.2">
      <c r="A95" s="14">
        <v>74</v>
      </c>
      <c r="B95" s="15">
        <v>16</v>
      </c>
      <c r="C95" s="16">
        <v>28</v>
      </c>
      <c r="D95" s="17">
        <v>44</v>
      </c>
    </row>
    <row r="96" spans="1:4" ht="18" customHeight="1" x14ac:dyDescent="0.2">
      <c r="A96" s="18" t="s">
        <v>64</v>
      </c>
      <c r="B96" s="15">
        <v>115</v>
      </c>
      <c r="C96" s="16">
        <v>159</v>
      </c>
      <c r="D96" s="17">
        <v>274</v>
      </c>
    </row>
    <row r="97" spans="1:4" ht="18" customHeight="1" x14ac:dyDescent="0.2">
      <c r="A97" s="14">
        <v>75</v>
      </c>
      <c r="B97" s="15">
        <v>21</v>
      </c>
      <c r="C97" s="16">
        <v>29</v>
      </c>
      <c r="D97" s="17">
        <v>50</v>
      </c>
    </row>
    <row r="98" spans="1:4" ht="18" customHeight="1" x14ac:dyDescent="0.2">
      <c r="A98" s="14">
        <v>76</v>
      </c>
      <c r="B98" s="15">
        <v>20</v>
      </c>
      <c r="C98" s="16">
        <v>23</v>
      </c>
      <c r="D98" s="17">
        <v>43</v>
      </c>
    </row>
    <row r="99" spans="1:4" ht="18" customHeight="1" x14ac:dyDescent="0.2">
      <c r="A99" s="14">
        <v>77</v>
      </c>
      <c r="B99" s="15">
        <v>18</v>
      </c>
      <c r="C99" s="16">
        <v>22</v>
      </c>
      <c r="D99" s="17">
        <v>40</v>
      </c>
    </row>
    <row r="100" spans="1:4" ht="18" customHeight="1" x14ac:dyDescent="0.2">
      <c r="A100" s="14">
        <v>78</v>
      </c>
      <c r="B100" s="15">
        <v>15</v>
      </c>
      <c r="C100" s="16">
        <v>26</v>
      </c>
      <c r="D100" s="17">
        <v>41</v>
      </c>
    </row>
    <row r="101" spans="1:4" ht="18" customHeight="1" x14ac:dyDescent="0.2">
      <c r="A101" s="14">
        <v>79</v>
      </c>
      <c r="B101" s="15">
        <v>13</v>
      </c>
      <c r="C101" s="16">
        <v>18</v>
      </c>
      <c r="D101" s="17">
        <v>31</v>
      </c>
    </row>
    <row r="102" spans="1:4" ht="18" customHeight="1" x14ac:dyDescent="0.2">
      <c r="A102" s="18" t="s">
        <v>65</v>
      </c>
      <c r="B102" s="15">
        <v>87</v>
      </c>
      <c r="C102" s="16">
        <v>118</v>
      </c>
      <c r="D102" s="17">
        <v>205</v>
      </c>
    </row>
    <row r="103" spans="1:4" ht="18" customHeight="1" x14ac:dyDescent="0.2">
      <c r="A103" s="14">
        <v>80</v>
      </c>
      <c r="B103" s="15">
        <v>20</v>
      </c>
      <c r="C103" s="16">
        <v>17</v>
      </c>
      <c r="D103" s="17">
        <v>37</v>
      </c>
    </row>
    <row r="104" spans="1:4" ht="18" customHeight="1" x14ac:dyDescent="0.2">
      <c r="A104" s="14">
        <v>81</v>
      </c>
      <c r="B104" s="15">
        <v>9</v>
      </c>
      <c r="C104" s="16">
        <v>17</v>
      </c>
      <c r="D104" s="17">
        <v>26</v>
      </c>
    </row>
    <row r="105" spans="1:4" ht="18" customHeight="1" x14ac:dyDescent="0.2">
      <c r="A105" s="14">
        <v>82</v>
      </c>
      <c r="B105" s="15">
        <v>10</v>
      </c>
      <c r="C105" s="16">
        <v>27</v>
      </c>
      <c r="D105" s="17">
        <v>37</v>
      </c>
    </row>
    <row r="106" spans="1:4" ht="18" customHeight="1" x14ac:dyDescent="0.2">
      <c r="A106" s="14">
        <v>83</v>
      </c>
      <c r="B106" s="15">
        <v>7</v>
      </c>
      <c r="C106" s="16">
        <v>17</v>
      </c>
      <c r="D106" s="17">
        <v>24</v>
      </c>
    </row>
    <row r="107" spans="1:4" ht="18" customHeight="1" x14ac:dyDescent="0.2">
      <c r="A107" s="14">
        <v>84</v>
      </c>
      <c r="B107" s="15">
        <v>11</v>
      </c>
      <c r="C107" s="16">
        <v>14</v>
      </c>
      <c r="D107" s="17">
        <v>25</v>
      </c>
    </row>
    <row r="108" spans="1:4" ht="18" customHeight="1" x14ac:dyDescent="0.2">
      <c r="A108" s="18" t="s">
        <v>66</v>
      </c>
      <c r="B108" s="15">
        <v>57</v>
      </c>
      <c r="C108" s="16">
        <v>92</v>
      </c>
      <c r="D108" s="17">
        <v>149</v>
      </c>
    </row>
    <row r="109" spans="1:4" ht="18" customHeight="1" x14ac:dyDescent="0.2">
      <c r="A109" s="14">
        <v>85</v>
      </c>
      <c r="B109" s="15">
        <v>11</v>
      </c>
      <c r="C109" s="16">
        <v>14</v>
      </c>
      <c r="D109" s="17">
        <v>25</v>
      </c>
    </row>
    <row r="110" spans="1:4" ht="18" customHeight="1" x14ac:dyDescent="0.2">
      <c r="A110" s="14">
        <v>86</v>
      </c>
      <c r="B110" s="15">
        <v>8</v>
      </c>
      <c r="C110" s="16">
        <v>21</v>
      </c>
      <c r="D110" s="17">
        <v>29</v>
      </c>
    </row>
    <row r="111" spans="1:4" ht="18" customHeight="1" x14ac:dyDescent="0.2">
      <c r="A111" s="14">
        <v>87</v>
      </c>
      <c r="B111" s="15">
        <v>5</v>
      </c>
      <c r="C111" s="16">
        <v>18</v>
      </c>
      <c r="D111" s="17">
        <v>23</v>
      </c>
    </row>
    <row r="112" spans="1:4" ht="18" customHeight="1" x14ac:dyDescent="0.2">
      <c r="A112" s="14">
        <v>88</v>
      </c>
      <c r="B112" s="15">
        <v>8</v>
      </c>
      <c r="C112" s="16">
        <v>14</v>
      </c>
      <c r="D112" s="17">
        <v>22</v>
      </c>
    </row>
    <row r="113" spans="1:4" ht="18" customHeight="1" x14ac:dyDescent="0.2">
      <c r="A113" s="14">
        <v>89</v>
      </c>
      <c r="B113" s="15">
        <v>2</v>
      </c>
      <c r="C113" s="16">
        <v>22</v>
      </c>
      <c r="D113" s="17">
        <v>24</v>
      </c>
    </row>
    <row r="114" spans="1:4" ht="18" customHeight="1" x14ac:dyDescent="0.2">
      <c r="A114" s="18" t="s">
        <v>67</v>
      </c>
      <c r="B114" s="15">
        <v>34</v>
      </c>
      <c r="C114" s="16">
        <v>89</v>
      </c>
      <c r="D114" s="17">
        <v>123</v>
      </c>
    </row>
    <row r="115" spans="1:4" ht="18" customHeight="1" x14ac:dyDescent="0.2">
      <c r="A115" s="14">
        <v>90</v>
      </c>
      <c r="B115" s="15">
        <v>5</v>
      </c>
      <c r="C115" s="16">
        <v>7</v>
      </c>
      <c r="D115" s="17">
        <v>12</v>
      </c>
    </row>
    <row r="116" spans="1:4" ht="18" customHeight="1" x14ac:dyDescent="0.2">
      <c r="A116" s="14">
        <v>91</v>
      </c>
      <c r="B116" s="15">
        <v>0</v>
      </c>
      <c r="C116" s="16">
        <v>9</v>
      </c>
      <c r="D116" s="17">
        <v>9</v>
      </c>
    </row>
    <row r="117" spans="1:4" ht="18" customHeight="1" x14ac:dyDescent="0.2">
      <c r="A117" s="14">
        <v>92</v>
      </c>
      <c r="B117" s="15">
        <v>2</v>
      </c>
      <c r="C117" s="16">
        <v>4</v>
      </c>
      <c r="D117" s="17">
        <v>6</v>
      </c>
    </row>
    <row r="118" spans="1:4" ht="18" customHeight="1" x14ac:dyDescent="0.2">
      <c r="A118" s="14">
        <v>93</v>
      </c>
      <c r="B118" s="15">
        <v>3</v>
      </c>
      <c r="C118" s="16">
        <v>10</v>
      </c>
      <c r="D118" s="17">
        <v>13</v>
      </c>
    </row>
    <row r="119" spans="1:4" ht="18" customHeight="1" x14ac:dyDescent="0.2">
      <c r="A119" s="14">
        <v>94</v>
      </c>
      <c r="B119" s="15">
        <v>2</v>
      </c>
      <c r="C119" s="16">
        <v>8</v>
      </c>
      <c r="D119" s="17">
        <v>10</v>
      </c>
    </row>
    <row r="120" spans="1:4" ht="18" customHeight="1" x14ac:dyDescent="0.2">
      <c r="A120" s="18" t="s">
        <v>68</v>
      </c>
      <c r="B120" s="15">
        <v>12</v>
      </c>
      <c r="C120" s="16">
        <v>38</v>
      </c>
      <c r="D120" s="17">
        <v>50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2</v>
      </c>
      <c r="C122" s="16">
        <v>4</v>
      </c>
      <c r="D122" s="17">
        <v>6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12</v>
      </c>
      <c r="D126" s="17">
        <v>1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16</v>
      </c>
      <c r="C130" s="5">
        <v>597</v>
      </c>
      <c r="D130" s="6">
        <v>1013</v>
      </c>
    </row>
    <row r="131" spans="1:4" ht="18" customHeight="1" x14ac:dyDescent="0.2">
      <c r="A131" s="20" t="s">
        <v>47</v>
      </c>
      <c r="B131" s="7">
        <v>1648</v>
      </c>
      <c r="C131" s="8">
        <v>1736</v>
      </c>
      <c r="D131" s="9">
        <v>338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4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</v>
      </c>
      <c r="C5" s="12">
        <v>2</v>
      </c>
      <c r="D5" s="13">
        <v>5</v>
      </c>
    </row>
    <row r="6" spans="1:4" ht="18" customHeight="1" x14ac:dyDescent="0.2">
      <c r="A6" s="14">
        <v>1</v>
      </c>
      <c r="B6" s="15">
        <v>7</v>
      </c>
      <c r="C6" s="16">
        <v>5</v>
      </c>
      <c r="D6" s="17">
        <v>12</v>
      </c>
    </row>
    <row r="7" spans="1:4" ht="18" customHeight="1" x14ac:dyDescent="0.2">
      <c r="A7" s="14">
        <v>2</v>
      </c>
      <c r="B7" s="15">
        <v>6</v>
      </c>
      <c r="C7" s="16">
        <v>6</v>
      </c>
      <c r="D7" s="17">
        <v>12</v>
      </c>
    </row>
    <row r="8" spans="1:4" ht="18" customHeight="1" x14ac:dyDescent="0.2">
      <c r="A8" s="14">
        <v>3</v>
      </c>
      <c r="B8" s="15">
        <v>3</v>
      </c>
      <c r="C8" s="16">
        <v>6</v>
      </c>
      <c r="D8" s="17">
        <v>9</v>
      </c>
    </row>
    <row r="9" spans="1:4" ht="18" customHeight="1" x14ac:dyDescent="0.2">
      <c r="A9" s="14">
        <v>4</v>
      </c>
      <c r="B9" s="15">
        <v>7</v>
      </c>
      <c r="C9" s="16">
        <v>7</v>
      </c>
      <c r="D9" s="17">
        <v>14</v>
      </c>
    </row>
    <row r="10" spans="1:4" ht="18" customHeight="1" x14ac:dyDescent="0.2">
      <c r="A10" s="18" t="s">
        <v>48</v>
      </c>
      <c r="B10" s="15">
        <v>26</v>
      </c>
      <c r="C10" s="16">
        <v>26</v>
      </c>
      <c r="D10" s="17">
        <v>52</v>
      </c>
    </row>
    <row r="11" spans="1:4" ht="18" customHeight="1" x14ac:dyDescent="0.2">
      <c r="A11" s="14">
        <v>5</v>
      </c>
      <c r="B11" s="15">
        <v>10</v>
      </c>
      <c r="C11" s="16">
        <v>5</v>
      </c>
      <c r="D11" s="17">
        <v>15</v>
      </c>
    </row>
    <row r="12" spans="1:4" ht="18" customHeight="1" x14ac:dyDescent="0.2">
      <c r="A12" s="14">
        <v>6</v>
      </c>
      <c r="B12" s="15">
        <v>6</v>
      </c>
      <c r="C12" s="16">
        <v>2</v>
      </c>
      <c r="D12" s="17">
        <v>8</v>
      </c>
    </row>
    <row r="13" spans="1:4" ht="18" customHeight="1" x14ac:dyDescent="0.2">
      <c r="A13" s="14">
        <v>7</v>
      </c>
      <c r="B13" s="15">
        <v>14</v>
      </c>
      <c r="C13" s="16">
        <v>5</v>
      </c>
      <c r="D13" s="17">
        <v>19</v>
      </c>
    </row>
    <row r="14" spans="1:4" ht="18" customHeight="1" x14ac:dyDescent="0.2">
      <c r="A14" s="14">
        <v>8</v>
      </c>
      <c r="B14" s="15">
        <v>5</v>
      </c>
      <c r="C14" s="16">
        <v>5</v>
      </c>
      <c r="D14" s="17">
        <v>10</v>
      </c>
    </row>
    <row r="15" spans="1:4" ht="18" customHeight="1" x14ac:dyDescent="0.2">
      <c r="A15" s="14">
        <v>9</v>
      </c>
      <c r="B15" s="15">
        <v>9</v>
      </c>
      <c r="C15" s="16">
        <v>8</v>
      </c>
      <c r="D15" s="17">
        <v>17</v>
      </c>
    </row>
    <row r="16" spans="1:4" ht="18" customHeight="1" x14ac:dyDescent="0.2">
      <c r="A16" s="18" t="s">
        <v>49</v>
      </c>
      <c r="B16" s="15">
        <v>44</v>
      </c>
      <c r="C16" s="16">
        <v>25</v>
      </c>
      <c r="D16" s="17">
        <v>69</v>
      </c>
    </row>
    <row r="17" spans="1:4" ht="18" customHeight="1" x14ac:dyDescent="0.2">
      <c r="A17" s="14">
        <v>10</v>
      </c>
      <c r="B17" s="15">
        <v>8</v>
      </c>
      <c r="C17" s="16">
        <v>7</v>
      </c>
      <c r="D17" s="17">
        <v>15</v>
      </c>
    </row>
    <row r="18" spans="1:4" ht="18" customHeight="1" x14ac:dyDescent="0.2">
      <c r="A18" s="14">
        <v>11</v>
      </c>
      <c r="B18" s="15">
        <v>7</v>
      </c>
      <c r="C18" s="16">
        <v>9</v>
      </c>
      <c r="D18" s="17">
        <v>16</v>
      </c>
    </row>
    <row r="19" spans="1:4" ht="18" customHeight="1" x14ac:dyDescent="0.2">
      <c r="A19" s="14">
        <v>12</v>
      </c>
      <c r="B19" s="15">
        <v>7</v>
      </c>
      <c r="C19" s="16">
        <v>9</v>
      </c>
      <c r="D19" s="17">
        <v>16</v>
      </c>
    </row>
    <row r="20" spans="1:4" ht="18" customHeight="1" x14ac:dyDescent="0.2">
      <c r="A20" s="14">
        <v>13</v>
      </c>
      <c r="B20" s="15">
        <v>10</v>
      </c>
      <c r="C20" s="16">
        <v>11</v>
      </c>
      <c r="D20" s="17">
        <v>21</v>
      </c>
    </row>
    <row r="21" spans="1:4" ht="18" customHeight="1" x14ac:dyDescent="0.2">
      <c r="A21" s="14">
        <v>14</v>
      </c>
      <c r="B21" s="15">
        <v>9</v>
      </c>
      <c r="C21" s="16">
        <v>7</v>
      </c>
      <c r="D21" s="17">
        <v>16</v>
      </c>
    </row>
    <row r="22" spans="1:4" ht="18" customHeight="1" x14ac:dyDescent="0.2">
      <c r="A22" s="18" t="s">
        <v>50</v>
      </c>
      <c r="B22" s="15">
        <v>41</v>
      </c>
      <c r="C22" s="16">
        <v>43</v>
      </c>
      <c r="D22" s="17">
        <v>84</v>
      </c>
    </row>
    <row r="23" spans="1:4" ht="18" customHeight="1" x14ac:dyDescent="0.2">
      <c r="A23" s="18" t="s">
        <v>51</v>
      </c>
      <c r="B23" s="15">
        <v>111</v>
      </c>
      <c r="C23" s="16">
        <v>94</v>
      </c>
      <c r="D23" s="17">
        <v>205</v>
      </c>
    </row>
    <row r="24" spans="1:4" ht="18" customHeight="1" x14ac:dyDescent="0.2">
      <c r="A24" s="14">
        <v>15</v>
      </c>
      <c r="B24" s="15">
        <v>6</v>
      </c>
      <c r="C24" s="16">
        <v>7</v>
      </c>
      <c r="D24" s="17">
        <v>13</v>
      </c>
    </row>
    <row r="25" spans="1:4" ht="18" customHeight="1" x14ac:dyDescent="0.2">
      <c r="A25" s="14">
        <v>16</v>
      </c>
      <c r="B25" s="15">
        <v>12</v>
      </c>
      <c r="C25" s="16">
        <v>6</v>
      </c>
      <c r="D25" s="17">
        <v>18</v>
      </c>
    </row>
    <row r="26" spans="1:4" ht="18" customHeight="1" x14ac:dyDescent="0.2">
      <c r="A26" s="14">
        <v>17</v>
      </c>
      <c r="B26" s="15">
        <v>4</v>
      </c>
      <c r="C26" s="16">
        <v>6</v>
      </c>
      <c r="D26" s="17">
        <v>10</v>
      </c>
    </row>
    <row r="27" spans="1:4" ht="18" customHeight="1" x14ac:dyDescent="0.2">
      <c r="A27" s="14">
        <v>18</v>
      </c>
      <c r="B27" s="15">
        <v>17</v>
      </c>
      <c r="C27" s="16">
        <v>6</v>
      </c>
      <c r="D27" s="17">
        <v>23</v>
      </c>
    </row>
    <row r="28" spans="1:4" ht="18" customHeight="1" x14ac:dyDescent="0.2">
      <c r="A28" s="14">
        <v>19</v>
      </c>
      <c r="B28" s="15">
        <v>8</v>
      </c>
      <c r="C28" s="16">
        <v>14</v>
      </c>
      <c r="D28" s="17">
        <v>22</v>
      </c>
    </row>
    <row r="29" spans="1:4" ht="18" customHeight="1" x14ac:dyDescent="0.2">
      <c r="A29" s="18" t="s">
        <v>52</v>
      </c>
      <c r="B29" s="15">
        <v>47</v>
      </c>
      <c r="C29" s="16">
        <v>39</v>
      </c>
      <c r="D29" s="17">
        <v>86</v>
      </c>
    </row>
    <row r="30" spans="1:4" ht="18" customHeight="1" x14ac:dyDescent="0.2">
      <c r="A30" s="14">
        <v>20</v>
      </c>
      <c r="B30" s="15">
        <v>9</v>
      </c>
      <c r="C30" s="16">
        <v>12</v>
      </c>
      <c r="D30" s="17">
        <v>21</v>
      </c>
    </row>
    <row r="31" spans="1:4" ht="18" customHeight="1" x14ac:dyDescent="0.2">
      <c r="A31" s="14">
        <v>21</v>
      </c>
      <c r="B31" s="15">
        <v>10</v>
      </c>
      <c r="C31" s="16">
        <v>6</v>
      </c>
      <c r="D31" s="17">
        <v>16</v>
      </c>
    </row>
    <row r="32" spans="1:4" ht="18" customHeight="1" x14ac:dyDescent="0.2">
      <c r="A32" s="14">
        <v>22</v>
      </c>
      <c r="B32" s="15">
        <v>9</v>
      </c>
      <c r="C32" s="16">
        <v>13</v>
      </c>
      <c r="D32" s="17">
        <v>22</v>
      </c>
    </row>
    <row r="33" spans="1:4" ht="18" customHeight="1" x14ac:dyDescent="0.2">
      <c r="A33" s="14">
        <v>23</v>
      </c>
      <c r="B33" s="15">
        <v>15</v>
      </c>
      <c r="C33" s="16">
        <v>13</v>
      </c>
      <c r="D33" s="17">
        <v>28</v>
      </c>
    </row>
    <row r="34" spans="1:4" ht="18" customHeight="1" x14ac:dyDescent="0.2">
      <c r="A34" s="14">
        <v>24</v>
      </c>
      <c r="B34" s="15">
        <v>8</v>
      </c>
      <c r="C34" s="16">
        <v>9</v>
      </c>
      <c r="D34" s="17">
        <v>17</v>
      </c>
    </row>
    <row r="35" spans="1:4" ht="18" customHeight="1" x14ac:dyDescent="0.2">
      <c r="A35" s="18" t="s">
        <v>53</v>
      </c>
      <c r="B35" s="15">
        <v>51</v>
      </c>
      <c r="C35" s="16">
        <v>53</v>
      </c>
      <c r="D35" s="17">
        <v>104</v>
      </c>
    </row>
    <row r="36" spans="1:4" ht="18" customHeight="1" x14ac:dyDescent="0.2">
      <c r="A36" s="14">
        <v>25</v>
      </c>
      <c r="B36" s="15">
        <v>11</v>
      </c>
      <c r="C36" s="16">
        <v>7</v>
      </c>
      <c r="D36" s="17">
        <v>18</v>
      </c>
    </row>
    <row r="37" spans="1:4" ht="18" customHeight="1" x14ac:dyDescent="0.2">
      <c r="A37" s="14">
        <v>26</v>
      </c>
      <c r="B37" s="15">
        <v>9</v>
      </c>
      <c r="C37" s="16">
        <v>10</v>
      </c>
      <c r="D37" s="17">
        <v>19</v>
      </c>
    </row>
    <row r="38" spans="1:4" ht="18" customHeight="1" x14ac:dyDescent="0.2">
      <c r="A38" s="14">
        <v>27</v>
      </c>
      <c r="B38" s="15">
        <v>13</v>
      </c>
      <c r="C38" s="16">
        <v>5</v>
      </c>
      <c r="D38" s="17">
        <v>18</v>
      </c>
    </row>
    <row r="39" spans="1:4" ht="18" customHeight="1" x14ac:dyDescent="0.2">
      <c r="A39" s="14">
        <v>28</v>
      </c>
      <c r="B39" s="15">
        <v>7</v>
      </c>
      <c r="C39" s="16">
        <v>3</v>
      </c>
      <c r="D39" s="17">
        <v>10</v>
      </c>
    </row>
    <row r="40" spans="1:4" ht="18" customHeight="1" x14ac:dyDescent="0.2">
      <c r="A40" s="14">
        <v>29</v>
      </c>
      <c r="B40" s="15">
        <v>7</v>
      </c>
      <c r="C40" s="16">
        <v>8</v>
      </c>
      <c r="D40" s="17">
        <v>15</v>
      </c>
    </row>
    <row r="41" spans="1:4" ht="18" customHeight="1" x14ac:dyDescent="0.2">
      <c r="A41" s="18" t="s">
        <v>54</v>
      </c>
      <c r="B41" s="15">
        <v>47</v>
      </c>
      <c r="C41" s="16">
        <v>33</v>
      </c>
      <c r="D41" s="17">
        <v>80</v>
      </c>
    </row>
    <row r="42" spans="1:4" ht="18" customHeight="1" x14ac:dyDescent="0.2">
      <c r="A42" s="14">
        <v>30</v>
      </c>
      <c r="B42" s="15">
        <v>8</v>
      </c>
      <c r="C42" s="16">
        <v>4</v>
      </c>
      <c r="D42" s="17">
        <v>12</v>
      </c>
    </row>
    <row r="43" spans="1:4" ht="18" customHeight="1" x14ac:dyDescent="0.2">
      <c r="A43" s="14">
        <v>31</v>
      </c>
      <c r="B43" s="15">
        <v>11</v>
      </c>
      <c r="C43" s="16">
        <v>4</v>
      </c>
      <c r="D43" s="17">
        <v>15</v>
      </c>
    </row>
    <row r="44" spans="1:4" ht="18" customHeight="1" x14ac:dyDescent="0.2">
      <c r="A44" s="14">
        <v>32</v>
      </c>
      <c r="B44" s="15">
        <v>9</v>
      </c>
      <c r="C44" s="16">
        <v>6</v>
      </c>
      <c r="D44" s="17">
        <v>15</v>
      </c>
    </row>
    <row r="45" spans="1:4" ht="18" customHeight="1" x14ac:dyDescent="0.2">
      <c r="A45" s="14">
        <v>33</v>
      </c>
      <c r="B45" s="15">
        <v>4</v>
      </c>
      <c r="C45" s="16">
        <v>8</v>
      </c>
      <c r="D45" s="17">
        <v>12</v>
      </c>
    </row>
    <row r="46" spans="1:4" ht="18" customHeight="1" x14ac:dyDescent="0.2">
      <c r="A46" s="14">
        <v>34</v>
      </c>
      <c r="B46" s="15">
        <v>10</v>
      </c>
      <c r="C46" s="16">
        <v>3</v>
      </c>
      <c r="D46" s="17">
        <v>13</v>
      </c>
    </row>
    <row r="47" spans="1:4" ht="18" customHeight="1" x14ac:dyDescent="0.2">
      <c r="A47" s="18" t="s">
        <v>55</v>
      </c>
      <c r="B47" s="15">
        <v>42</v>
      </c>
      <c r="C47" s="16">
        <v>25</v>
      </c>
      <c r="D47" s="17">
        <v>67</v>
      </c>
    </row>
    <row r="48" spans="1:4" ht="18" customHeight="1" x14ac:dyDescent="0.2">
      <c r="A48" s="14">
        <v>35</v>
      </c>
      <c r="B48" s="15">
        <v>10</v>
      </c>
      <c r="C48" s="16">
        <v>6</v>
      </c>
      <c r="D48" s="17">
        <v>16</v>
      </c>
    </row>
    <row r="49" spans="1:4" ht="18" customHeight="1" x14ac:dyDescent="0.2">
      <c r="A49" s="14">
        <v>36</v>
      </c>
      <c r="B49" s="15">
        <v>8</v>
      </c>
      <c r="C49" s="16">
        <v>13</v>
      </c>
      <c r="D49" s="17">
        <v>21</v>
      </c>
    </row>
    <row r="50" spans="1:4" ht="18" customHeight="1" x14ac:dyDescent="0.2">
      <c r="A50" s="14">
        <v>37</v>
      </c>
      <c r="B50" s="15">
        <v>17</v>
      </c>
      <c r="C50" s="16">
        <v>8</v>
      </c>
      <c r="D50" s="17">
        <v>25</v>
      </c>
    </row>
    <row r="51" spans="1:4" ht="18" customHeight="1" x14ac:dyDescent="0.2">
      <c r="A51" s="14">
        <v>38</v>
      </c>
      <c r="B51" s="15">
        <v>10</v>
      </c>
      <c r="C51" s="16">
        <v>7</v>
      </c>
      <c r="D51" s="17">
        <v>17</v>
      </c>
    </row>
    <row r="52" spans="1:4" ht="18" customHeight="1" x14ac:dyDescent="0.2">
      <c r="A52" s="14">
        <v>39</v>
      </c>
      <c r="B52" s="15">
        <v>9</v>
      </c>
      <c r="C52" s="16">
        <v>16</v>
      </c>
      <c r="D52" s="17">
        <v>25</v>
      </c>
    </row>
    <row r="53" spans="1:4" ht="18" customHeight="1" x14ac:dyDescent="0.2">
      <c r="A53" s="18" t="s">
        <v>56</v>
      </c>
      <c r="B53" s="15">
        <v>54</v>
      </c>
      <c r="C53" s="16">
        <v>50</v>
      </c>
      <c r="D53" s="17">
        <v>104</v>
      </c>
    </row>
    <row r="54" spans="1:4" ht="18" customHeight="1" x14ac:dyDescent="0.2">
      <c r="A54" s="14">
        <v>40</v>
      </c>
      <c r="B54" s="15">
        <v>12</v>
      </c>
      <c r="C54" s="16">
        <v>20</v>
      </c>
      <c r="D54" s="17">
        <v>32</v>
      </c>
    </row>
    <row r="55" spans="1:4" ht="18" customHeight="1" x14ac:dyDescent="0.2">
      <c r="A55" s="14">
        <v>41</v>
      </c>
      <c r="B55" s="15">
        <v>18</v>
      </c>
      <c r="C55" s="16">
        <v>10</v>
      </c>
      <c r="D55" s="17">
        <v>28</v>
      </c>
    </row>
    <row r="56" spans="1:4" ht="18" customHeight="1" x14ac:dyDescent="0.2">
      <c r="A56" s="14">
        <v>42</v>
      </c>
      <c r="B56" s="15">
        <v>12</v>
      </c>
      <c r="C56" s="16">
        <v>11</v>
      </c>
      <c r="D56" s="17">
        <v>23</v>
      </c>
    </row>
    <row r="57" spans="1:4" ht="18" customHeight="1" x14ac:dyDescent="0.2">
      <c r="A57" s="14">
        <v>43</v>
      </c>
      <c r="B57" s="15">
        <v>17</v>
      </c>
      <c r="C57" s="16">
        <v>12</v>
      </c>
      <c r="D57" s="17">
        <v>29</v>
      </c>
    </row>
    <row r="58" spans="1:4" ht="18" customHeight="1" x14ac:dyDescent="0.2">
      <c r="A58" s="14">
        <v>44</v>
      </c>
      <c r="B58" s="15">
        <v>15</v>
      </c>
      <c r="C58" s="16">
        <v>20</v>
      </c>
      <c r="D58" s="17">
        <v>35</v>
      </c>
    </row>
    <row r="59" spans="1:4" ht="18" customHeight="1" x14ac:dyDescent="0.2">
      <c r="A59" s="18" t="s">
        <v>57</v>
      </c>
      <c r="B59" s="15">
        <v>74</v>
      </c>
      <c r="C59" s="16">
        <v>73</v>
      </c>
      <c r="D59" s="17">
        <v>147</v>
      </c>
    </row>
    <row r="60" spans="1:4" ht="18" customHeight="1" x14ac:dyDescent="0.2">
      <c r="A60" s="14">
        <v>45</v>
      </c>
      <c r="B60" s="15">
        <v>20</v>
      </c>
      <c r="C60" s="16">
        <v>12</v>
      </c>
      <c r="D60" s="17">
        <v>32</v>
      </c>
    </row>
    <row r="61" spans="1:4" ht="18" customHeight="1" x14ac:dyDescent="0.2">
      <c r="A61" s="14">
        <v>46</v>
      </c>
      <c r="B61" s="15">
        <v>22</v>
      </c>
      <c r="C61" s="16">
        <v>12</v>
      </c>
      <c r="D61" s="17">
        <v>34</v>
      </c>
    </row>
    <row r="62" spans="1:4" ht="18" customHeight="1" x14ac:dyDescent="0.2">
      <c r="A62" s="14">
        <v>47</v>
      </c>
      <c r="B62" s="15">
        <v>20</v>
      </c>
      <c r="C62" s="16">
        <v>20</v>
      </c>
      <c r="D62" s="17">
        <v>40</v>
      </c>
    </row>
    <row r="63" spans="1:4" ht="18" customHeight="1" x14ac:dyDescent="0.2">
      <c r="A63" s="14">
        <v>48</v>
      </c>
      <c r="B63" s="15">
        <v>15</v>
      </c>
      <c r="C63" s="16">
        <v>11</v>
      </c>
      <c r="D63" s="17">
        <v>26</v>
      </c>
    </row>
    <row r="64" spans="1:4" ht="18" customHeight="1" x14ac:dyDescent="0.2">
      <c r="A64" s="14">
        <v>49</v>
      </c>
      <c r="B64" s="15">
        <v>10</v>
      </c>
      <c r="C64" s="16">
        <v>17</v>
      </c>
      <c r="D64" s="17">
        <v>27</v>
      </c>
    </row>
    <row r="65" spans="1:4" ht="18" customHeight="1" x14ac:dyDescent="0.2">
      <c r="A65" s="18" t="s">
        <v>58</v>
      </c>
      <c r="B65" s="15">
        <v>87</v>
      </c>
      <c r="C65" s="16">
        <v>72</v>
      </c>
      <c r="D65" s="17">
        <v>159</v>
      </c>
    </row>
    <row r="66" spans="1:4" ht="18" customHeight="1" x14ac:dyDescent="0.2">
      <c r="A66" s="14">
        <v>50</v>
      </c>
      <c r="B66" s="15">
        <v>13</v>
      </c>
      <c r="C66" s="16">
        <v>22</v>
      </c>
      <c r="D66" s="17">
        <v>35</v>
      </c>
    </row>
    <row r="67" spans="1:4" ht="18" customHeight="1" x14ac:dyDescent="0.2">
      <c r="A67" s="14">
        <v>51</v>
      </c>
      <c r="B67" s="15">
        <v>20</v>
      </c>
      <c r="C67" s="16">
        <v>14</v>
      </c>
      <c r="D67" s="17">
        <v>34</v>
      </c>
    </row>
    <row r="68" spans="1:4" ht="18" customHeight="1" x14ac:dyDescent="0.2">
      <c r="A68" s="14">
        <v>52</v>
      </c>
      <c r="B68" s="15">
        <v>12</v>
      </c>
      <c r="C68" s="16">
        <v>15</v>
      </c>
      <c r="D68" s="17">
        <v>27</v>
      </c>
    </row>
    <row r="69" spans="1:4" ht="18" customHeight="1" x14ac:dyDescent="0.2">
      <c r="A69" s="14">
        <v>53</v>
      </c>
      <c r="B69" s="15">
        <v>17</v>
      </c>
      <c r="C69" s="16">
        <v>15</v>
      </c>
      <c r="D69" s="17">
        <v>32</v>
      </c>
    </row>
    <row r="70" spans="1:4" ht="18" customHeight="1" x14ac:dyDescent="0.2">
      <c r="A70" s="14">
        <v>54</v>
      </c>
      <c r="B70" s="15">
        <v>15</v>
      </c>
      <c r="C70" s="16">
        <v>13</v>
      </c>
      <c r="D70" s="17">
        <v>28</v>
      </c>
    </row>
    <row r="71" spans="1:4" ht="18" customHeight="1" x14ac:dyDescent="0.2">
      <c r="A71" s="18" t="s">
        <v>59</v>
      </c>
      <c r="B71" s="15">
        <v>77</v>
      </c>
      <c r="C71" s="16">
        <v>79</v>
      </c>
      <c r="D71" s="17">
        <v>156</v>
      </c>
    </row>
    <row r="72" spans="1:4" ht="18" customHeight="1" x14ac:dyDescent="0.2">
      <c r="A72" s="14">
        <v>55</v>
      </c>
      <c r="B72" s="15">
        <v>14</v>
      </c>
      <c r="C72" s="16">
        <v>13</v>
      </c>
      <c r="D72" s="17">
        <v>27</v>
      </c>
    </row>
    <row r="73" spans="1:4" ht="18" customHeight="1" x14ac:dyDescent="0.2">
      <c r="A73" s="14">
        <v>56</v>
      </c>
      <c r="B73" s="15">
        <v>9</v>
      </c>
      <c r="C73" s="16">
        <v>11</v>
      </c>
      <c r="D73" s="17">
        <v>20</v>
      </c>
    </row>
    <row r="74" spans="1:4" ht="18" customHeight="1" x14ac:dyDescent="0.2">
      <c r="A74" s="14">
        <v>57</v>
      </c>
      <c r="B74" s="15">
        <v>21</v>
      </c>
      <c r="C74" s="16">
        <v>17</v>
      </c>
      <c r="D74" s="17">
        <v>38</v>
      </c>
    </row>
    <row r="75" spans="1:4" ht="18" customHeight="1" x14ac:dyDescent="0.2">
      <c r="A75" s="14">
        <v>58</v>
      </c>
      <c r="B75" s="15">
        <v>17</v>
      </c>
      <c r="C75" s="16">
        <v>14</v>
      </c>
      <c r="D75" s="17">
        <v>31</v>
      </c>
    </row>
    <row r="76" spans="1:4" ht="18" customHeight="1" x14ac:dyDescent="0.2">
      <c r="A76" s="14">
        <v>59</v>
      </c>
      <c r="B76" s="15">
        <v>13</v>
      </c>
      <c r="C76" s="16">
        <v>19</v>
      </c>
      <c r="D76" s="17">
        <v>32</v>
      </c>
    </row>
    <row r="77" spans="1:4" ht="18" customHeight="1" x14ac:dyDescent="0.2">
      <c r="A77" s="18" t="s">
        <v>60</v>
      </c>
      <c r="B77" s="15">
        <v>74</v>
      </c>
      <c r="C77" s="16">
        <v>74</v>
      </c>
      <c r="D77" s="17">
        <v>148</v>
      </c>
    </row>
    <row r="78" spans="1:4" ht="18" customHeight="1" x14ac:dyDescent="0.2">
      <c r="A78" s="14">
        <v>60</v>
      </c>
      <c r="B78" s="15">
        <v>12</v>
      </c>
      <c r="C78" s="16">
        <v>11</v>
      </c>
      <c r="D78" s="17">
        <v>23</v>
      </c>
    </row>
    <row r="79" spans="1:4" ht="18" customHeight="1" x14ac:dyDescent="0.2">
      <c r="A79" s="14">
        <v>61</v>
      </c>
      <c r="B79" s="15">
        <v>17</v>
      </c>
      <c r="C79" s="16">
        <v>14</v>
      </c>
      <c r="D79" s="17">
        <v>31</v>
      </c>
    </row>
    <row r="80" spans="1:4" ht="18" customHeight="1" x14ac:dyDescent="0.2">
      <c r="A80" s="14">
        <v>62</v>
      </c>
      <c r="B80" s="15">
        <v>10</v>
      </c>
      <c r="C80" s="16">
        <v>11</v>
      </c>
      <c r="D80" s="17">
        <v>21</v>
      </c>
    </row>
    <row r="81" spans="1:4" ht="18" customHeight="1" x14ac:dyDescent="0.2">
      <c r="A81" s="14">
        <v>63</v>
      </c>
      <c r="B81" s="15">
        <v>13</v>
      </c>
      <c r="C81" s="16">
        <v>18</v>
      </c>
      <c r="D81" s="17">
        <v>31</v>
      </c>
    </row>
    <row r="82" spans="1:4" ht="18" customHeight="1" x14ac:dyDescent="0.2">
      <c r="A82" s="14">
        <v>64</v>
      </c>
      <c r="B82" s="15">
        <v>18</v>
      </c>
      <c r="C82" s="16">
        <v>20</v>
      </c>
      <c r="D82" s="17">
        <v>38</v>
      </c>
    </row>
    <row r="83" spans="1:4" ht="18" customHeight="1" x14ac:dyDescent="0.2">
      <c r="A83" s="18" t="s">
        <v>61</v>
      </c>
      <c r="B83" s="15">
        <v>70</v>
      </c>
      <c r="C83" s="16">
        <v>74</v>
      </c>
      <c r="D83" s="17">
        <v>144</v>
      </c>
    </row>
    <row r="84" spans="1:4" ht="18" customHeight="1" x14ac:dyDescent="0.2">
      <c r="A84" s="18" t="s">
        <v>62</v>
      </c>
      <c r="B84" s="15">
        <v>623</v>
      </c>
      <c r="C84" s="16">
        <v>572</v>
      </c>
      <c r="D84" s="17">
        <v>1195</v>
      </c>
    </row>
    <row r="85" spans="1:4" ht="18" customHeight="1" x14ac:dyDescent="0.2">
      <c r="A85" s="14">
        <v>65</v>
      </c>
      <c r="B85" s="15">
        <v>19</v>
      </c>
      <c r="C85" s="16">
        <v>19</v>
      </c>
      <c r="D85" s="17">
        <v>38</v>
      </c>
    </row>
    <row r="86" spans="1:4" ht="18" customHeight="1" x14ac:dyDescent="0.2">
      <c r="A86" s="14">
        <v>66</v>
      </c>
      <c r="B86" s="15">
        <v>12</v>
      </c>
      <c r="C86" s="16">
        <v>20</v>
      </c>
      <c r="D86" s="17">
        <v>32</v>
      </c>
    </row>
    <row r="87" spans="1:4" ht="18" customHeight="1" x14ac:dyDescent="0.2">
      <c r="A87" s="14">
        <v>67</v>
      </c>
      <c r="B87" s="15">
        <v>15</v>
      </c>
      <c r="C87" s="16">
        <v>27</v>
      </c>
      <c r="D87" s="17">
        <v>42</v>
      </c>
    </row>
    <row r="88" spans="1:4" ht="18" customHeight="1" x14ac:dyDescent="0.2">
      <c r="A88" s="14">
        <v>68</v>
      </c>
      <c r="B88" s="15">
        <v>25</v>
      </c>
      <c r="C88" s="16">
        <v>23</v>
      </c>
      <c r="D88" s="17">
        <v>48</v>
      </c>
    </row>
    <row r="89" spans="1:4" ht="18" customHeight="1" x14ac:dyDescent="0.2">
      <c r="A89" s="14">
        <v>69</v>
      </c>
      <c r="B89" s="15">
        <v>20</v>
      </c>
      <c r="C89" s="16">
        <v>22</v>
      </c>
      <c r="D89" s="17">
        <v>42</v>
      </c>
    </row>
    <row r="90" spans="1:4" ht="18" customHeight="1" x14ac:dyDescent="0.2">
      <c r="A90" s="18" t="s">
        <v>63</v>
      </c>
      <c r="B90" s="15">
        <v>91</v>
      </c>
      <c r="C90" s="16">
        <v>111</v>
      </c>
      <c r="D90" s="17">
        <v>202</v>
      </c>
    </row>
    <row r="91" spans="1:4" ht="18" customHeight="1" x14ac:dyDescent="0.2">
      <c r="A91" s="14">
        <v>70</v>
      </c>
      <c r="B91" s="15">
        <v>21</v>
      </c>
      <c r="C91" s="16">
        <v>33</v>
      </c>
      <c r="D91" s="17">
        <v>54</v>
      </c>
    </row>
    <row r="92" spans="1:4" ht="18" customHeight="1" x14ac:dyDescent="0.2">
      <c r="A92" s="14">
        <v>71</v>
      </c>
      <c r="B92" s="15">
        <v>28</v>
      </c>
      <c r="C92" s="16">
        <v>33</v>
      </c>
      <c r="D92" s="17">
        <v>61</v>
      </c>
    </row>
    <row r="93" spans="1:4" ht="18" customHeight="1" x14ac:dyDescent="0.2">
      <c r="A93" s="14">
        <v>72</v>
      </c>
      <c r="B93" s="15">
        <v>27</v>
      </c>
      <c r="C93" s="16">
        <v>32</v>
      </c>
      <c r="D93" s="17">
        <v>59</v>
      </c>
    </row>
    <row r="94" spans="1:4" ht="18" customHeight="1" x14ac:dyDescent="0.2">
      <c r="A94" s="14">
        <v>73</v>
      </c>
      <c r="B94" s="15">
        <v>26</v>
      </c>
      <c r="C94" s="16">
        <v>37</v>
      </c>
      <c r="D94" s="17">
        <v>63</v>
      </c>
    </row>
    <row r="95" spans="1:4" ht="18" customHeight="1" x14ac:dyDescent="0.2">
      <c r="A95" s="14">
        <v>74</v>
      </c>
      <c r="B95" s="15">
        <v>18</v>
      </c>
      <c r="C95" s="16">
        <v>15</v>
      </c>
      <c r="D95" s="17">
        <v>33</v>
      </c>
    </row>
    <row r="96" spans="1:4" ht="18" customHeight="1" x14ac:dyDescent="0.2">
      <c r="A96" s="18" t="s">
        <v>64</v>
      </c>
      <c r="B96" s="15">
        <v>120</v>
      </c>
      <c r="C96" s="16">
        <v>150</v>
      </c>
      <c r="D96" s="17">
        <v>270</v>
      </c>
    </row>
    <row r="97" spans="1:4" ht="18" customHeight="1" x14ac:dyDescent="0.2">
      <c r="A97" s="14">
        <v>75</v>
      </c>
      <c r="B97" s="15">
        <v>12</v>
      </c>
      <c r="C97" s="16">
        <v>20</v>
      </c>
      <c r="D97" s="17">
        <v>32</v>
      </c>
    </row>
    <row r="98" spans="1:4" ht="18" customHeight="1" x14ac:dyDescent="0.2">
      <c r="A98" s="14">
        <v>76</v>
      </c>
      <c r="B98" s="15">
        <v>22</v>
      </c>
      <c r="C98" s="16">
        <v>20</v>
      </c>
      <c r="D98" s="17">
        <v>42</v>
      </c>
    </row>
    <row r="99" spans="1:4" ht="18" customHeight="1" x14ac:dyDescent="0.2">
      <c r="A99" s="14">
        <v>77</v>
      </c>
      <c r="B99" s="15">
        <v>18</v>
      </c>
      <c r="C99" s="16">
        <v>22</v>
      </c>
      <c r="D99" s="17">
        <v>40</v>
      </c>
    </row>
    <row r="100" spans="1:4" ht="18" customHeight="1" x14ac:dyDescent="0.2">
      <c r="A100" s="14">
        <v>78</v>
      </c>
      <c r="B100" s="15">
        <v>20</v>
      </c>
      <c r="C100" s="16">
        <v>24</v>
      </c>
      <c r="D100" s="17">
        <v>44</v>
      </c>
    </row>
    <row r="101" spans="1:4" ht="18" customHeight="1" x14ac:dyDescent="0.2">
      <c r="A101" s="14">
        <v>79</v>
      </c>
      <c r="B101" s="15">
        <v>12</v>
      </c>
      <c r="C101" s="16">
        <v>14</v>
      </c>
      <c r="D101" s="17">
        <v>26</v>
      </c>
    </row>
    <row r="102" spans="1:4" ht="18" customHeight="1" x14ac:dyDescent="0.2">
      <c r="A102" s="18" t="s">
        <v>65</v>
      </c>
      <c r="B102" s="15">
        <v>84</v>
      </c>
      <c r="C102" s="16">
        <v>100</v>
      </c>
      <c r="D102" s="17">
        <v>184</v>
      </c>
    </row>
    <row r="103" spans="1:4" ht="18" customHeight="1" x14ac:dyDescent="0.2">
      <c r="A103" s="14">
        <v>80</v>
      </c>
      <c r="B103" s="15">
        <v>10</v>
      </c>
      <c r="C103" s="16">
        <v>15</v>
      </c>
      <c r="D103" s="17">
        <v>25</v>
      </c>
    </row>
    <row r="104" spans="1:4" ht="18" customHeight="1" x14ac:dyDescent="0.2">
      <c r="A104" s="14">
        <v>81</v>
      </c>
      <c r="B104" s="15">
        <v>8</v>
      </c>
      <c r="C104" s="16">
        <v>11</v>
      </c>
      <c r="D104" s="17">
        <v>19</v>
      </c>
    </row>
    <row r="105" spans="1:4" ht="18" customHeight="1" x14ac:dyDescent="0.2">
      <c r="A105" s="14">
        <v>82</v>
      </c>
      <c r="B105" s="15">
        <v>10</v>
      </c>
      <c r="C105" s="16">
        <v>14</v>
      </c>
      <c r="D105" s="17">
        <v>24</v>
      </c>
    </row>
    <row r="106" spans="1:4" ht="18" customHeight="1" x14ac:dyDescent="0.2">
      <c r="A106" s="14">
        <v>83</v>
      </c>
      <c r="B106" s="15">
        <v>9</v>
      </c>
      <c r="C106" s="16">
        <v>20</v>
      </c>
      <c r="D106" s="17">
        <v>29</v>
      </c>
    </row>
    <row r="107" spans="1:4" ht="18" customHeight="1" x14ac:dyDescent="0.2">
      <c r="A107" s="14">
        <v>84</v>
      </c>
      <c r="B107" s="15">
        <v>10</v>
      </c>
      <c r="C107" s="16">
        <v>14</v>
      </c>
      <c r="D107" s="17">
        <v>24</v>
      </c>
    </row>
    <row r="108" spans="1:4" ht="18" customHeight="1" x14ac:dyDescent="0.2">
      <c r="A108" s="18" t="s">
        <v>66</v>
      </c>
      <c r="B108" s="15">
        <v>47</v>
      </c>
      <c r="C108" s="16">
        <v>74</v>
      </c>
      <c r="D108" s="17">
        <v>121</v>
      </c>
    </row>
    <row r="109" spans="1:4" ht="18" customHeight="1" x14ac:dyDescent="0.2">
      <c r="A109" s="14">
        <v>85</v>
      </c>
      <c r="B109" s="15">
        <v>7</v>
      </c>
      <c r="C109" s="16">
        <v>13</v>
      </c>
      <c r="D109" s="17">
        <v>20</v>
      </c>
    </row>
    <row r="110" spans="1:4" ht="18" customHeight="1" x14ac:dyDescent="0.2">
      <c r="A110" s="14">
        <v>86</v>
      </c>
      <c r="B110" s="15">
        <v>8</v>
      </c>
      <c r="C110" s="16">
        <v>14</v>
      </c>
      <c r="D110" s="17">
        <v>22</v>
      </c>
    </row>
    <row r="111" spans="1:4" ht="18" customHeight="1" x14ac:dyDescent="0.2">
      <c r="A111" s="14">
        <v>87</v>
      </c>
      <c r="B111" s="15">
        <v>8</v>
      </c>
      <c r="C111" s="16">
        <v>16</v>
      </c>
      <c r="D111" s="17">
        <v>24</v>
      </c>
    </row>
    <row r="112" spans="1:4" ht="18" customHeight="1" x14ac:dyDescent="0.2">
      <c r="A112" s="14">
        <v>88</v>
      </c>
      <c r="B112" s="15">
        <v>7</v>
      </c>
      <c r="C112" s="16">
        <v>15</v>
      </c>
      <c r="D112" s="17">
        <v>22</v>
      </c>
    </row>
    <row r="113" spans="1:4" ht="18" customHeight="1" x14ac:dyDescent="0.2">
      <c r="A113" s="14">
        <v>89</v>
      </c>
      <c r="B113" s="15">
        <v>8</v>
      </c>
      <c r="C113" s="16">
        <v>8</v>
      </c>
      <c r="D113" s="17">
        <v>16</v>
      </c>
    </row>
    <row r="114" spans="1:4" ht="18" customHeight="1" x14ac:dyDescent="0.2">
      <c r="A114" s="18" t="s">
        <v>67</v>
      </c>
      <c r="B114" s="15">
        <v>38</v>
      </c>
      <c r="C114" s="16">
        <v>66</v>
      </c>
      <c r="D114" s="17">
        <v>104</v>
      </c>
    </row>
    <row r="115" spans="1:4" ht="18" customHeight="1" x14ac:dyDescent="0.2">
      <c r="A115" s="14">
        <v>90</v>
      </c>
      <c r="B115" s="15">
        <v>1</v>
      </c>
      <c r="C115" s="16">
        <v>13</v>
      </c>
      <c r="D115" s="17">
        <v>14</v>
      </c>
    </row>
    <row r="116" spans="1:4" ht="18" customHeight="1" x14ac:dyDescent="0.2">
      <c r="A116" s="14">
        <v>91</v>
      </c>
      <c r="B116" s="15">
        <v>6</v>
      </c>
      <c r="C116" s="16">
        <v>9</v>
      </c>
      <c r="D116" s="17">
        <v>15</v>
      </c>
    </row>
    <row r="117" spans="1:4" ht="18" customHeight="1" x14ac:dyDescent="0.2">
      <c r="A117" s="14">
        <v>92</v>
      </c>
      <c r="B117" s="15">
        <v>2</v>
      </c>
      <c r="C117" s="16">
        <v>11</v>
      </c>
      <c r="D117" s="17">
        <v>13</v>
      </c>
    </row>
    <row r="118" spans="1:4" ht="18" customHeight="1" x14ac:dyDescent="0.2">
      <c r="A118" s="14">
        <v>93</v>
      </c>
      <c r="B118" s="15">
        <v>1</v>
      </c>
      <c r="C118" s="16">
        <v>2</v>
      </c>
      <c r="D118" s="17">
        <v>3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68</v>
      </c>
      <c r="B120" s="15">
        <v>11</v>
      </c>
      <c r="C120" s="16">
        <v>39</v>
      </c>
      <c r="D120" s="17">
        <v>50</v>
      </c>
    </row>
    <row r="121" spans="1:4" ht="18" customHeight="1" x14ac:dyDescent="0.2">
      <c r="A121" s="14">
        <v>95</v>
      </c>
      <c r="B121" s="15">
        <v>2</v>
      </c>
      <c r="C121" s="16">
        <v>3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5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15</v>
      </c>
      <c r="D126" s="17">
        <v>18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394</v>
      </c>
      <c r="C130" s="5">
        <v>556</v>
      </c>
      <c r="D130" s="6">
        <v>950</v>
      </c>
    </row>
    <row r="131" spans="1:4" ht="18" customHeight="1" x14ac:dyDescent="0.2">
      <c r="A131" s="20" t="s">
        <v>47</v>
      </c>
      <c r="B131" s="7">
        <v>1128</v>
      </c>
      <c r="C131" s="8">
        <v>1222</v>
      </c>
      <c r="D131" s="9">
        <v>235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4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</v>
      </c>
      <c r="C5" s="12">
        <v>8</v>
      </c>
      <c r="D5" s="13">
        <v>11</v>
      </c>
    </row>
    <row r="6" spans="1:4" ht="18" customHeight="1" x14ac:dyDescent="0.2">
      <c r="A6" s="14">
        <v>1</v>
      </c>
      <c r="B6" s="15">
        <v>4</v>
      </c>
      <c r="C6" s="16">
        <v>6</v>
      </c>
      <c r="D6" s="17">
        <v>10</v>
      </c>
    </row>
    <row r="7" spans="1:4" ht="18" customHeight="1" x14ac:dyDescent="0.2">
      <c r="A7" s="14">
        <v>2</v>
      </c>
      <c r="B7" s="15">
        <v>12</v>
      </c>
      <c r="C7" s="16">
        <v>5</v>
      </c>
      <c r="D7" s="17">
        <v>17</v>
      </c>
    </row>
    <row r="8" spans="1:4" ht="18" customHeight="1" x14ac:dyDescent="0.2">
      <c r="A8" s="14">
        <v>3</v>
      </c>
      <c r="B8" s="15">
        <v>10</v>
      </c>
      <c r="C8" s="16">
        <v>5</v>
      </c>
      <c r="D8" s="17">
        <v>15</v>
      </c>
    </row>
    <row r="9" spans="1:4" ht="18" customHeight="1" x14ac:dyDescent="0.2">
      <c r="A9" s="14">
        <v>4</v>
      </c>
      <c r="B9" s="15">
        <v>8</v>
      </c>
      <c r="C9" s="16">
        <v>11</v>
      </c>
      <c r="D9" s="17">
        <v>19</v>
      </c>
    </row>
    <row r="10" spans="1:4" ht="18" customHeight="1" x14ac:dyDescent="0.2">
      <c r="A10" s="18" t="s">
        <v>48</v>
      </c>
      <c r="B10" s="15">
        <v>37</v>
      </c>
      <c r="C10" s="16">
        <v>35</v>
      </c>
      <c r="D10" s="17">
        <v>72</v>
      </c>
    </row>
    <row r="11" spans="1:4" ht="18" customHeight="1" x14ac:dyDescent="0.2">
      <c r="A11" s="14">
        <v>5</v>
      </c>
      <c r="B11" s="15">
        <v>10</v>
      </c>
      <c r="C11" s="16">
        <v>7</v>
      </c>
      <c r="D11" s="17">
        <v>17</v>
      </c>
    </row>
    <row r="12" spans="1:4" ht="18" customHeight="1" x14ac:dyDescent="0.2">
      <c r="A12" s="14">
        <v>6</v>
      </c>
      <c r="B12" s="15">
        <v>11</v>
      </c>
      <c r="C12" s="16">
        <v>8</v>
      </c>
      <c r="D12" s="17">
        <v>19</v>
      </c>
    </row>
    <row r="13" spans="1:4" ht="18" customHeight="1" x14ac:dyDescent="0.2">
      <c r="A13" s="14">
        <v>7</v>
      </c>
      <c r="B13" s="15">
        <v>8</v>
      </c>
      <c r="C13" s="16">
        <v>11</v>
      </c>
      <c r="D13" s="17">
        <v>19</v>
      </c>
    </row>
    <row r="14" spans="1:4" ht="18" customHeight="1" x14ac:dyDescent="0.2">
      <c r="A14" s="14">
        <v>8</v>
      </c>
      <c r="B14" s="15">
        <v>11</v>
      </c>
      <c r="C14" s="16">
        <v>10</v>
      </c>
      <c r="D14" s="17">
        <v>21</v>
      </c>
    </row>
    <row r="15" spans="1:4" ht="18" customHeight="1" x14ac:dyDescent="0.2">
      <c r="A15" s="14">
        <v>9</v>
      </c>
      <c r="B15" s="15">
        <v>9</v>
      </c>
      <c r="C15" s="16">
        <v>13</v>
      </c>
      <c r="D15" s="17">
        <v>22</v>
      </c>
    </row>
    <row r="16" spans="1:4" ht="18" customHeight="1" x14ac:dyDescent="0.2">
      <c r="A16" s="18" t="s">
        <v>49</v>
      </c>
      <c r="B16" s="15">
        <v>49</v>
      </c>
      <c r="C16" s="16">
        <v>49</v>
      </c>
      <c r="D16" s="17">
        <v>98</v>
      </c>
    </row>
    <row r="17" spans="1:4" ht="18" customHeight="1" x14ac:dyDescent="0.2">
      <c r="A17" s="14">
        <v>10</v>
      </c>
      <c r="B17" s="15">
        <v>13</v>
      </c>
      <c r="C17" s="16">
        <v>9</v>
      </c>
      <c r="D17" s="17">
        <v>22</v>
      </c>
    </row>
    <row r="18" spans="1:4" ht="18" customHeight="1" x14ac:dyDescent="0.2">
      <c r="A18" s="14">
        <v>11</v>
      </c>
      <c r="B18" s="15">
        <v>7</v>
      </c>
      <c r="C18" s="16">
        <v>10</v>
      </c>
      <c r="D18" s="17">
        <v>17</v>
      </c>
    </row>
    <row r="19" spans="1:4" ht="18" customHeight="1" x14ac:dyDescent="0.2">
      <c r="A19" s="14">
        <v>12</v>
      </c>
      <c r="B19" s="15">
        <v>9</v>
      </c>
      <c r="C19" s="16">
        <v>18</v>
      </c>
      <c r="D19" s="17">
        <v>27</v>
      </c>
    </row>
    <row r="20" spans="1:4" ht="18" customHeight="1" x14ac:dyDescent="0.2">
      <c r="A20" s="14">
        <v>13</v>
      </c>
      <c r="B20" s="15">
        <v>12</v>
      </c>
      <c r="C20" s="16">
        <v>8</v>
      </c>
      <c r="D20" s="17">
        <v>20</v>
      </c>
    </row>
    <row r="21" spans="1:4" ht="18" customHeight="1" x14ac:dyDescent="0.2">
      <c r="A21" s="14">
        <v>14</v>
      </c>
      <c r="B21" s="15">
        <v>13</v>
      </c>
      <c r="C21" s="16">
        <v>8</v>
      </c>
      <c r="D21" s="17">
        <v>21</v>
      </c>
    </row>
    <row r="22" spans="1:4" ht="18" customHeight="1" x14ac:dyDescent="0.2">
      <c r="A22" s="18" t="s">
        <v>50</v>
      </c>
      <c r="B22" s="15">
        <v>54</v>
      </c>
      <c r="C22" s="16">
        <v>53</v>
      </c>
      <c r="D22" s="17">
        <v>107</v>
      </c>
    </row>
    <row r="23" spans="1:4" ht="18" customHeight="1" x14ac:dyDescent="0.2">
      <c r="A23" s="18" t="s">
        <v>51</v>
      </c>
      <c r="B23" s="15">
        <v>140</v>
      </c>
      <c r="C23" s="16">
        <v>137</v>
      </c>
      <c r="D23" s="17">
        <v>277</v>
      </c>
    </row>
    <row r="24" spans="1:4" ht="18" customHeight="1" x14ac:dyDescent="0.2">
      <c r="A24" s="14">
        <v>15</v>
      </c>
      <c r="B24" s="15">
        <v>15</v>
      </c>
      <c r="C24" s="16">
        <v>21</v>
      </c>
      <c r="D24" s="17">
        <v>36</v>
      </c>
    </row>
    <row r="25" spans="1:4" ht="18" customHeight="1" x14ac:dyDescent="0.2">
      <c r="A25" s="14">
        <v>16</v>
      </c>
      <c r="B25" s="15">
        <v>10</v>
      </c>
      <c r="C25" s="16">
        <v>8</v>
      </c>
      <c r="D25" s="17">
        <v>18</v>
      </c>
    </row>
    <row r="26" spans="1:4" ht="18" customHeight="1" x14ac:dyDescent="0.2">
      <c r="A26" s="14">
        <v>17</v>
      </c>
      <c r="B26" s="15">
        <v>15</v>
      </c>
      <c r="C26" s="16">
        <v>14</v>
      </c>
      <c r="D26" s="17">
        <v>29</v>
      </c>
    </row>
    <row r="27" spans="1:4" ht="18" customHeight="1" x14ac:dyDescent="0.2">
      <c r="A27" s="14">
        <v>18</v>
      </c>
      <c r="B27" s="15">
        <v>10</v>
      </c>
      <c r="C27" s="16">
        <v>17</v>
      </c>
      <c r="D27" s="17">
        <v>27</v>
      </c>
    </row>
    <row r="28" spans="1:4" ht="18" customHeight="1" x14ac:dyDescent="0.2">
      <c r="A28" s="14">
        <v>19</v>
      </c>
      <c r="B28" s="15">
        <v>15</v>
      </c>
      <c r="C28" s="16">
        <v>13</v>
      </c>
      <c r="D28" s="17">
        <v>28</v>
      </c>
    </row>
    <row r="29" spans="1:4" ht="18" customHeight="1" x14ac:dyDescent="0.2">
      <c r="A29" s="18" t="s">
        <v>52</v>
      </c>
      <c r="B29" s="15">
        <v>65</v>
      </c>
      <c r="C29" s="16">
        <v>73</v>
      </c>
      <c r="D29" s="17">
        <v>138</v>
      </c>
    </row>
    <row r="30" spans="1:4" ht="18" customHeight="1" x14ac:dyDescent="0.2">
      <c r="A30" s="14">
        <v>20</v>
      </c>
      <c r="B30" s="15">
        <v>18</v>
      </c>
      <c r="C30" s="16">
        <v>13</v>
      </c>
      <c r="D30" s="17">
        <v>31</v>
      </c>
    </row>
    <row r="31" spans="1:4" ht="18" customHeight="1" x14ac:dyDescent="0.2">
      <c r="A31" s="14">
        <v>21</v>
      </c>
      <c r="B31" s="15">
        <v>15</v>
      </c>
      <c r="C31" s="16">
        <v>15</v>
      </c>
      <c r="D31" s="17">
        <v>30</v>
      </c>
    </row>
    <row r="32" spans="1:4" ht="18" customHeight="1" x14ac:dyDescent="0.2">
      <c r="A32" s="14">
        <v>22</v>
      </c>
      <c r="B32" s="15">
        <v>12</v>
      </c>
      <c r="C32" s="16">
        <v>9</v>
      </c>
      <c r="D32" s="17">
        <v>21</v>
      </c>
    </row>
    <row r="33" spans="1:4" ht="18" customHeight="1" x14ac:dyDescent="0.2">
      <c r="A33" s="14">
        <v>23</v>
      </c>
      <c r="B33" s="15">
        <v>17</v>
      </c>
      <c r="C33" s="16">
        <v>6</v>
      </c>
      <c r="D33" s="17">
        <v>23</v>
      </c>
    </row>
    <row r="34" spans="1:4" ht="18" customHeight="1" x14ac:dyDescent="0.2">
      <c r="A34" s="14">
        <v>24</v>
      </c>
      <c r="B34" s="15">
        <v>13</v>
      </c>
      <c r="C34" s="16">
        <v>9</v>
      </c>
      <c r="D34" s="17">
        <v>22</v>
      </c>
    </row>
    <row r="35" spans="1:4" ht="18" customHeight="1" x14ac:dyDescent="0.2">
      <c r="A35" s="18" t="s">
        <v>53</v>
      </c>
      <c r="B35" s="15">
        <v>75</v>
      </c>
      <c r="C35" s="16">
        <v>52</v>
      </c>
      <c r="D35" s="17">
        <v>127</v>
      </c>
    </row>
    <row r="36" spans="1:4" ht="18" customHeight="1" x14ac:dyDescent="0.2">
      <c r="A36" s="14">
        <v>25</v>
      </c>
      <c r="B36" s="15">
        <v>12</v>
      </c>
      <c r="C36" s="16">
        <v>7</v>
      </c>
      <c r="D36" s="17">
        <v>19</v>
      </c>
    </row>
    <row r="37" spans="1:4" ht="18" customHeight="1" x14ac:dyDescent="0.2">
      <c r="A37" s="14">
        <v>26</v>
      </c>
      <c r="B37" s="15">
        <v>13</v>
      </c>
      <c r="C37" s="16">
        <v>8</v>
      </c>
      <c r="D37" s="17">
        <v>21</v>
      </c>
    </row>
    <row r="38" spans="1:4" ht="18" customHeight="1" x14ac:dyDescent="0.2">
      <c r="A38" s="14">
        <v>27</v>
      </c>
      <c r="B38" s="15">
        <v>14</v>
      </c>
      <c r="C38" s="16">
        <v>9</v>
      </c>
      <c r="D38" s="17">
        <v>23</v>
      </c>
    </row>
    <row r="39" spans="1:4" ht="18" customHeight="1" x14ac:dyDescent="0.2">
      <c r="A39" s="14">
        <v>28</v>
      </c>
      <c r="B39" s="15">
        <v>6</v>
      </c>
      <c r="C39" s="16">
        <v>9</v>
      </c>
      <c r="D39" s="17">
        <v>15</v>
      </c>
    </row>
    <row r="40" spans="1:4" ht="18" customHeight="1" x14ac:dyDescent="0.2">
      <c r="A40" s="14">
        <v>29</v>
      </c>
      <c r="B40" s="15">
        <v>11</v>
      </c>
      <c r="C40" s="16">
        <v>14</v>
      </c>
      <c r="D40" s="17">
        <v>25</v>
      </c>
    </row>
    <row r="41" spans="1:4" ht="18" customHeight="1" x14ac:dyDescent="0.2">
      <c r="A41" s="18" t="s">
        <v>54</v>
      </c>
      <c r="B41" s="15">
        <v>56</v>
      </c>
      <c r="C41" s="16">
        <v>47</v>
      </c>
      <c r="D41" s="17">
        <v>103</v>
      </c>
    </row>
    <row r="42" spans="1:4" ht="18" customHeight="1" x14ac:dyDescent="0.2">
      <c r="A42" s="14">
        <v>30</v>
      </c>
      <c r="B42" s="15">
        <v>13</v>
      </c>
      <c r="C42" s="16">
        <v>6</v>
      </c>
      <c r="D42" s="17">
        <v>19</v>
      </c>
    </row>
    <row r="43" spans="1:4" ht="18" customHeight="1" x14ac:dyDescent="0.2">
      <c r="A43" s="14">
        <v>31</v>
      </c>
      <c r="B43" s="15">
        <v>9</v>
      </c>
      <c r="C43" s="16">
        <v>9</v>
      </c>
      <c r="D43" s="17">
        <v>18</v>
      </c>
    </row>
    <row r="44" spans="1:4" ht="18" customHeight="1" x14ac:dyDescent="0.2">
      <c r="A44" s="14">
        <v>32</v>
      </c>
      <c r="B44" s="15">
        <v>15</v>
      </c>
      <c r="C44" s="16">
        <v>9</v>
      </c>
      <c r="D44" s="17">
        <v>24</v>
      </c>
    </row>
    <row r="45" spans="1:4" ht="18" customHeight="1" x14ac:dyDescent="0.2">
      <c r="A45" s="14">
        <v>33</v>
      </c>
      <c r="B45" s="15">
        <v>12</v>
      </c>
      <c r="C45" s="16">
        <v>13</v>
      </c>
      <c r="D45" s="17">
        <v>25</v>
      </c>
    </row>
    <row r="46" spans="1:4" ht="18" customHeight="1" x14ac:dyDescent="0.2">
      <c r="A46" s="14">
        <v>34</v>
      </c>
      <c r="B46" s="15">
        <v>9</v>
      </c>
      <c r="C46" s="16">
        <v>7</v>
      </c>
      <c r="D46" s="17">
        <v>16</v>
      </c>
    </row>
    <row r="47" spans="1:4" ht="18" customHeight="1" x14ac:dyDescent="0.2">
      <c r="A47" s="18" t="s">
        <v>55</v>
      </c>
      <c r="B47" s="15">
        <v>58</v>
      </c>
      <c r="C47" s="16">
        <v>44</v>
      </c>
      <c r="D47" s="17">
        <v>102</v>
      </c>
    </row>
    <row r="48" spans="1:4" ht="18" customHeight="1" x14ac:dyDescent="0.2">
      <c r="A48" s="14">
        <v>35</v>
      </c>
      <c r="B48" s="15">
        <v>16</v>
      </c>
      <c r="C48" s="16">
        <v>15</v>
      </c>
      <c r="D48" s="17">
        <v>31</v>
      </c>
    </row>
    <row r="49" spans="1:4" ht="18" customHeight="1" x14ac:dyDescent="0.2">
      <c r="A49" s="14">
        <v>36</v>
      </c>
      <c r="B49" s="15">
        <v>13</v>
      </c>
      <c r="C49" s="16">
        <v>10</v>
      </c>
      <c r="D49" s="17">
        <v>23</v>
      </c>
    </row>
    <row r="50" spans="1:4" ht="18" customHeight="1" x14ac:dyDescent="0.2">
      <c r="A50" s="14">
        <v>37</v>
      </c>
      <c r="B50" s="15">
        <v>14</v>
      </c>
      <c r="C50" s="16">
        <v>10</v>
      </c>
      <c r="D50" s="17">
        <v>24</v>
      </c>
    </row>
    <row r="51" spans="1:4" ht="18" customHeight="1" x14ac:dyDescent="0.2">
      <c r="A51" s="14">
        <v>38</v>
      </c>
      <c r="B51" s="15">
        <v>17</v>
      </c>
      <c r="C51" s="16">
        <v>11</v>
      </c>
      <c r="D51" s="17">
        <v>28</v>
      </c>
    </row>
    <row r="52" spans="1:4" ht="18" customHeight="1" x14ac:dyDescent="0.2">
      <c r="A52" s="14">
        <v>39</v>
      </c>
      <c r="B52" s="15">
        <v>20</v>
      </c>
      <c r="C52" s="16">
        <v>11</v>
      </c>
      <c r="D52" s="17">
        <v>31</v>
      </c>
    </row>
    <row r="53" spans="1:4" ht="18" customHeight="1" x14ac:dyDescent="0.2">
      <c r="A53" s="18" t="s">
        <v>56</v>
      </c>
      <c r="B53" s="15">
        <v>80</v>
      </c>
      <c r="C53" s="16">
        <v>57</v>
      </c>
      <c r="D53" s="17">
        <v>137</v>
      </c>
    </row>
    <row r="54" spans="1:4" ht="18" customHeight="1" x14ac:dyDescent="0.2">
      <c r="A54" s="14">
        <v>40</v>
      </c>
      <c r="B54" s="15">
        <v>11</v>
      </c>
      <c r="C54" s="16">
        <v>14</v>
      </c>
      <c r="D54" s="17">
        <v>25</v>
      </c>
    </row>
    <row r="55" spans="1:4" ht="18" customHeight="1" x14ac:dyDescent="0.2">
      <c r="A55" s="14">
        <v>41</v>
      </c>
      <c r="B55" s="15">
        <v>18</v>
      </c>
      <c r="C55" s="16">
        <v>18</v>
      </c>
      <c r="D55" s="17">
        <v>36</v>
      </c>
    </row>
    <row r="56" spans="1:4" ht="18" customHeight="1" x14ac:dyDescent="0.2">
      <c r="A56" s="14">
        <v>42</v>
      </c>
      <c r="B56" s="15">
        <v>19</v>
      </c>
      <c r="C56" s="16">
        <v>24</v>
      </c>
      <c r="D56" s="17">
        <v>43</v>
      </c>
    </row>
    <row r="57" spans="1:4" ht="18" customHeight="1" x14ac:dyDescent="0.2">
      <c r="A57" s="14">
        <v>43</v>
      </c>
      <c r="B57" s="15">
        <v>25</v>
      </c>
      <c r="C57" s="16">
        <v>15</v>
      </c>
      <c r="D57" s="17">
        <v>40</v>
      </c>
    </row>
    <row r="58" spans="1:4" ht="18" customHeight="1" x14ac:dyDescent="0.2">
      <c r="A58" s="14">
        <v>44</v>
      </c>
      <c r="B58" s="15">
        <v>17</v>
      </c>
      <c r="C58" s="16">
        <v>16</v>
      </c>
      <c r="D58" s="17">
        <v>33</v>
      </c>
    </row>
    <row r="59" spans="1:4" ht="18" customHeight="1" x14ac:dyDescent="0.2">
      <c r="A59" s="18" t="s">
        <v>57</v>
      </c>
      <c r="B59" s="15">
        <v>90</v>
      </c>
      <c r="C59" s="16">
        <v>87</v>
      </c>
      <c r="D59" s="17">
        <v>177</v>
      </c>
    </row>
    <row r="60" spans="1:4" ht="18" customHeight="1" x14ac:dyDescent="0.2">
      <c r="A60" s="14">
        <v>45</v>
      </c>
      <c r="B60" s="15">
        <v>22</v>
      </c>
      <c r="C60" s="16">
        <v>19</v>
      </c>
      <c r="D60" s="17">
        <v>41</v>
      </c>
    </row>
    <row r="61" spans="1:4" ht="18" customHeight="1" x14ac:dyDescent="0.2">
      <c r="A61" s="14">
        <v>46</v>
      </c>
      <c r="B61" s="15">
        <v>25</v>
      </c>
      <c r="C61" s="16">
        <v>16</v>
      </c>
      <c r="D61" s="17">
        <v>41</v>
      </c>
    </row>
    <row r="62" spans="1:4" ht="18" customHeight="1" x14ac:dyDescent="0.2">
      <c r="A62" s="14">
        <v>47</v>
      </c>
      <c r="B62" s="15">
        <v>25</v>
      </c>
      <c r="C62" s="16">
        <v>24</v>
      </c>
      <c r="D62" s="17">
        <v>49</v>
      </c>
    </row>
    <row r="63" spans="1:4" ht="18" customHeight="1" x14ac:dyDescent="0.2">
      <c r="A63" s="14">
        <v>48</v>
      </c>
      <c r="B63" s="15">
        <v>17</v>
      </c>
      <c r="C63" s="16">
        <v>24</v>
      </c>
      <c r="D63" s="17">
        <v>41</v>
      </c>
    </row>
    <row r="64" spans="1:4" ht="18" customHeight="1" x14ac:dyDescent="0.2">
      <c r="A64" s="14">
        <v>49</v>
      </c>
      <c r="B64" s="15">
        <v>22</v>
      </c>
      <c r="C64" s="16">
        <v>23</v>
      </c>
      <c r="D64" s="17">
        <v>45</v>
      </c>
    </row>
    <row r="65" spans="1:4" ht="18" customHeight="1" x14ac:dyDescent="0.2">
      <c r="A65" s="18" t="s">
        <v>58</v>
      </c>
      <c r="B65" s="15">
        <v>111</v>
      </c>
      <c r="C65" s="16">
        <v>106</v>
      </c>
      <c r="D65" s="17">
        <v>217</v>
      </c>
    </row>
    <row r="66" spans="1:4" ht="18" customHeight="1" x14ac:dyDescent="0.2">
      <c r="A66" s="14">
        <v>50</v>
      </c>
      <c r="B66" s="15">
        <v>21</v>
      </c>
      <c r="C66" s="16">
        <v>14</v>
      </c>
      <c r="D66" s="17">
        <v>35</v>
      </c>
    </row>
    <row r="67" spans="1:4" ht="18" customHeight="1" x14ac:dyDescent="0.2">
      <c r="A67" s="14">
        <v>51</v>
      </c>
      <c r="B67" s="15">
        <v>24</v>
      </c>
      <c r="C67" s="16">
        <v>20</v>
      </c>
      <c r="D67" s="17">
        <v>44</v>
      </c>
    </row>
    <row r="68" spans="1:4" ht="18" customHeight="1" x14ac:dyDescent="0.2">
      <c r="A68" s="14">
        <v>52</v>
      </c>
      <c r="B68" s="15">
        <v>22</v>
      </c>
      <c r="C68" s="16">
        <v>16</v>
      </c>
      <c r="D68" s="17">
        <v>38</v>
      </c>
    </row>
    <row r="69" spans="1:4" ht="18" customHeight="1" x14ac:dyDescent="0.2">
      <c r="A69" s="14">
        <v>53</v>
      </c>
      <c r="B69" s="15">
        <v>27</v>
      </c>
      <c r="C69" s="16">
        <v>15</v>
      </c>
      <c r="D69" s="17">
        <v>42</v>
      </c>
    </row>
    <row r="70" spans="1:4" ht="18" customHeight="1" x14ac:dyDescent="0.2">
      <c r="A70" s="14">
        <v>54</v>
      </c>
      <c r="B70" s="15">
        <v>13</v>
      </c>
      <c r="C70" s="16">
        <v>16</v>
      </c>
      <c r="D70" s="17">
        <v>29</v>
      </c>
    </row>
    <row r="71" spans="1:4" ht="18" customHeight="1" x14ac:dyDescent="0.2">
      <c r="A71" s="18" t="s">
        <v>59</v>
      </c>
      <c r="B71" s="15">
        <v>107</v>
      </c>
      <c r="C71" s="16">
        <v>81</v>
      </c>
      <c r="D71" s="17">
        <v>188</v>
      </c>
    </row>
    <row r="72" spans="1:4" ht="18" customHeight="1" x14ac:dyDescent="0.2">
      <c r="A72" s="14">
        <v>55</v>
      </c>
      <c r="B72" s="15">
        <v>22</v>
      </c>
      <c r="C72" s="16">
        <v>19</v>
      </c>
      <c r="D72" s="17">
        <v>41</v>
      </c>
    </row>
    <row r="73" spans="1:4" ht="18" customHeight="1" x14ac:dyDescent="0.2">
      <c r="A73" s="14">
        <v>56</v>
      </c>
      <c r="B73" s="15">
        <v>18</v>
      </c>
      <c r="C73" s="16">
        <v>28</v>
      </c>
      <c r="D73" s="17">
        <v>46</v>
      </c>
    </row>
    <row r="74" spans="1:4" ht="18" customHeight="1" x14ac:dyDescent="0.2">
      <c r="A74" s="14">
        <v>57</v>
      </c>
      <c r="B74" s="15">
        <v>17</v>
      </c>
      <c r="C74" s="16">
        <v>20</v>
      </c>
      <c r="D74" s="17">
        <v>37</v>
      </c>
    </row>
    <row r="75" spans="1:4" ht="18" customHeight="1" x14ac:dyDescent="0.2">
      <c r="A75" s="14">
        <v>58</v>
      </c>
      <c r="B75" s="15">
        <v>21</v>
      </c>
      <c r="C75" s="16">
        <v>21</v>
      </c>
      <c r="D75" s="17">
        <v>42</v>
      </c>
    </row>
    <row r="76" spans="1:4" ht="18" customHeight="1" x14ac:dyDescent="0.2">
      <c r="A76" s="14">
        <v>59</v>
      </c>
      <c r="B76" s="15">
        <v>15</v>
      </c>
      <c r="C76" s="16">
        <v>23</v>
      </c>
      <c r="D76" s="17">
        <v>38</v>
      </c>
    </row>
    <row r="77" spans="1:4" ht="18" customHeight="1" x14ac:dyDescent="0.2">
      <c r="A77" s="18" t="s">
        <v>60</v>
      </c>
      <c r="B77" s="15">
        <v>93</v>
      </c>
      <c r="C77" s="16">
        <v>111</v>
      </c>
      <c r="D77" s="17">
        <v>204</v>
      </c>
    </row>
    <row r="78" spans="1:4" ht="18" customHeight="1" x14ac:dyDescent="0.2">
      <c r="A78" s="14">
        <v>60</v>
      </c>
      <c r="B78" s="15">
        <v>20</v>
      </c>
      <c r="C78" s="16">
        <v>21</v>
      </c>
      <c r="D78" s="17">
        <v>41</v>
      </c>
    </row>
    <row r="79" spans="1:4" ht="18" customHeight="1" x14ac:dyDescent="0.2">
      <c r="A79" s="14">
        <v>61</v>
      </c>
      <c r="B79" s="15">
        <v>15</v>
      </c>
      <c r="C79" s="16">
        <v>16</v>
      </c>
      <c r="D79" s="17">
        <v>31</v>
      </c>
    </row>
    <row r="80" spans="1:4" ht="18" customHeight="1" x14ac:dyDescent="0.2">
      <c r="A80" s="14">
        <v>62</v>
      </c>
      <c r="B80" s="15">
        <v>20</v>
      </c>
      <c r="C80" s="16">
        <v>24</v>
      </c>
      <c r="D80" s="17">
        <v>44</v>
      </c>
    </row>
    <row r="81" spans="1:4" ht="18" customHeight="1" x14ac:dyDescent="0.2">
      <c r="A81" s="14">
        <v>63</v>
      </c>
      <c r="B81" s="15">
        <v>28</v>
      </c>
      <c r="C81" s="16">
        <v>25</v>
      </c>
      <c r="D81" s="17">
        <v>53</v>
      </c>
    </row>
    <row r="82" spans="1:4" ht="18" customHeight="1" x14ac:dyDescent="0.2">
      <c r="A82" s="14">
        <v>64</v>
      </c>
      <c r="B82" s="15">
        <v>19</v>
      </c>
      <c r="C82" s="16">
        <v>28</v>
      </c>
      <c r="D82" s="17">
        <v>47</v>
      </c>
    </row>
    <row r="83" spans="1:4" ht="18" customHeight="1" x14ac:dyDescent="0.2">
      <c r="A83" s="18" t="s">
        <v>61</v>
      </c>
      <c r="B83" s="15">
        <v>102</v>
      </c>
      <c r="C83" s="16">
        <v>114</v>
      </c>
      <c r="D83" s="17">
        <v>216</v>
      </c>
    </row>
    <row r="84" spans="1:4" ht="18" customHeight="1" x14ac:dyDescent="0.2">
      <c r="A84" s="18" t="s">
        <v>62</v>
      </c>
      <c r="B84" s="15">
        <v>837</v>
      </c>
      <c r="C84" s="16">
        <v>772</v>
      </c>
      <c r="D84" s="17">
        <v>1609</v>
      </c>
    </row>
    <row r="85" spans="1:4" ht="18" customHeight="1" x14ac:dyDescent="0.2">
      <c r="A85" s="14">
        <v>65</v>
      </c>
      <c r="B85" s="15">
        <v>17</v>
      </c>
      <c r="C85" s="16">
        <v>18</v>
      </c>
      <c r="D85" s="17">
        <v>35</v>
      </c>
    </row>
    <row r="86" spans="1:4" ht="18" customHeight="1" x14ac:dyDescent="0.2">
      <c r="A86" s="14">
        <v>66</v>
      </c>
      <c r="B86" s="15">
        <v>32</v>
      </c>
      <c r="C86" s="16">
        <v>29</v>
      </c>
      <c r="D86" s="17">
        <v>61</v>
      </c>
    </row>
    <row r="87" spans="1:4" ht="18" customHeight="1" x14ac:dyDescent="0.2">
      <c r="A87" s="14">
        <v>67</v>
      </c>
      <c r="B87" s="15">
        <v>29</v>
      </c>
      <c r="C87" s="16">
        <v>32</v>
      </c>
      <c r="D87" s="17">
        <v>61</v>
      </c>
    </row>
    <row r="88" spans="1:4" ht="18" customHeight="1" x14ac:dyDescent="0.2">
      <c r="A88" s="14">
        <v>68</v>
      </c>
      <c r="B88" s="15">
        <v>35</v>
      </c>
      <c r="C88" s="16">
        <v>25</v>
      </c>
      <c r="D88" s="17">
        <v>60</v>
      </c>
    </row>
    <row r="89" spans="1:4" ht="18" customHeight="1" x14ac:dyDescent="0.2">
      <c r="A89" s="14">
        <v>69</v>
      </c>
      <c r="B89" s="15">
        <v>29</v>
      </c>
      <c r="C89" s="16">
        <v>16</v>
      </c>
      <c r="D89" s="17">
        <v>45</v>
      </c>
    </row>
    <row r="90" spans="1:4" ht="18" customHeight="1" x14ac:dyDescent="0.2">
      <c r="A90" s="18" t="s">
        <v>63</v>
      </c>
      <c r="B90" s="15">
        <v>142</v>
      </c>
      <c r="C90" s="16">
        <v>120</v>
      </c>
      <c r="D90" s="17">
        <v>262</v>
      </c>
    </row>
    <row r="91" spans="1:4" ht="18" customHeight="1" x14ac:dyDescent="0.2">
      <c r="A91" s="14">
        <v>70</v>
      </c>
      <c r="B91" s="15">
        <v>23</v>
      </c>
      <c r="C91" s="16">
        <v>27</v>
      </c>
      <c r="D91" s="17">
        <v>50</v>
      </c>
    </row>
    <row r="92" spans="1:4" ht="18" customHeight="1" x14ac:dyDescent="0.2">
      <c r="A92" s="14">
        <v>71</v>
      </c>
      <c r="B92" s="15">
        <v>33</v>
      </c>
      <c r="C92" s="16">
        <v>37</v>
      </c>
      <c r="D92" s="17">
        <v>70</v>
      </c>
    </row>
    <row r="93" spans="1:4" ht="18" customHeight="1" x14ac:dyDescent="0.2">
      <c r="A93" s="14">
        <v>72</v>
      </c>
      <c r="B93" s="15">
        <v>40</v>
      </c>
      <c r="C93" s="16">
        <v>28</v>
      </c>
      <c r="D93" s="17">
        <v>68</v>
      </c>
    </row>
    <row r="94" spans="1:4" ht="18" customHeight="1" x14ac:dyDescent="0.2">
      <c r="A94" s="14">
        <v>73</v>
      </c>
      <c r="B94" s="15">
        <v>31</v>
      </c>
      <c r="C94" s="16">
        <v>33</v>
      </c>
      <c r="D94" s="17">
        <v>64</v>
      </c>
    </row>
    <row r="95" spans="1:4" ht="18" customHeight="1" x14ac:dyDescent="0.2">
      <c r="A95" s="14">
        <v>74</v>
      </c>
      <c r="B95" s="15">
        <v>14</v>
      </c>
      <c r="C95" s="16">
        <v>13</v>
      </c>
      <c r="D95" s="17">
        <v>27</v>
      </c>
    </row>
    <row r="96" spans="1:4" ht="18" customHeight="1" x14ac:dyDescent="0.2">
      <c r="A96" s="18" t="s">
        <v>64</v>
      </c>
      <c r="B96" s="15">
        <v>141</v>
      </c>
      <c r="C96" s="16">
        <v>138</v>
      </c>
      <c r="D96" s="17">
        <v>279</v>
      </c>
    </row>
    <row r="97" spans="1:4" ht="18" customHeight="1" x14ac:dyDescent="0.2">
      <c r="A97" s="14">
        <v>75</v>
      </c>
      <c r="B97" s="15">
        <v>24</v>
      </c>
      <c r="C97" s="16">
        <v>26</v>
      </c>
      <c r="D97" s="17">
        <v>50</v>
      </c>
    </row>
    <row r="98" spans="1:4" ht="18" customHeight="1" x14ac:dyDescent="0.2">
      <c r="A98" s="14">
        <v>76</v>
      </c>
      <c r="B98" s="15">
        <v>17</v>
      </c>
      <c r="C98" s="16">
        <v>24</v>
      </c>
      <c r="D98" s="17">
        <v>41</v>
      </c>
    </row>
    <row r="99" spans="1:4" ht="18" customHeight="1" x14ac:dyDescent="0.2">
      <c r="A99" s="14">
        <v>77</v>
      </c>
      <c r="B99" s="15">
        <v>13</v>
      </c>
      <c r="C99" s="16">
        <v>19</v>
      </c>
      <c r="D99" s="17">
        <v>32</v>
      </c>
    </row>
    <row r="100" spans="1:4" ht="18" customHeight="1" x14ac:dyDescent="0.2">
      <c r="A100" s="14">
        <v>78</v>
      </c>
      <c r="B100" s="15">
        <v>20</v>
      </c>
      <c r="C100" s="16">
        <v>20</v>
      </c>
      <c r="D100" s="17">
        <v>40</v>
      </c>
    </row>
    <row r="101" spans="1:4" ht="18" customHeight="1" x14ac:dyDescent="0.2">
      <c r="A101" s="14">
        <v>79</v>
      </c>
      <c r="B101" s="15">
        <v>17</v>
      </c>
      <c r="C101" s="16">
        <v>17</v>
      </c>
      <c r="D101" s="17">
        <v>34</v>
      </c>
    </row>
    <row r="102" spans="1:4" ht="18" customHeight="1" x14ac:dyDescent="0.2">
      <c r="A102" s="18" t="s">
        <v>65</v>
      </c>
      <c r="B102" s="15">
        <v>91</v>
      </c>
      <c r="C102" s="16">
        <v>106</v>
      </c>
      <c r="D102" s="17">
        <v>197</v>
      </c>
    </row>
    <row r="103" spans="1:4" ht="18" customHeight="1" x14ac:dyDescent="0.2">
      <c r="A103" s="14">
        <v>80</v>
      </c>
      <c r="B103" s="15">
        <v>16</v>
      </c>
      <c r="C103" s="16">
        <v>11</v>
      </c>
      <c r="D103" s="17">
        <v>27</v>
      </c>
    </row>
    <row r="104" spans="1:4" ht="18" customHeight="1" x14ac:dyDescent="0.2">
      <c r="A104" s="14">
        <v>81</v>
      </c>
      <c r="B104" s="15">
        <v>13</v>
      </c>
      <c r="C104" s="16">
        <v>22</v>
      </c>
      <c r="D104" s="17">
        <v>35</v>
      </c>
    </row>
    <row r="105" spans="1:4" ht="18" customHeight="1" x14ac:dyDescent="0.2">
      <c r="A105" s="14">
        <v>82</v>
      </c>
      <c r="B105" s="15">
        <v>7</v>
      </c>
      <c r="C105" s="16">
        <v>15</v>
      </c>
      <c r="D105" s="17">
        <v>22</v>
      </c>
    </row>
    <row r="106" spans="1:4" ht="18" customHeight="1" x14ac:dyDescent="0.2">
      <c r="A106" s="14">
        <v>83</v>
      </c>
      <c r="B106" s="15">
        <v>11</v>
      </c>
      <c r="C106" s="16">
        <v>13</v>
      </c>
      <c r="D106" s="17">
        <v>24</v>
      </c>
    </row>
    <row r="107" spans="1:4" ht="18" customHeight="1" x14ac:dyDescent="0.2">
      <c r="A107" s="14">
        <v>84</v>
      </c>
      <c r="B107" s="15">
        <v>15</v>
      </c>
      <c r="C107" s="16">
        <v>17</v>
      </c>
      <c r="D107" s="17">
        <v>32</v>
      </c>
    </row>
    <row r="108" spans="1:4" ht="18" customHeight="1" x14ac:dyDescent="0.2">
      <c r="A108" s="18" t="s">
        <v>66</v>
      </c>
      <c r="B108" s="15">
        <v>62</v>
      </c>
      <c r="C108" s="16">
        <v>78</v>
      </c>
      <c r="D108" s="17">
        <v>140</v>
      </c>
    </row>
    <row r="109" spans="1:4" ht="18" customHeight="1" x14ac:dyDescent="0.2">
      <c r="A109" s="14">
        <v>85</v>
      </c>
      <c r="B109" s="15">
        <v>8</v>
      </c>
      <c r="C109" s="16">
        <v>11</v>
      </c>
      <c r="D109" s="17">
        <v>19</v>
      </c>
    </row>
    <row r="110" spans="1:4" ht="18" customHeight="1" x14ac:dyDescent="0.2">
      <c r="A110" s="14">
        <v>86</v>
      </c>
      <c r="B110" s="15">
        <v>6</v>
      </c>
      <c r="C110" s="16">
        <v>8</v>
      </c>
      <c r="D110" s="17">
        <v>14</v>
      </c>
    </row>
    <row r="111" spans="1:4" ht="18" customHeight="1" x14ac:dyDescent="0.2">
      <c r="A111" s="14">
        <v>87</v>
      </c>
      <c r="B111" s="15">
        <v>3</v>
      </c>
      <c r="C111" s="16">
        <v>14</v>
      </c>
      <c r="D111" s="17">
        <v>17</v>
      </c>
    </row>
    <row r="112" spans="1:4" ht="18" customHeight="1" x14ac:dyDescent="0.2">
      <c r="A112" s="14">
        <v>88</v>
      </c>
      <c r="B112" s="15">
        <v>2</v>
      </c>
      <c r="C112" s="16">
        <v>14</v>
      </c>
      <c r="D112" s="17">
        <v>16</v>
      </c>
    </row>
    <row r="113" spans="1:4" ht="18" customHeight="1" x14ac:dyDescent="0.2">
      <c r="A113" s="14">
        <v>89</v>
      </c>
      <c r="B113" s="15">
        <v>2</v>
      </c>
      <c r="C113" s="16">
        <v>13</v>
      </c>
      <c r="D113" s="17">
        <v>15</v>
      </c>
    </row>
    <row r="114" spans="1:4" ht="18" customHeight="1" x14ac:dyDescent="0.2">
      <c r="A114" s="18" t="s">
        <v>67</v>
      </c>
      <c r="B114" s="15">
        <v>21</v>
      </c>
      <c r="C114" s="16">
        <v>60</v>
      </c>
      <c r="D114" s="17">
        <v>81</v>
      </c>
    </row>
    <row r="115" spans="1:4" ht="18" customHeight="1" x14ac:dyDescent="0.2">
      <c r="A115" s="14">
        <v>90</v>
      </c>
      <c r="B115" s="15">
        <v>3</v>
      </c>
      <c r="C115" s="16">
        <v>5</v>
      </c>
      <c r="D115" s="17">
        <v>8</v>
      </c>
    </row>
    <row r="116" spans="1:4" ht="18" customHeight="1" x14ac:dyDescent="0.2">
      <c r="A116" s="14">
        <v>91</v>
      </c>
      <c r="B116" s="15">
        <v>0</v>
      </c>
      <c r="C116" s="16">
        <v>6</v>
      </c>
      <c r="D116" s="17">
        <v>6</v>
      </c>
    </row>
    <row r="117" spans="1:4" ht="18" customHeight="1" x14ac:dyDescent="0.2">
      <c r="A117" s="14">
        <v>92</v>
      </c>
      <c r="B117" s="15">
        <v>3</v>
      </c>
      <c r="C117" s="16">
        <v>8</v>
      </c>
      <c r="D117" s="17">
        <v>11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68</v>
      </c>
      <c r="B120" s="15">
        <v>7</v>
      </c>
      <c r="C120" s="16">
        <v>31</v>
      </c>
      <c r="D120" s="17">
        <v>38</v>
      </c>
    </row>
    <row r="121" spans="1:4" ht="18" customHeight="1" x14ac:dyDescent="0.2">
      <c r="A121" s="14">
        <v>95</v>
      </c>
      <c r="B121" s="15">
        <v>1</v>
      </c>
      <c r="C121" s="16">
        <v>0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9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66</v>
      </c>
      <c r="C130" s="5">
        <v>543</v>
      </c>
      <c r="D130" s="6">
        <v>1009</v>
      </c>
    </row>
    <row r="131" spans="1:4" ht="18" customHeight="1" x14ac:dyDescent="0.2">
      <c r="A131" s="20" t="s">
        <v>47</v>
      </c>
      <c r="B131" s="7">
        <v>1443</v>
      </c>
      <c r="C131" s="8">
        <v>1452</v>
      </c>
      <c r="D131" s="9">
        <v>289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4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9</v>
      </c>
      <c r="C5" s="12">
        <v>7</v>
      </c>
      <c r="D5" s="13">
        <v>16</v>
      </c>
    </row>
    <row r="6" spans="1:4" ht="18" customHeight="1" x14ac:dyDescent="0.2">
      <c r="A6" s="14">
        <v>1</v>
      </c>
      <c r="B6" s="15">
        <v>12</v>
      </c>
      <c r="C6" s="16">
        <v>15</v>
      </c>
      <c r="D6" s="17">
        <v>27</v>
      </c>
    </row>
    <row r="7" spans="1:4" ht="18" customHeight="1" x14ac:dyDescent="0.2">
      <c r="A7" s="14">
        <v>2</v>
      </c>
      <c r="B7" s="15">
        <v>12</v>
      </c>
      <c r="C7" s="16">
        <v>14</v>
      </c>
      <c r="D7" s="17">
        <v>26</v>
      </c>
    </row>
    <row r="8" spans="1:4" ht="18" customHeight="1" x14ac:dyDescent="0.2">
      <c r="A8" s="14">
        <v>3</v>
      </c>
      <c r="B8" s="15">
        <v>12</v>
      </c>
      <c r="C8" s="16">
        <v>8</v>
      </c>
      <c r="D8" s="17">
        <v>20</v>
      </c>
    </row>
    <row r="9" spans="1:4" ht="18" customHeight="1" x14ac:dyDescent="0.2">
      <c r="A9" s="14">
        <v>4</v>
      </c>
      <c r="B9" s="15">
        <v>9</v>
      </c>
      <c r="C9" s="16">
        <v>5</v>
      </c>
      <c r="D9" s="17">
        <v>14</v>
      </c>
    </row>
    <row r="10" spans="1:4" ht="18" customHeight="1" x14ac:dyDescent="0.2">
      <c r="A10" s="18" t="s">
        <v>48</v>
      </c>
      <c r="B10" s="15">
        <v>54</v>
      </c>
      <c r="C10" s="16">
        <v>49</v>
      </c>
      <c r="D10" s="17">
        <v>103</v>
      </c>
    </row>
    <row r="11" spans="1:4" ht="18" customHeight="1" x14ac:dyDescent="0.2">
      <c r="A11" s="14">
        <v>5</v>
      </c>
      <c r="B11" s="15">
        <v>18</v>
      </c>
      <c r="C11" s="16">
        <v>13</v>
      </c>
      <c r="D11" s="17">
        <v>31</v>
      </c>
    </row>
    <row r="12" spans="1:4" ht="18" customHeight="1" x14ac:dyDescent="0.2">
      <c r="A12" s="14">
        <v>6</v>
      </c>
      <c r="B12" s="15">
        <v>11</v>
      </c>
      <c r="C12" s="16">
        <v>18</v>
      </c>
      <c r="D12" s="17">
        <v>29</v>
      </c>
    </row>
    <row r="13" spans="1:4" ht="18" customHeight="1" x14ac:dyDescent="0.2">
      <c r="A13" s="14">
        <v>7</v>
      </c>
      <c r="B13" s="15">
        <v>9</v>
      </c>
      <c r="C13" s="16">
        <v>10</v>
      </c>
      <c r="D13" s="17">
        <v>19</v>
      </c>
    </row>
    <row r="14" spans="1:4" ht="18" customHeight="1" x14ac:dyDescent="0.2">
      <c r="A14" s="14">
        <v>8</v>
      </c>
      <c r="B14" s="15">
        <v>23</v>
      </c>
      <c r="C14" s="16">
        <v>16</v>
      </c>
      <c r="D14" s="17">
        <v>39</v>
      </c>
    </row>
    <row r="15" spans="1:4" ht="18" customHeight="1" x14ac:dyDescent="0.2">
      <c r="A15" s="14">
        <v>9</v>
      </c>
      <c r="B15" s="15">
        <v>19</v>
      </c>
      <c r="C15" s="16">
        <v>13</v>
      </c>
      <c r="D15" s="17">
        <v>32</v>
      </c>
    </row>
    <row r="16" spans="1:4" ht="18" customHeight="1" x14ac:dyDescent="0.2">
      <c r="A16" s="18" t="s">
        <v>49</v>
      </c>
      <c r="B16" s="15">
        <v>80</v>
      </c>
      <c r="C16" s="16">
        <v>70</v>
      </c>
      <c r="D16" s="17">
        <v>150</v>
      </c>
    </row>
    <row r="17" spans="1:4" ht="18" customHeight="1" x14ac:dyDescent="0.2">
      <c r="A17" s="14">
        <v>10</v>
      </c>
      <c r="B17" s="15">
        <v>14</v>
      </c>
      <c r="C17" s="16">
        <v>19</v>
      </c>
      <c r="D17" s="17">
        <v>33</v>
      </c>
    </row>
    <row r="18" spans="1:4" ht="18" customHeight="1" x14ac:dyDescent="0.2">
      <c r="A18" s="14">
        <v>11</v>
      </c>
      <c r="B18" s="15">
        <v>25</v>
      </c>
      <c r="C18" s="16">
        <v>20</v>
      </c>
      <c r="D18" s="17">
        <v>45</v>
      </c>
    </row>
    <row r="19" spans="1:4" ht="18" customHeight="1" x14ac:dyDescent="0.2">
      <c r="A19" s="14">
        <v>12</v>
      </c>
      <c r="B19" s="15">
        <v>18</v>
      </c>
      <c r="C19" s="16">
        <v>24</v>
      </c>
      <c r="D19" s="17">
        <v>42</v>
      </c>
    </row>
    <row r="20" spans="1:4" ht="18" customHeight="1" x14ac:dyDescent="0.2">
      <c r="A20" s="14">
        <v>13</v>
      </c>
      <c r="B20" s="15">
        <v>11</v>
      </c>
      <c r="C20" s="16">
        <v>17</v>
      </c>
      <c r="D20" s="17">
        <v>28</v>
      </c>
    </row>
    <row r="21" spans="1:4" ht="18" customHeight="1" x14ac:dyDescent="0.2">
      <c r="A21" s="14">
        <v>14</v>
      </c>
      <c r="B21" s="15">
        <v>9</v>
      </c>
      <c r="C21" s="16">
        <v>17</v>
      </c>
      <c r="D21" s="17">
        <v>26</v>
      </c>
    </row>
    <row r="22" spans="1:4" ht="18" customHeight="1" x14ac:dyDescent="0.2">
      <c r="A22" s="18" t="s">
        <v>50</v>
      </c>
      <c r="B22" s="15">
        <v>77</v>
      </c>
      <c r="C22" s="16">
        <v>97</v>
      </c>
      <c r="D22" s="17">
        <v>174</v>
      </c>
    </row>
    <row r="23" spans="1:4" ht="18" customHeight="1" x14ac:dyDescent="0.2">
      <c r="A23" s="18" t="s">
        <v>51</v>
      </c>
      <c r="B23" s="15">
        <v>211</v>
      </c>
      <c r="C23" s="16">
        <v>216</v>
      </c>
      <c r="D23" s="17">
        <v>427</v>
      </c>
    </row>
    <row r="24" spans="1:4" ht="18" customHeight="1" x14ac:dyDescent="0.2">
      <c r="A24" s="14">
        <v>15</v>
      </c>
      <c r="B24" s="15">
        <v>18</v>
      </c>
      <c r="C24" s="16">
        <v>14</v>
      </c>
      <c r="D24" s="17">
        <v>32</v>
      </c>
    </row>
    <row r="25" spans="1:4" ht="18" customHeight="1" x14ac:dyDescent="0.2">
      <c r="A25" s="14">
        <v>16</v>
      </c>
      <c r="B25" s="15">
        <v>15</v>
      </c>
      <c r="C25" s="16">
        <v>13</v>
      </c>
      <c r="D25" s="17">
        <v>28</v>
      </c>
    </row>
    <row r="26" spans="1:4" ht="18" customHeight="1" x14ac:dyDescent="0.2">
      <c r="A26" s="14">
        <v>17</v>
      </c>
      <c r="B26" s="15">
        <v>22</v>
      </c>
      <c r="C26" s="16">
        <v>18</v>
      </c>
      <c r="D26" s="17">
        <v>40</v>
      </c>
    </row>
    <row r="27" spans="1:4" ht="18" customHeight="1" x14ac:dyDescent="0.2">
      <c r="A27" s="14">
        <v>18</v>
      </c>
      <c r="B27" s="15">
        <v>18</v>
      </c>
      <c r="C27" s="16">
        <v>17</v>
      </c>
      <c r="D27" s="17">
        <v>35</v>
      </c>
    </row>
    <row r="28" spans="1:4" ht="18" customHeight="1" x14ac:dyDescent="0.2">
      <c r="A28" s="14">
        <v>19</v>
      </c>
      <c r="B28" s="15">
        <v>19</v>
      </c>
      <c r="C28" s="16">
        <v>13</v>
      </c>
      <c r="D28" s="17">
        <v>32</v>
      </c>
    </row>
    <row r="29" spans="1:4" ht="18" customHeight="1" x14ac:dyDescent="0.2">
      <c r="A29" s="18" t="s">
        <v>52</v>
      </c>
      <c r="B29" s="15">
        <v>92</v>
      </c>
      <c r="C29" s="16">
        <v>75</v>
      </c>
      <c r="D29" s="17">
        <v>167</v>
      </c>
    </row>
    <row r="30" spans="1:4" ht="18" customHeight="1" x14ac:dyDescent="0.2">
      <c r="A30" s="14">
        <v>20</v>
      </c>
      <c r="B30" s="15">
        <v>13</v>
      </c>
      <c r="C30" s="16">
        <v>13</v>
      </c>
      <c r="D30" s="17">
        <v>26</v>
      </c>
    </row>
    <row r="31" spans="1:4" ht="18" customHeight="1" x14ac:dyDescent="0.2">
      <c r="A31" s="14">
        <v>21</v>
      </c>
      <c r="B31" s="15">
        <v>13</v>
      </c>
      <c r="C31" s="16">
        <v>12</v>
      </c>
      <c r="D31" s="17">
        <v>25</v>
      </c>
    </row>
    <row r="32" spans="1:4" ht="18" customHeight="1" x14ac:dyDescent="0.2">
      <c r="A32" s="14">
        <v>22</v>
      </c>
      <c r="B32" s="15">
        <v>13</v>
      </c>
      <c r="C32" s="16">
        <v>7</v>
      </c>
      <c r="D32" s="17">
        <v>20</v>
      </c>
    </row>
    <row r="33" spans="1:4" ht="18" customHeight="1" x14ac:dyDescent="0.2">
      <c r="A33" s="14">
        <v>23</v>
      </c>
      <c r="B33" s="15">
        <v>13</v>
      </c>
      <c r="C33" s="16">
        <v>13</v>
      </c>
      <c r="D33" s="17">
        <v>26</v>
      </c>
    </row>
    <row r="34" spans="1:4" ht="18" customHeight="1" x14ac:dyDescent="0.2">
      <c r="A34" s="14">
        <v>24</v>
      </c>
      <c r="B34" s="15">
        <v>19</v>
      </c>
      <c r="C34" s="16">
        <v>8</v>
      </c>
      <c r="D34" s="17">
        <v>27</v>
      </c>
    </row>
    <row r="35" spans="1:4" ht="18" customHeight="1" x14ac:dyDescent="0.2">
      <c r="A35" s="18" t="s">
        <v>53</v>
      </c>
      <c r="B35" s="15">
        <v>71</v>
      </c>
      <c r="C35" s="16">
        <v>53</v>
      </c>
      <c r="D35" s="17">
        <v>124</v>
      </c>
    </row>
    <row r="36" spans="1:4" ht="18" customHeight="1" x14ac:dyDescent="0.2">
      <c r="A36" s="14">
        <v>25</v>
      </c>
      <c r="B36" s="15">
        <v>10</v>
      </c>
      <c r="C36" s="16">
        <v>14</v>
      </c>
      <c r="D36" s="17">
        <v>24</v>
      </c>
    </row>
    <row r="37" spans="1:4" ht="18" customHeight="1" x14ac:dyDescent="0.2">
      <c r="A37" s="14">
        <v>26</v>
      </c>
      <c r="B37" s="15">
        <v>7</v>
      </c>
      <c r="C37" s="16">
        <v>8</v>
      </c>
      <c r="D37" s="17">
        <v>15</v>
      </c>
    </row>
    <row r="38" spans="1:4" ht="18" customHeight="1" x14ac:dyDescent="0.2">
      <c r="A38" s="14">
        <v>27</v>
      </c>
      <c r="B38" s="15">
        <v>7</v>
      </c>
      <c r="C38" s="16">
        <v>7</v>
      </c>
      <c r="D38" s="17">
        <v>14</v>
      </c>
    </row>
    <row r="39" spans="1:4" ht="18" customHeight="1" x14ac:dyDescent="0.2">
      <c r="A39" s="14">
        <v>28</v>
      </c>
      <c r="B39" s="15">
        <v>12</v>
      </c>
      <c r="C39" s="16">
        <v>8</v>
      </c>
      <c r="D39" s="17">
        <v>20</v>
      </c>
    </row>
    <row r="40" spans="1:4" ht="18" customHeight="1" x14ac:dyDescent="0.2">
      <c r="A40" s="14">
        <v>29</v>
      </c>
      <c r="B40" s="15">
        <v>15</v>
      </c>
      <c r="C40" s="16">
        <v>18</v>
      </c>
      <c r="D40" s="17">
        <v>33</v>
      </c>
    </row>
    <row r="41" spans="1:4" ht="18" customHeight="1" x14ac:dyDescent="0.2">
      <c r="A41" s="18" t="s">
        <v>54</v>
      </c>
      <c r="B41" s="15">
        <v>51</v>
      </c>
      <c r="C41" s="16">
        <v>55</v>
      </c>
      <c r="D41" s="17">
        <v>106</v>
      </c>
    </row>
    <row r="42" spans="1:4" ht="18" customHeight="1" x14ac:dyDescent="0.2">
      <c r="A42" s="14">
        <v>30</v>
      </c>
      <c r="B42" s="15">
        <v>10</v>
      </c>
      <c r="C42" s="16">
        <v>15</v>
      </c>
      <c r="D42" s="17">
        <v>25</v>
      </c>
    </row>
    <row r="43" spans="1:4" ht="18" customHeight="1" x14ac:dyDescent="0.2">
      <c r="A43" s="14">
        <v>31</v>
      </c>
      <c r="B43" s="15">
        <v>6</v>
      </c>
      <c r="C43" s="16">
        <v>7</v>
      </c>
      <c r="D43" s="17">
        <v>13</v>
      </c>
    </row>
    <row r="44" spans="1:4" ht="18" customHeight="1" x14ac:dyDescent="0.2">
      <c r="A44" s="14">
        <v>32</v>
      </c>
      <c r="B44" s="15">
        <v>11</v>
      </c>
      <c r="C44" s="16">
        <v>11</v>
      </c>
      <c r="D44" s="17">
        <v>22</v>
      </c>
    </row>
    <row r="45" spans="1:4" ht="18" customHeight="1" x14ac:dyDescent="0.2">
      <c r="A45" s="14">
        <v>33</v>
      </c>
      <c r="B45" s="15">
        <v>7</v>
      </c>
      <c r="C45" s="16">
        <v>9</v>
      </c>
      <c r="D45" s="17">
        <v>16</v>
      </c>
    </row>
    <row r="46" spans="1:4" ht="18" customHeight="1" x14ac:dyDescent="0.2">
      <c r="A46" s="14">
        <v>34</v>
      </c>
      <c r="B46" s="15">
        <v>19</v>
      </c>
      <c r="C46" s="16">
        <v>17</v>
      </c>
      <c r="D46" s="17">
        <v>36</v>
      </c>
    </row>
    <row r="47" spans="1:4" ht="18" customHeight="1" x14ac:dyDescent="0.2">
      <c r="A47" s="18" t="s">
        <v>55</v>
      </c>
      <c r="B47" s="15">
        <v>53</v>
      </c>
      <c r="C47" s="16">
        <v>59</v>
      </c>
      <c r="D47" s="17">
        <v>112</v>
      </c>
    </row>
    <row r="48" spans="1:4" ht="18" customHeight="1" x14ac:dyDescent="0.2">
      <c r="A48" s="14">
        <v>35</v>
      </c>
      <c r="B48" s="15">
        <v>13</v>
      </c>
      <c r="C48" s="16">
        <v>15</v>
      </c>
      <c r="D48" s="17">
        <v>28</v>
      </c>
    </row>
    <row r="49" spans="1:4" ht="18" customHeight="1" x14ac:dyDescent="0.2">
      <c r="A49" s="14">
        <v>36</v>
      </c>
      <c r="B49" s="15">
        <v>17</v>
      </c>
      <c r="C49" s="16">
        <v>17</v>
      </c>
      <c r="D49" s="17">
        <v>34</v>
      </c>
    </row>
    <row r="50" spans="1:4" ht="18" customHeight="1" x14ac:dyDescent="0.2">
      <c r="A50" s="14">
        <v>37</v>
      </c>
      <c r="B50" s="15">
        <v>15</v>
      </c>
      <c r="C50" s="16">
        <v>14</v>
      </c>
      <c r="D50" s="17">
        <v>29</v>
      </c>
    </row>
    <row r="51" spans="1:4" ht="18" customHeight="1" x14ac:dyDescent="0.2">
      <c r="A51" s="14">
        <v>38</v>
      </c>
      <c r="B51" s="15">
        <v>12</v>
      </c>
      <c r="C51" s="16">
        <v>17</v>
      </c>
      <c r="D51" s="17">
        <v>29</v>
      </c>
    </row>
    <row r="52" spans="1:4" ht="18" customHeight="1" x14ac:dyDescent="0.2">
      <c r="A52" s="14">
        <v>39</v>
      </c>
      <c r="B52" s="15">
        <v>23</v>
      </c>
      <c r="C52" s="16">
        <v>16</v>
      </c>
      <c r="D52" s="17">
        <v>39</v>
      </c>
    </row>
    <row r="53" spans="1:4" ht="18" customHeight="1" x14ac:dyDescent="0.2">
      <c r="A53" s="18" t="s">
        <v>56</v>
      </c>
      <c r="B53" s="15">
        <v>80</v>
      </c>
      <c r="C53" s="16">
        <v>79</v>
      </c>
      <c r="D53" s="17">
        <v>159</v>
      </c>
    </row>
    <row r="54" spans="1:4" ht="18" customHeight="1" x14ac:dyDescent="0.2">
      <c r="A54" s="14">
        <v>40</v>
      </c>
      <c r="B54" s="15">
        <v>13</v>
      </c>
      <c r="C54" s="16">
        <v>18</v>
      </c>
      <c r="D54" s="17">
        <v>31</v>
      </c>
    </row>
    <row r="55" spans="1:4" ht="18" customHeight="1" x14ac:dyDescent="0.2">
      <c r="A55" s="14">
        <v>41</v>
      </c>
      <c r="B55" s="15">
        <v>16</v>
      </c>
      <c r="C55" s="16">
        <v>24</v>
      </c>
      <c r="D55" s="17">
        <v>40</v>
      </c>
    </row>
    <row r="56" spans="1:4" ht="18" customHeight="1" x14ac:dyDescent="0.2">
      <c r="A56" s="14">
        <v>42</v>
      </c>
      <c r="B56" s="15">
        <v>28</v>
      </c>
      <c r="C56" s="16">
        <v>28</v>
      </c>
      <c r="D56" s="17">
        <v>56</v>
      </c>
    </row>
    <row r="57" spans="1:4" ht="18" customHeight="1" x14ac:dyDescent="0.2">
      <c r="A57" s="14">
        <v>43</v>
      </c>
      <c r="B57" s="15">
        <v>22</v>
      </c>
      <c r="C57" s="16">
        <v>22</v>
      </c>
      <c r="D57" s="17">
        <v>44</v>
      </c>
    </row>
    <row r="58" spans="1:4" ht="18" customHeight="1" x14ac:dyDescent="0.2">
      <c r="A58" s="14">
        <v>44</v>
      </c>
      <c r="B58" s="15">
        <v>28</v>
      </c>
      <c r="C58" s="16">
        <v>24</v>
      </c>
      <c r="D58" s="17">
        <v>52</v>
      </c>
    </row>
    <row r="59" spans="1:4" ht="18" customHeight="1" x14ac:dyDescent="0.2">
      <c r="A59" s="18" t="s">
        <v>57</v>
      </c>
      <c r="B59" s="15">
        <v>107</v>
      </c>
      <c r="C59" s="16">
        <v>116</v>
      </c>
      <c r="D59" s="17">
        <v>223</v>
      </c>
    </row>
    <row r="60" spans="1:4" ht="18" customHeight="1" x14ac:dyDescent="0.2">
      <c r="A60" s="14">
        <v>45</v>
      </c>
      <c r="B60" s="15">
        <v>30</v>
      </c>
      <c r="C60" s="16">
        <v>20</v>
      </c>
      <c r="D60" s="17">
        <v>50</v>
      </c>
    </row>
    <row r="61" spans="1:4" ht="18" customHeight="1" x14ac:dyDescent="0.2">
      <c r="A61" s="14">
        <v>46</v>
      </c>
      <c r="B61" s="15">
        <v>23</v>
      </c>
      <c r="C61" s="16">
        <v>27</v>
      </c>
      <c r="D61" s="17">
        <v>50</v>
      </c>
    </row>
    <row r="62" spans="1:4" ht="18" customHeight="1" x14ac:dyDescent="0.2">
      <c r="A62" s="14">
        <v>47</v>
      </c>
      <c r="B62" s="15">
        <v>34</v>
      </c>
      <c r="C62" s="16">
        <v>28</v>
      </c>
      <c r="D62" s="17">
        <v>62</v>
      </c>
    </row>
    <row r="63" spans="1:4" ht="18" customHeight="1" x14ac:dyDescent="0.2">
      <c r="A63" s="14">
        <v>48</v>
      </c>
      <c r="B63" s="15">
        <v>33</v>
      </c>
      <c r="C63" s="16">
        <v>21</v>
      </c>
      <c r="D63" s="17">
        <v>54</v>
      </c>
    </row>
    <row r="64" spans="1:4" ht="18" customHeight="1" x14ac:dyDescent="0.2">
      <c r="A64" s="14">
        <v>49</v>
      </c>
      <c r="B64" s="15">
        <v>36</v>
      </c>
      <c r="C64" s="16">
        <v>29</v>
      </c>
      <c r="D64" s="17">
        <v>65</v>
      </c>
    </row>
    <row r="65" spans="1:4" ht="18" customHeight="1" x14ac:dyDescent="0.2">
      <c r="A65" s="18" t="s">
        <v>58</v>
      </c>
      <c r="B65" s="15">
        <v>156</v>
      </c>
      <c r="C65" s="16">
        <v>125</v>
      </c>
      <c r="D65" s="17">
        <v>281</v>
      </c>
    </row>
    <row r="66" spans="1:4" ht="18" customHeight="1" x14ac:dyDescent="0.2">
      <c r="A66" s="14">
        <v>50</v>
      </c>
      <c r="B66" s="15">
        <v>22</v>
      </c>
      <c r="C66" s="16">
        <v>23</v>
      </c>
      <c r="D66" s="17">
        <v>45</v>
      </c>
    </row>
    <row r="67" spans="1:4" ht="18" customHeight="1" x14ac:dyDescent="0.2">
      <c r="A67" s="14">
        <v>51</v>
      </c>
      <c r="B67" s="15">
        <v>27</v>
      </c>
      <c r="C67" s="16">
        <v>23</v>
      </c>
      <c r="D67" s="17">
        <v>50</v>
      </c>
    </row>
    <row r="68" spans="1:4" ht="18" customHeight="1" x14ac:dyDescent="0.2">
      <c r="A68" s="14">
        <v>52</v>
      </c>
      <c r="B68" s="15">
        <v>34</v>
      </c>
      <c r="C68" s="16">
        <v>25</v>
      </c>
      <c r="D68" s="17">
        <v>59</v>
      </c>
    </row>
    <row r="69" spans="1:4" ht="18" customHeight="1" x14ac:dyDescent="0.2">
      <c r="A69" s="14">
        <v>53</v>
      </c>
      <c r="B69" s="15">
        <v>17</v>
      </c>
      <c r="C69" s="16">
        <v>12</v>
      </c>
      <c r="D69" s="17">
        <v>29</v>
      </c>
    </row>
    <row r="70" spans="1:4" ht="18" customHeight="1" x14ac:dyDescent="0.2">
      <c r="A70" s="14">
        <v>54</v>
      </c>
      <c r="B70" s="15">
        <v>18</v>
      </c>
      <c r="C70" s="16">
        <v>23</v>
      </c>
      <c r="D70" s="17">
        <v>41</v>
      </c>
    </row>
    <row r="71" spans="1:4" ht="18" customHeight="1" x14ac:dyDescent="0.2">
      <c r="A71" s="18" t="s">
        <v>59</v>
      </c>
      <c r="B71" s="15">
        <v>118</v>
      </c>
      <c r="C71" s="16">
        <v>106</v>
      </c>
      <c r="D71" s="17">
        <v>224</v>
      </c>
    </row>
    <row r="72" spans="1:4" ht="18" customHeight="1" x14ac:dyDescent="0.2">
      <c r="A72" s="14">
        <v>55</v>
      </c>
      <c r="B72" s="15">
        <v>14</v>
      </c>
      <c r="C72" s="16">
        <v>19</v>
      </c>
      <c r="D72" s="17">
        <v>33</v>
      </c>
    </row>
    <row r="73" spans="1:4" ht="18" customHeight="1" x14ac:dyDescent="0.2">
      <c r="A73" s="14">
        <v>56</v>
      </c>
      <c r="B73" s="15">
        <v>12</v>
      </c>
      <c r="C73" s="16">
        <v>14</v>
      </c>
      <c r="D73" s="17">
        <v>26</v>
      </c>
    </row>
    <row r="74" spans="1:4" ht="18" customHeight="1" x14ac:dyDescent="0.2">
      <c r="A74" s="14">
        <v>57</v>
      </c>
      <c r="B74" s="15">
        <v>19</v>
      </c>
      <c r="C74" s="16">
        <v>9</v>
      </c>
      <c r="D74" s="17">
        <v>28</v>
      </c>
    </row>
    <row r="75" spans="1:4" ht="18" customHeight="1" x14ac:dyDescent="0.2">
      <c r="A75" s="14">
        <v>58</v>
      </c>
      <c r="B75" s="15">
        <v>9</v>
      </c>
      <c r="C75" s="16">
        <v>9</v>
      </c>
      <c r="D75" s="17">
        <v>18</v>
      </c>
    </row>
    <row r="76" spans="1:4" ht="18" customHeight="1" x14ac:dyDescent="0.2">
      <c r="A76" s="14">
        <v>59</v>
      </c>
      <c r="B76" s="15">
        <v>11</v>
      </c>
      <c r="C76" s="16">
        <v>12</v>
      </c>
      <c r="D76" s="17">
        <v>23</v>
      </c>
    </row>
    <row r="77" spans="1:4" ht="18" customHeight="1" x14ac:dyDescent="0.2">
      <c r="A77" s="18" t="s">
        <v>60</v>
      </c>
      <c r="B77" s="15">
        <v>65</v>
      </c>
      <c r="C77" s="16">
        <v>63</v>
      </c>
      <c r="D77" s="17">
        <v>128</v>
      </c>
    </row>
    <row r="78" spans="1:4" ht="18" customHeight="1" x14ac:dyDescent="0.2">
      <c r="A78" s="14">
        <v>60</v>
      </c>
      <c r="B78" s="15">
        <v>14</v>
      </c>
      <c r="C78" s="16">
        <v>11</v>
      </c>
      <c r="D78" s="17">
        <v>25</v>
      </c>
    </row>
    <row r="79" spans="1:4" ht="18" customHeight="1" x14ac:dyDescent="0.2">
      <c r="A79" s="14">
        <v>61</v>
      </c>
      <c r="B79" s="15">
        <v>10</v>
      </c>
      <c r="C79" s="16">
        <v>17</v>
      </c>
      <c r="D79" s="17">
        <v>27</v>
      </c>
    </row>
    <row r="80" spans="1:4" ht="18" customHeight="1" x14ac:dyDescent="0.2">
      <c r="A80" s="14">
        <v>62</v>
      </c>
      <c r="B80" s="15">
        <v>12</v>
      </c>
      <c r="C80" s="16">
        <v>17</v>
      </c>
      <c r="D80" s="17">
        <v>29</v>
      </c>
    </row>
    <row r="81" spans="1:4" ht="18" customHeight="1" x14ac:dyDescent="0.2">
      <c r="A81" s="14">
        <v>63</v>
      </c>
      <c r="B81" s="15">
        <v>10</v>
      </c>
      <c r="C81" s="16">
        <v>13</v>
      </c>
      <c r="D81" s="17">
        <v>23</v>
      </c>
    </row>
    <row r="82" spans="1:4" ht="18" customHeight="1" x14ac:dyDescent="0.2">
      <c r="A82" s="14">
        <v>64</v>
      </c>
      <c r="B82" s="15">
        <v>7</v>
      </c>
      <c r="C82" s="16">
        <v>16</v>
      </c>
      <c r="D82" s="17">
        <v>23</v>
      </c>
    </row>
    <row r="83" spans="1:4" ht="18" customHeight="1" x14ac:dyDescent="0.2">
      <c r="A83" s="18" t="s">
        <v>61</v>
      </c>
      <c r="B83" s="15">
        <v>53</v>
      </c>
      <c r="C83" s="16">
        <v>74</v>
      </c>
      <c r="D83" s="17">
        <v>127</v>
      </c>
    </row>
    <row r="84" spans="1:4" ht="18" customHeight="1" x14ac:dyDescent="0.2">
      <c r="A84" s="18" t="s">
        <v>62</v>
      </c>
      <c r="B84" s="15">
        <v>846</v>
      </c>
      <c r="C84" s="16">
        <v>805</v>
      </c>
      <c r="D84" s="17">
        <v>1651</v>
      </c>
    </row>
    <row r="85" spans="1:4" ht="18" customHeight="1" x14ac:dyDescent="0.2">
      <c r="A85" s="14">
        <v>65</v>
      </c>
      <c r="B85" s="15">
        <v>20</v>
      </c>
      <c r="C85" s="16">
        <v>25</v>
      </c>
      <c r="D85" s="17">
        <v>45</v>
      </c>
    </row>
    <row r="86" spans="1:4" ht="18" customHeight="1" x14ac:dyDescent="0.2">
      <c r="A86" s="14">
        <v>66</v>
      </c>
      <c r="B86" s="15">
        <v>14</v>
      </c>
      <c r="C86" s="16">
        <v>24</v>
      </c>
      <c r="D86" s="17">
        <v>38</v>
      </c>
    </row>
    <row r="87" spans="1:4" ht="18" customHeight="1" x14ac:dyDescent="0.2">
      <c r="A87" s="14">
        <v>67</v>
      </c>
      <c r="B87" s="15">
        <v>22</v>
      </c>
      <c r="C87" s="16">
        <v>13</v>
      </c>
      <c r="D87" s="17">
        <v>35</v>
      </c>
    </row>
    <row r="88" spans="1:4" ht="18" customHeight="1" x14ac:dyDescent="0.2">
      <c r="A88" s="14">
        <v>68</v>
      </c>
      <c r="B88" s="15">
        <v>25</v>
      </c>
      <c r="C88" s="16">
        <v>19</v>
      </c>
      <c r="D88" s="17">
        <v>44</v>
      </c>
    </row>
    <row r="89" spans="1:4" ht="18" customHeight="1" x14ac:dyDescent="0.2">
      <c r="A89" s="14">
        <v>69</v>
      </c>
      <c r="B89" s="15">
        <v>24</v>
      </c>
      <c r="C89" s="16">
        <v>16</v>
      </c>
      <c r="D89" s="17">
        <v>40</v>
      </c>
    </row>
    <row r="90" spans="1:4" ht="18" customHeight="1" x14ac:dyDescent="0.2">
      <c r="A90" s="18" t="s">
        <v>63</v>
      </c>
      <c r="B90" s="15">
        <v>105</v>
      </c>
      <c r="C90" s="16">
        <v>97</v>
      </c>
      <c r="D90" s="17">
        <v>202</v>
      </c>
    </row>
    <row r="91" spans="1:4" ht="18" customHeight="1" x14ac:dyDescent="0.2">
      <c r="A91" s="14">
        <v>70</v>
      </c>
      <c r="B91" s="15">
        <v>12</v>
      </c>
      <c r="C91" s="16">
        <v>30</v>
      </c>
      <c r="D91" s="17">
        <v>42</v>
      </c>
    </row>
    <row r="92" spans="1:4" ht="18" customHeight="1" x14ac:dyDescent="0.2">
      <c r="A92" s="14">
        <v>71</v>
      </c>
      <c r="B92" s="15">
        <v>23</v>
      </c>
      <c r="C92" s="16">
        <v>34</v>
      </c>
      <c r="D92" s="17">
        <v>57</v>
      </c>
    </row>
    <row r="93" spans="1:4" ht="18" customHeight="1" x14ac:dyDescent="0.2">
      <c r="A93" s="14">
        <v>72</v>
      </c>
      <c r="B93" s="15">
        <v>20</v>
      </c>
      <c r="C93" s="16">
        <v>41</v>
      </c>
      <c r="D93" s="17">
        <v>61</v>
      </c>
    </row>
    <row r="94" spans="1:4" ht="18" customHeight="1" x14ac:dyDescent="0.2">
      <c r="A94" s="14">
        <v>73</v>
      </c>
      <c r="B94" s="15">
        <v>22</v>
      </c>
      <c r="C94" s="16">
        <v>35</v>
      </c>
      <c r="D94" s="17">
        <v>57</v>
      </c>
    </row>
    <row r="95" spans="1:4" ht="18" customHeight="1" x14ac:dyDescent="0.2">
      <c r="A95" s="14">
        <v>74</v>
      </c>
      <c r="B95" s="15">
        <v>11</v>
      </c>
      <c r="C95" s="16">
        <v>18</v>
      </c>
      <c r="D95" s="17">
        <v>29</v>
      </c>
    </row>
    <row r="96" spans="1:4" ht="18" customHeight="1" x14ac:dyDescent="0.2">
      <c r="A96" s="18" t="s">
        <v>64</v>
      </c>
      <c r="B96" s="15">
        <v>88</v>
      </c>
      <c r="C96" s="16">
        <v>158</v>
      </c>
      <c r="D96" s="17">
        <v>246</v>
      </c>
    </row>
    <row r="97" spans="1:4" ht="18" customHeight="1" x14ac:dyDescent="0.2">
      <c r="A97" s="14">
        <v>75</v>
      </c>
      <c r="B97" s="15">
        <v>22</v>
      </c>
      <c r="C97" s="16">
        <v>26</v>
      </c>
      <c r="D97" s="17">
        <v>48</v>
      </c>
    </row>
    <row r="98" spans="1:4" ht="18" customHeight="1" x14ac:dyDescent="0.2">
      <c r="A98" s="14">
        <v>76</v>
      </c>
      <c r="B98" s="15">
        <v>21</v>
      </c>
      <c r="C98" s="16">
        <v>37</v>
      </c>
      <c r="D98" s="17">
        <v>58</v>
      </c>
    </row>
    <row r="99" spans="1:4" ht="18" customHeight="1" x14ac:dyDescent="0.2">
      <c r="A99" s="14">
        <v>77</v>
      </c>
      <c r="B99" s="15">
        <v>25</v>
      </c>
      <c r="C99" s="16">
        <v>32</v>
      </c>
      <c r="D99" s="17">
        <v>57</v>
      </c>
    </row>
    <row r="100" spans="1:4" ht="18" customHeight="1" x14ac:dyDescent="0.2">
      <c r="A100" s="14">
        <v>78</v>
      </c>
      <c r="B100" s="15">
        <v>24</v>
      </c>
      <c r="C100" s="16">
        <v>36</v>
      </c>
      <c r="D100" s="17">
        <v>60</v>
      </c>
    </row>
    <row r="101" spans="1:4" ht="18" customHeight="1" x14ac:dyDescent="0.2">
      <c r="A101" s="14">
        <v>79</v>
      </c>
      <c r="B101" s="15">
        <v>18</v>
      </c>
      <c r="C101" s="16">
        <v>29</v>
      </c>
      <c r="D101" s="17">
        <v>47</v>
      </c>
    </row>
    <row r="102" spans="1:4" ht="18" customHeight="1" x14ac:dyDescent="0.2">
      <c r="A102" s="18" t="s">
        <v>65</v>
      </c>
      <c r="B102" s="15">
        <v>110</v>
      </c>
      <c r="C102" s="16">
        <v>160</v>
      </c>
      <c r="D102" s="17">
        <v>270</v>
      </c>
    </row>
    <row r="103" spans="1:4" ht="18" customHeight="1" x14ac:dyDescent="0.2">
      <c r="A103" s="14">
        <v>80</v>
      </c>
      <c r="B103" s="15">
        <v>24</v>
      </c>
      <c r="C103" s="16">
        <v>11</v>
      </c>
      <c r="D103" s="17">
        <v>35</v>
      </c>
    </row>
    <row r="104" spans="1:4" ht="18" customHeight="1" x14ac:dyDescent="0.2">
      <c r="A104" s="14">
        <v>81</v>
      </c>
      <c r="B104" s="15">
        <v>12</v>
      </c>
      <c r="C104" s="16">
        <v>17</v>
      </c>
      <c r="D104" s="17">
        <v>29</v>
      </c>
    </row>
    <row r="105" spans="1:4" ht="18" customHeight="1" x14ac:dyDescent="0.2">
      <c r="A105" s="14">
        <v>82</v>
      </c>
      <c r="B105" s="15">
        <v>11</v>
      </c>
      <c r="C105" s="16">
        <v>19</v>
      </c>
      <c r="D105" s="17">
        <v>30</v>
      </c>
    </row>
    <row r="106" spans="1:4" ht="18" customHeight="1" x14ac:dyDescent="0.2">
      <c r="A106" s="14">
        <v>83</v>
      </c>
      <c r="B106" s="15">
        <v>10</v>
      </c>
      <c r="C106" s="16">
        <v>16</v>
      </c>
      <c r="D106" s="17">
        <v>26</v>
      </c>
    </row>
    <row r="107" spans="1:4" ht="18" customHeight="1" x14ac:dyDescent="0.2">
      <c r="A107" s="14">
        <v>84</v>
      </c>
      <c r="B107" s="15">
        <v>12</v>
      </c>
      <c r="C107" s="16">
        <v>18</v>
      </c>
      <c r="D107" s="17">
        <v>30</v>
      </c>
    </row>
    <row r="108" spans="1:4" ht="18" customHeight="1" x14ac:dyDescent="0.2">
      <c r="A108" s="18" t="s">
        <v>66</v>
      </c>
      <c r="B108" s="15">
        <v>69</v>
      </c>
      <c r="C108" s="16">
        <v>81</v>
      </c>
      <c r="D108" s="17">
        <v>150</v>
      </c>
    </row>
    <row r="109" spans="1:4" ht="18" customHeight="1" x14ac:dyDescent="0.2">
      <c r="A109" s="14">
        <v>85</v>
      </c>
      <c r="B109" s="15">
        <v>8</v>
      </c>
      <c r="C109" s="16">
        <v>22</v>
      </c>
      <c r="D109" s="17">
        <v>30</v>
      </c>
    </row>
    <row r="110" spans="1:4" ht="18" customHeight="1" x14ac:dyDescent="0.2">
      <c r="A110" s="14">
        <v>86</v>
      </c>
      <c r="B110" s="15">
        <v>9</v>
      </c>
      <c r="C110" s="16">
        <v>24</v>
      </c>
      <c r="D110" s="17">
        <v>33</v>
      </c>
    </row>
    <row r="111" spans="1:4" ht="18" customHeight="1" x14ac:dyDescent="0.2">
      <c r="A111" s="14">
        <v>87</v>
      </c>
      <c r="B111" s="15">
        <v>8</v>
      </c>
      <c r="C111" s="16">
        <v>10</v>
      </c>
      <c r="D111" s="17">
        <v>18</v>
      </c>
    </row>
    <row r="112" spans="1:4" ht="18" customHeight="1" x14ac:dyDescent="0.2">
      <c r="A112" s="14">
        <v>88</v>
      </c>
      <c r="B112" s="15">
        <v>4</v>
      </c>
      <c r="C112" s="16">
        <v>10</v>
      </c>
      <c r="D112" s="17">
        <v>14</v>
      </c>
    </row>
    <row r="113" spans="1:4" ht="18" customHeight="1" x14ac:dyDescent="0.2">
      <c r="A113" s="14">
        <v>89</v>
      </c>
      <c r="B113" s="15">
        <v>3</v>
      </c>
      <c r="C113" s="16">
        <v>10</v>
      </c>
      <c r="D113" s="17">
        <v>13</v>
      </c>
    </row>
    <row r="114" spans="1:4" ht="18" customHeight="1" x14ac:dyDescent="0.2">
      <c r="A114" s="18" t="s">
        <v>67</v>
      </c>
      <c r="B114" s="15">
        <v>32</v>
      </c>
      <c r="C114" s="16">
        <v>76</v>
      </c>
      <c r="D114" s="17">
        <v>108</v>
      </c>
    </row>
    <row r="115" spans="1:4" ht="18" customHeight="1" x14ac:dyDescent="0.2">
      <c r="A115" s="14">
        <v>90</v>
      </c>
      <c r="B115" s="15">
        <v>6</v>
      </c>
      <c r="C115" s="16">
        <v>8</v>
      </c>
      <c r="D115" s="17">
        <v>14</v>
      </c>
    </row>
    <row r="116" spans="1:4" ht="18" customHeight="1" x14ac:dyDescent="0.2">
      <c r="A116" s="14">
        <v>91</v>
      </c>
      <c r="B116" s="15">
        <v>4</v>
      </c>
      <c r="C116" s="16">
        <v>11</v>
      </c>
      <c r="D116" s="17">
        <v>15</v>
      </c>
    </row>
    <row r="117" spans="1:4" ht="18" customHeight="1" x14ac:dyDescent="0.2">
      <c r="A117" s="14">
        <v>92</v>
      </c>
      <c r="B117" s="15">
        <v>4</v>
      </c>
      <c r="C117" s="16">
        <v>4</v>
      </c>
      <c r="D117" s="17">
        <v>8</v>
      </c>
    </row>
    <row r="118" spans="1:4" ht="18" customHeight="1" x14ac:dyDescent="0.2">
      <c r="A118" s="14">
        <v>93</v>
      </c>
      <c r="B118" s="15">
        <v>2</v>
      </c>
      <c r="C118" s="16">
        <v>5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68</v>
      </c>
      <c r="B120" s="15">
        <v>17</v>
      </c>
      <c r="C120" s="16">
        <v>36</v>
      </c>
      <c r="D120" s="17">
        <v>53</v>
      </c>
    </row>
    <row r="121" spans="1:4" ht="18" customHeight="1" x14ac:dyDescent="0.2">
      <c r="A121" s="14">
        <v>95</v>
      </c>
      <c r="B121" s="15">
        <v>2</v>
      </c>
      <c r="C121" s="16">
        <v>1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11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24</v>
      </c>
      <c r="C130" s="5">
        <v>620</v>
      </c>
      <c r="D130" s="6">
        <v>1044</v>
      </c>
    </row>
    <row r="131" spans="1:4" ht="18" customHeight="1" x14ac:dyDescent="0.2">
      <c r="A131" s="20" t="s">
        <v>47</v>
      </c>
      <c r="B131" s="7">
        <v>1481</v>
      </c>
      <c r="C131" s="8">
        <v>1641</v>
      </c>
      <c r="D131" s="9">
        <v>312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4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5</v>
      </c>
      <c r="C5" s="12">
        <v>46</v>
      </c>
      <c r="D5" s="13">
        <v>91</v>
      </c>
    </row>
    <row r="6" spans="1:4" ht="18" customHeight="1" x14ac:dyDescent="0.2">
      <c r="A6" s="14">
        <v>1</v>
      </c>
      <c r="B6" s="15">
        <v>44</v>
      </c>
      <c r="C6" s="16">
        <v>46</v>
      </c>
      <c r="D6" s="17">
        <v>90</v>
      </c>
    </row>
    <row r="7" spans="1:4" ht="18" customHeight="1" x14ac:dyDescent="0.2">
      <c r="A7" s="14">
        <v>2</v>
      </c>
      <c r="B7" s="15">
        <v>44</v>
      </c>
      <c r="C7" s="16">
        <v>38</v>
      </c>
      <c r="D7" s="17">
        <v>82</v>
      </c>
    </row>
    <row r="8" spans="1:4" ht="18" customHeight="1" x14ac:dyDescent="0.2">
      <c r="A8" s="14">
        <v>3</v>
      </c>
      <c r="B8" s="15">
        <v>57</v>
      </c>
      <c r="C8" s="16">
        <v>40</v>
      </c>
      <c r="D8" s="17">
        <v>97</v>
      </c>
    </row>
    <row r="9" spans="1:4" ht="18" customHeight="1" x14ac:dyDescent="0.2">
      <c r="A9" s="14">
        <v>4</v>
      </c>
      <c r="B9" s="15">
        <v>44</v>
      </c>
      <c r="C9" s="16">
        <v>51</v>
      </c>
      <c r="D9" s="17">
        <v>95</v>
      </c>
    </row>
    <row r="10" spans="1:4" ht="18" customHeight="1" x14ac:dyDescent="0.2">
      <c r="A10" s="18" t="s">
        <v>48</v>
      </c>
      <c r="B10" s="15">
        <v>234</v>
      </c>
      <c r="C10" s="16">
        <v>221</v>
      </c>
      <c r="D10" s="17">
        <v>455</v>
      </c>
    </row>
    <row r="11" spans="1:4" ht="18" customHeight="1" x14ac:dyDescent="0.2">
      <c r="A11" s="14">
        <v>5</v>
      </c>
      <c r="B11" s="15">
        <v>49</v>
      </c>
      <c r="C11" s="16">
        <v>41</v>
      </c>
      <c r="D11" s="17">
        <v>90</v>
      </c>
    </row>
    <row r="12" spans="1:4" ht="18" customHeight="1" x14ac:dyDescent="0.2">
      <c r="A12" s="14">
        <v>6</v>
      </c>
      <c r="B12" s="15">
        <v>48</v>
      </c>
      <c r="C12" s="16">
        <v>42</v>
      </c>
      <c r="D12" s="17">
        <v>90</v>
      </c>
    </row>
    <row r="13" spans="1:4" ht="18" customHeight="1" x14ac:dyDescent="0.2">
      <c r="A13" s="14">
        <v>7</v>
      </c>
      <c r="B13" s="15">
        <v>35</v>
      </c>
      <c r="C13" s="16">
        <v>44</v>
      </c>
      <c r="D13" s="17">
        <v>79</v>
      </c>
    </row>
    <row r="14" spans="1:4" ht="18" customHeight="1" x14ac:dyDescent="0.2">
      <c r="A14" s="14">
        <v>8</v>
      </c>
      <c r="B14" s="15">
        <v>54</v>
      </c>
      <c r="C14" s="16">
        <v>48</v>
      </c>
      <c r="D14" s="17">
        <v>102</v>
      </c>
    </row>
    <row r="15" spans="1:4" ht="18" customHeight="1" x14ac:dyDescent="0.2">
      <c r="A15" s="14">
        <v>9</v>
      </c>
      <c r="B15" s="15">
        <v>47</v>
      </c>
      <c r="C15" s="16">
        <v>53</v>
      </c>
      <c r="D15" s="17">
        <v>100</v>
      </c>
    </row>
    <row r="16" spans="1:4" ht="18" customHeight="1" x14ac:dyDescent="0.2">
      <c r="A16" s="18" t="s">
        <v>49</v>
      </c>
      <c r="B16" s="15">
        <v>233</v>
      </c>
      <c r="C16" s="16">
        <v>228</v>
      </c>
      <c r="D16" s="17">
        <v>461</v>
      </c>
    </row>
    <row r="17" spans="1:4" ht="18" customHeight="1" x14ac:dyDescent="0.2">
      <c r="A17" s="14">
        <v>10</v>
      </c>
      <c r="B17" s="15">
        <v>60</v>
      </c>
      <c r="C17" s="16">
        <v>51</v>
      </c>
      <c r="D17" s="17">
        <v>111</v>
      </c>
    </row>
    <row r="18" spans="1:4" ht="18" customHeight="1" x14ac:dyDescent="0.2">
      <c r="A18" s="14">
        <v>11</v>
      </c>
      <c r="B18" s="15">
        <v>52</v>
      </c>
      <c r="C18" s="16">
        <v>60</v>
      </c>
      <c r="D18" s="17">
        <v>112</v>
      </c>
    </row>
    <row r="19" spans="1:4" ht="18" customHeight="1" x14ac:dyDescent="0.2">
      <c r="A19" s="14">
        <v>12</v>
      </c>
      <c r="B19" s="15">
        <v>50</v>
      </c>
      <c r="C19" s="16">
        <v>39</v>
      </c>
      <c r="D19" s="17">
        <v>89</v>
      </c>
    </row>
    <row r="20" spans="1:4" ht="18" customHeight="1" x14ac:dyDescent="0.2">
      <c r="A20" s="14">
        <v>13</v>
      </c>
      <c r="B20" s="15">
        <v>45</v>
      </c>
      <c r="C20" s="16">
        <v>63</v>
      </c>
      <c r="D20" s="17">
        <v>108</v>
      </c>
    </row>
    <row r="21" spans="1:4" ht="18" customHeight="1" x14ac:dyDescent="0.2">
      <c r="A21" s="14">
        <v>14</v>
      </c>
      <c r="B21" s="15">
        <v>56</v>
      </c>
      <c r="C21" s="16">
        <v>57</v>
      </c>
      <c r="D21" s="17">
        <v>113</v>
      </c>
    </row>
    <row r="22" spans="1:4" ht="18" customHeight="1" x14ac:dyDescent="0.2">
      <c r="A22" s="18" t="s">
        <v>50</v>
      </c>
      <c r="B22" s="15">
        <v>263</v>
      </c>
      <c r="C22" s="16">
        <v>270</v>
      </c>
      <c r="D22" s="17">
        <v>533</v>
      </c>
    </row>
    <row r="23" spans="1:4" ht="18" customHeight="1" x14ac:dyDescent="0.2">
      <c r="A23" s="18" t="s">
        <v>51</v>
      </c>
      <c r="B23" s="15">
        <v>730</v>
      </c>
      <c r="C23" s="16">
        <v>719</v>
      </c>
      <c r="D23" s="17">
        <v>1449</v>
      </c>
    </row>
    <row r="24" spans="1:4" ht="18" customHeight="1" x14ac:dyDescent="0.2">
      <c r="A24" s="14">
        <v>15</v>
      </c>
      <c r="B24" s="15">
        <v>45</v>
      </c>
      <c r="C24" s="16">
        <v>37</v>
      </c>
      <c r="D24" s="17">
        <v>82</v>
      </c>
    </row>
    <row r="25" spans="1:4" ht="18" customHeight="1" x14ac:dyDescent="0.2">
      <c r="A25" s="14">
        <v>16</v>
      </c>
      <c r="B25" s="15">
        <v>76</v>
      </c>
      <c r="C25" s="16">
        <v>51</v>
      </c>
      <c r="D25" s="17">
        <v>127</v>
      </c>
    </row>
    <row r="26" spans="1:4" ht="18" customHeight="1" x14ac:dyDescent="0.2">
      <c r="A26" s="14">
        <v>17</v>
      </c>
      <c r="B26" s="15">
        <v>63</v>
      </c>
      <c r="C26" s="16">
        <v>58</v>
      </c>
      <c r="D26" s="17">
        <v>121</v>
      </c>
    </row>
    <row r="27" spans="1:4" ht="18" customHeight="1" x14ac:dyDescent="0.2">
      <c r="A27" s="14">
        <v>18</v>
      </c>
      <c r="B27" s="15">
        <v>50</v>
      </c>
      <c r="C27" s="16">
        <v>61</v>
      </c>
      <c r="D27" s="17">
        <v>111</v>
      </c>
    </row>
    <row r="28" spans="1:4" ht="18" customHeight="1" x14ac:dyDescent="0.2">
      <c r="A28" s="14">
        <v>19</v>
      </c>
      <c r="B28" s="15">
        <v>73</v>
      </c>
      <c r="C28" s="16">
        <v>47</v>
      </c>
      <c r="D28" s="17">
        <v>120</v>
      </c>
    </row>
    <row r="29" spans="1:4" ht="18" customHeight="1" x14ac:dyDescent="0.2">
      <c r="A29" s="18" t="s">
        <v>52</v>
      </c>
      <c r="B29" s="15">
        <v>307</v>
      </c>
      <c r="C29" s="16">
        <v>254</v>
      </c>
      <c r="D29" s="17">
        <v>561</v>
      </c>
    </row>
    <row r="30" spans="1:4" ht="18" customHeight="1" x14ac:dyDescent="0.2">
      <c r="A30" s="14">
        <v>20</v>
      </c>
      <c r="B30" s="15">
        <v>59</v>
      </c>
      <c r="C30" s="16">
        <v>43</v>
      </c>
      <c r="D30" s="17">
        <v>102</v>
      </c>
    </row>
    <row r="31" spans="1:4" ht="18" customHeight="1" x14ac:dyDescent="0.2">
      <c r="A31" s="14">
        <v>21</v>
      </c>
      <c r="B31" s="15">
        <v>60</v>
      </c>
      <c r="C31" s="16">
        <v>64</v>
      </c>
      <c r="D31" s="17">
        <v>124</v>
      </c>
    </row>
    <row r="32" spans="1:4" ht="18" customHeight="1" x14ac:dyDescent="0.2">
      <c r="A32" s="14">
        <v>22</v>
      </c>
      <c r="B32" s="15">
        <v>68</v>
      </c>
      <c r="C32" s="16">
        <v>50</v>
      </c>
      <c r="D32" s="17">
        <v>118</v>
      </c>
    </row>
    <row r="33" spans="1:4" ht="18" customHeight="1" x14ac:dyDescent="0.2">
      <c r="A33" s="14">
        <v>23</v>
      </c>
      <c r="B33" s="15">
        <v>70</v>
      </c>
      <c r="C33" s="16">
        <v>45</v>
      </c>
      <c r="D33" s="17">
        <v>115</v>
      </c>
    </row>
    <row r="34" spans="1:4" ht="18" customHeight="1" x14ac:dyDescent="0.2">
      <c r="A34" s="14">
        <v>24</v>
      </c>
      <c r="B34" s="15">
        <v>57</v>
      </c>
      <c r="C34" s="16">
        <v>60</v>
      </c>
      <c r="D34" s="17">
        <v>117</v>
      </c>
    </row>
    <row r="35" spans="1:4" ht="18" customHeight="1" x14ac:dyDescent="0.2">
      <c r="A35" s="18" t="s">
        <v>53</v>
      </c>
      <c r="B35" s="15">
        <v>314</v>
      </c>
      <c r="C35" s="16">
        <v>262</v>
      </c>
      <c r="D35" s="17">
        <v>576</v>
      </c>
    </row>
    <row r="36" spans="1:4" ht="18" customHeight="1" x14ac:dyDescent="0.2">
      <c r="A36" s="14">
        <v>25</v>
      </c>
      <c r="B36" s="15">
        <v>60</v>
      </c>
      <c r="C36" s="16">
        <v>52</v>
      </c>
      <c r="D36" s="17">
        <v>112</v>
      </c>
    </row>
    <row r="37" spans="1:4" ht="18" customHeight="1" x14ac:dyDescent="0.2">
      <c r="A37" s="14">
        <v>26</v>
      </c>
      <c r="B37" s="15">
        <v>67</v>
      </c>
      <c r="C37" s="16">
        <v>63</v>
      </c>
      <c r="D37" s="17">
        <v>130</v>
      </c>
    </row>
    <row r="38" spans="1:4" ht="18" customHeight="1" x14ac:dyDescent="0.2">
      <c r="A38" s="14">
        <v>27</v>
      </c>
      <c r="B38" s="15">
        <v>52</v>
      </c>
      <c r="C38" s="16">
        <v>55</v>
      </c>
      <c r="D38" s="17">
        <v>107</v>
      </c>
    </row>
    <row r="39" spans="1:4" ht="18" customHeight="1" x14ac:dyDescent="0.2">
      <c r="A39" s="14">
        <v>28</v>
      </c>
      <c r="B39" s="15">
        <v>55</v>
      </c>
      <c r="C39" s="16">
        <v>53</v>
      </c>
      <c r="D39" s="17">
        <v>108</v>
      </c>
    </row>
    <row r="40" spans="1:4" ht="18" customHeight="1" x14ac:dyDescent="0.2">
      <c r="A40" s="14">
        <v>29</v>
      </c>
      <c r="B40" s="15">
        <v>59</v>
      </c>
      <c r="C40" s="16">
        <v>56</v>
      </c>
      <c r="D40" s="17">
        <v>115</v>
      </c>
    </row>
    <row r="41" spans="1:4" ht="18" customHeight="1" x14ac:dyDescent="0.2">
      <c r="A41" s="18" t="s">
        <v>54</v>
      </c>
      <c r="B41" s="15">
        <v>293</v>
      </c>
      <c r="C41" s="16">
        <v>279</v>
      </c>
      <c r="D41" s="17">
        <v>572</v>
      </c>
    </row>
    <row r="42" spans="1:4" ht="18" customHeight="1" x14ac:dyDescent="0.2">
      <c r="A42" s="14">
        <v>30</v>
      </c>
      <c r="B42" s="15">
        <v>67</v>
      </c>
      <c r="C42" s="16">
        <v>50</v>
      </c>
      <c r="D42" s="17">
        <v>117</v>
      </c>
    </row>
    <row r="43" spans="1:4" ht="18" customHeight="1" x14ac:dyDescent="0.2">
      <c r="A43" s="14">
        <v>31</v>
      </c>
      <c r="B43" s="15">
        <v>71</v>
      </c>
      <c r="C43" s="16">
        <v>54</v>
      </c>
      <c r="D43" s="17">
        <v>125</v>
      </c>
    </row>
    <row r="44" spans="1:4" ht="18" customHeight="1" x14ac:dyDescent="0.2">
      <c r="A44" s="14">
        <v>32</v>
      </c>
      <c r="B44" s="15">
        <v>68</v>
      </c>
      <c r="C44" s="16">
        <v>61</v>
      </c>
      <c r="D44" s="17">
        <v>129</v>
      </c>
    </row>
    <row r="45" spans="1:4" ht="18" customHeight="1" x14ac:dyDescent="0.2">
      <c r="A45" s="14">
        <v>33</v>
      </c>
      <c r="B45" s="15">
        <v>76</v>
      </c>
      <c r="C45" s="16">
        <v>58</v>
      </c>
      <c r="D45" s="17">
        <v>134</v>
      </c>
    </row>
    <row r="46" spans="1:4" ht="18" customHeight="1" x14ac:dyDescent="0.2">
      <c r="A46" s="14">
        <v>34</v>
      </c>
      <c r="B46" s="15">
        <v>75</v>
      </c>
      <c r="C46" s="16">
        <v>53</v>
      </c>
      <c r="D46" s="17">
        <v>128</v>
      </c>
    </row>
    <row r="47" spans="1:4" ht="18" customHeight="1" x14ac:dyDescent="0.2">
      <c r="A47" s="18" t="s">
        <v>55</v>
      </c>
      <c r="B47" s="15">
        <v>357</v>
      </c>
      <c r="C47" s="16">
        <v>276</v>
      </c>
      <c r="D47" s="17">
        <v>633</v>
      </c>
    </row>
    <row r="48" spans="1:4" ht="18" customHeight="1" x14ac:dyDescent="0.2">
      <c r="A48" s="14">
        <v>35</v>
      </c>
      <c r="B48" s="15">
        <v>73</v>
      </c>
      <c r="C48" s="16">
        <v>50</v>
      </c>
      <c r="D48" s="17">
        <v>123</v>
      </c>
    </row>
    <row r="49" spans="1:4" ht="18" customHeight="1" x14ac:dyDescent="0.2">
      <c r="A49" s="14">
        <v>36</v>
      </c>
      <c r="B49" s="15">
        <v>69</v>
      </c>
      <c r="C49" s="16">
        <v>59</v>
      </c>
      <c r="D49" s="17">
        <v>128</v>
      </c>
    </row>
    <row r="50" spans="1:4" ht="18" customHeight="1" x14ac:dyDescent="0.2">
      <c r="A50" s="14">
        <v>37</v>
      </c>
      <c r="B50" s="15">
        <v>74</v>
      </c>
      <c r="C50" s="16">
        <v>71</v>
      </c>
      <c r="D50" s="17">
        <v>145</v>
      </c>
    </row>
    <row r="51" spans="1:4" ht="18" customHeight="1" x14ac:dyDescent="0.2">
      <c r="A51" s="14">
        <v>38</v>
      </c>
      <c r="B51" s="15">
        <v>68</v>
      </c>
      <c r="C51" s="16">
        <v>66</v>
      </c>
      <c r="D51" s="17">
        <v>134</v>
      </c>
    </row>
    <row r="52" spans="1:4" ht="18" customHeight="1" x14ac:dyDescent="0.2">
      <c r="A52" s="14">
        <v>39</v>
      </c>
      <c r="B52" s="15">
        <v>100</v>
      </c>
      <c r="C52" s="16">
        <v>63</v>
      </c>
      <c r="D52" s="17">
        <v>163</v>
      </c>
    </row>
    <row r="53" spans="1:4" ht="18" customHeight="1" x14ac:dyDescent="0.2">
      <c r="A53" s="18" t="s">
        <v>56</v>
      </c>
      <c r="B53" s="15">
        <v>384</v>
      </c>
      <c r="C53" s="16">
        <v>309</v>
      </c>
      <c r="D53" s="17">
        <v>693</v>
      </c>
    </row>
    <row r="54" spans="1:4" ht="18" customHeight="1" x14ac:dyDescent="0.2">
      <c r="A54" s="14">
        <v>40</v>
      </c>
      <c r="B54" s="15">
        <v>87</v>
      </c>
      <c r="C54" s="16">
        <v>76</v>
      </c>
      <c r="D54" s="17">
        <v>163</v>
      </c>
    </row>
    <row r="55" spans="1:4" ht="18" customHeight="1" x14ac:dyDescent="0.2">
      <c r="A55" s="14">
        <v>41</v>
      </c>
      <c r="B55" s="15">
        <v>61</v>
      </c>
      <c r="C55" s="16">
        <v>86</v>
      </c>
      <c r="D55" s="17">
        <v>147</v>
      </c>
    </row>
    <row r="56" spans="1:4" ht="18" customHeight="1" x14ac:dyDescent="0.2">
      <c r="A56" s="14">
        <v>42</v>
      </c>
      <c r="B56" s="15">
        <v>92</v>
      </c>
      <c r="C56" s="16">
        <v>86</v>
      </c>
      <c r="D56" s="17">
        <v>178</v>
      </c>
    </row>
    <row r="57" spans="1:4" ht="18" customHeight="1" x14ac:dyDescent="0.2">
      <c r="A57" s="14">
        <v>43</v>
      </c>
      <c r="B57" s="15">
        <v>89</v>
      </c>
      <c r="C57" s="16">
        <v>95</v>
      </c>
      <c r="D57" s="17">
        <v>184</v>
      </c>
    </row>
    <row r="58" spans="1:4" ht="18" customHeight="1" x14ac:dyDescent="0.2">
      <c r="A58" s="14">
        <v>44</v>
      </c>
      <c r="B58" s="15">
        <v>79</v>
      </c>
      <c r="C58" s="16">
        <v>97</v>
      </c>
      <c r="D58" s="17">
        <v>176</v>
      </c>
    </row>
    <row r="59" spans="1:4" ht="18" customHeight="1" x14ac:dyDescent="0.2">
      <c r="A59" s="18" t="s">
        <v>57</v>
      </c>
      <c r="B59" s="15">
        <v>408</v>
      </c>
      <c r="C59" s="16">
        <v>440</v>
      </c>
      <c r="D59" s="17">
        <v>848</v>
      </c>
    </row>
    <row r="60" spans="1:4" ht="18" customHeight="1" x14ac:dyDescent="0.2">
      <c r="A60" s="14">
        <v>45</v>
      </c>
      <c r="B60" s="15">
        <v>83</v>
      </c>
      <c r="C60" s="16">
        <v>82</v>
      </c>
      <c r="D60" s="17">
        <v>165</v>
      </c>
    </row>
    <row r="61" spans="1:4" ht="18" customHeight="1" x14ac:dyDescent="0.2">
      <c r="A61" s="14">
        <v>46</v>
      </c>
      <c r="B61" s="15">
        <v>99</v>
      </c>
      <c r="C61" s="16">
        <v>86</v>
      </c>
      <c r="D61" s="17">
        <v>185</v>
      </c>
    </row>
    <row r="62" spans="1:4" ht="18" customHeight="1" x14ac:dyDescent="0.2">
      <c r="A62" s="14">
        <v>47</v>
      </c>
      <c r="B62" s="15">
        <v>100</v>
      </c>
      <c r="C62" s="16">
        <v>99</v>
      </c>
      <c r="D62" s="17">
        <v>199</v>
      </c>
    </row>
    <row r="63" spans="1:4" ht="18" customHeight="1" x14ac:dyDescent="0.2">
      <c r="A63" s="14">
        <v>48</v>
      </c>
      <c r="B63" s="15">
        <v>113</v>
      </c>
      <c r="C63" s="16">
        <v>84</v>
      </c>
      <c r="D63" s="17">
        <v>197</v>
      </c>
    </row>
    <row r="64" spans="1:4" ht="18" customHeight="1" x14ac:dyDescent="0.2">
      <c r="A64" s="14">
        <v>49</v>
      </c>
      <c r="B64" s="15">
        <v>94</v>
      </c>
      <c r="C64" s="16">
        <v>95</v>
      </c>
      <c r="D64" s="17">
        <v>189</v>
      </c>
    </row>
    <row r="65" spans="1:4" ht="18" customHeight="1" x14ac:dyDescent="0.2">
      <c r="A65" s="18" t="s">
        <v>58</v>
      </c>
      <c r="B65" s="15">
        <v>489</v>
      </c>
      <c r="C65" s="16">
        <v>446</v>
      </c>
      <c r="D65" s="17">
        <v>935</v>
      </c>
    </row>
    <row r="66" spans="1:4" ht="18" customHeight="1" x14ac:dyDescent="0.2">
      <c r="A66" s="14">
        <v>50</v>
      </c>
      <c r="B66" s="15">
        <v>88</v>
      </c>
      <c r="C66" s="16">
        <v>81</v>
      </c>
      <c r="D66" s="17">
        <v>169</v>
      </c>
    </row>
    <row r="67" spans="1:4" ht="18" customHeight="1" x14ac:dyDescent="0.2">
      <c r="A67" s="14">
        <v>51</v>
      </c>
      <c r="B67" s="15">
        <v>80</v>
      </c>
      <c r="C67" s="16">
        <v>79</v>
      </c>
      <c r="D67" s="17">
        <v>159</v>
      </c>
    </row>
    <row r="68" spans="1:4" ht="18" customHeight="1" x14ac:dyDescent="0.2">
      <c r="A68" s="14">
        <v>52</v>
      </c>
      <c r="B68" s="15">
        <v>85</v>
      </c>
      <c r="C68" s="16">
        <v>77</v>
      </c>
      <c r="D68" s="17">
        <v>162</v>
      </c>
    </row>
    <row r="69" spans="1:4" ht="18" customHeight="1" x14ac:dyDescent="0.2">
      <c r="A69" s="14">
        <v>53</v>
      </c>
      <c r="B69" s="15">
        <v>85</v>
      </c>
      <c r="C69" s="16">
        <v>99</v>
      </c>
      <c r="D69" s="17">
        <v>184</v>
      </c>
    </row>
    <row r="70" spans="1:4" ht="18" customHeight="1" x14ac:dyDescent="0.2">
      <c r="A70" s="14">
        <v>54</v>
      </c>
      <c r="B70" s="15">
        <v>66</v>
      </c>
      <c r="C70" s="16">
        <v>58</v>
      </c>
      <c r="D70" s="17">
        <v>124</v>
      </c>
    </row>
    <row r="71" spans="1:4" ht="18" customHeight="1" x14ac:dyDescent="0.2">
      <c r="A71" s="18" t="s">
        <v>59</v>
      </c>
      <c r="B71" s="15">
        <v>404</v>
      </c>
      <c r="C71" s="16">
        <v>394</v>
      </c>
      <c r="D71" s="17">
        <v>798</v>
      </c>
    </row>
    <row r="72" spans="1:4" ht="18" customHeight="1" x14ac:dyDescent="0.2">
      <c r="A72" s="14">
        <v>55</v>
      </c>
      <c r="B72" s="15">
        <v>82</v>
      </c>
      <c r="C72" s="16">
        <v>73</v>
      </c>
      <c r="D72" s="17">
        <v>155</v>
      </c>
    </row>
    <row r="73" spans="1:4" ht="18" customHeight="1" x14ac:dyDescent="0.2">
      <c r="A73" s="14">
        <v>56</v>
      </c>
      <c r="B73" s="15">
        <v>75</v>
      </c>
      <c r="C73" s="16">
        <v>84</v>
      </c>
      <c r="D73" s="17">
        <v>159</v>
      </c>
    </row>
    <row r="74" spans="1:4" ht="18" customHeight="1" x14ac:dyDescent="0.2">
      <c r="A74" s="14">
        <v>57</v>
      </c>
      <c r="B74" s="15">
        <v>73</v>
      </c>
      <c r="C74" s="16">
        <v>84</v>
      </c>
      <c r="D74" s="17">
        <v>157</v>
      </c>
    </row>
    <row r="75" spans="1:4" ht="18" customHeight="1" x14ac:dyDescent="0.2">
      <c r="A75" s="14">
        <v>58</v>
      </c>
      <c r="B75" s="15">
        <v>75</v>
      </c>
      <c r="C75" s="16">
        <v>74</v>
      </c>
      <c r="D75" s="17">
        <v>149</v>
      </c>
    </row>
    <row r="76" spans="1:4" ht="18" customHeight="1" x14ac:dyDescent="0.2">
      <c r="A76" s="14">
        <v>59</v>
      </c>
      <c r="B76" s="15">
        <v>68</v>
      </c>
      <c r="C76" s="16">
        <v>62</v>
      </c>
      <c r="D76" s="17">
        <v>130</v>
      </c>
    </row>
    <row r="77" spans="1:4" ht="18" customHeight="1" x14ac:dyDescent="0.2">
      <c r="A77" s="18" t="s">
        <v>60</v>
      </c>
      <c r="B77" s="15">
        <v>373</v>
      </c>
      <c r="C77" s="16">
        <v>377</v>
      </c>
      <c r="D77" s="17">
        <v>750</v>
      </c>
    </row>
    <row r="78" spans="1:4" ht="18" customHeight="1" x14ac:dyDescent="0.2">
      <c r="A78" s="14">
        <v>60</v>
      </c>
      <c r="B78" s="15">
        <v>64</v>
      </c>
      <c r="C78" s="16">
        <v>81</v>
      </c>
      <c r="D78" s="17">
        <v>145</v>
      </c>
    </row>
    <row r="79" spans="1:4" ht="18" customHeight="1" x14ac:dyDescent="0.2">
      <c r="A79" s="14">
        <v>61</v>
      </c>
      <c r="B79" s="15">
        <v>81</v>
      </c>
      <c r="C79" s="16">
        <v>82</v>
      </c>
      <c r="D79" s="17">
        <v>163</v>
      </c>
    </row>
    <row r="80" spans="1:4" ht="18" customHeight="1" x14ac:dyDescent="0.2">
      <c r="A80" s="14">
        <v>62</v>
      </c>
      <c r="B80" s="15">
        <v>76</v>
      </c>
      <c r="C80" s="16">
        <v>87</v>
      </c>
      <c r="D80" s="17">
        <v>163</v>
      </c>
    </row>
    <row r="81" spans="1:4" ht="18" customHeight="1" x14ac:dyDescent="0.2">
      <c r="A81" s="14">
        <v>63</v>
      </c>
      <c r="B81" s="15">
        <v>60</v>
      </c>
      <c r="C81" s="16">
        <v>67</v>
      </c>
      <c r="D81" s="17">
        <v>127</v>
      </c>
    </row>
    <row r="82" spans="1:4" ht="18" customHeight="1" x14ac:dyDescent="0.2">
      <c r="A82" s="14">
        <v>64</v>
      </c>
      <c r="B82" s="15">
        <v>81</v>
      </c>
      <c r="C82" s="16">
        <v>83</v>
      </c>
      <c r="D82" s="17">
        <v>164</v>
      </c>
    </row>
    <row r="83" spans="1:4" ht="18" customHeight="1" x14ac:dyDescent="0.2">
      <c r="A83" s="18" t="s">
        <v>61</v>
      </c>
      <c r="B83" s="15">
        <v>362</v>
      </c>
      <c r="C83" s="16">
        <v>400</v>
      </c>
      <c r="D83" s="17">
        <v>762</v>
      </c>
    </row>
    <row r="84" spans="1:4" ht="18" customHeight="1" x14ac:dyDescent="0.2">
      <c r="A84" s="18" t="s">
        <v>62</v>
      </c>
      <c r="B84" s="15">
        <v>3691</v>
      </c>
      <c r="C84" s="16">
        <v>3437</v>
      </c>
      <c r="D84" s="17">
        <v>7128</v>
      </c>
    </row>
    <row r="85" spans="1:4" ht="18" customHeight="1" x14ac:dyDescent="0.2">
      <c r="A85" s="14">
        <v>65</v>
      </c>
      <c r="B85" s="15">
        <v>71</v>
      </c>
      <c r="C85" s="16">
        <v>101</v>
      </c>
      <c r="D85" s="17">
        <v>172</v>
      </c>
    </row>
    <row r="86" spans="1:4" ht="18" customHeight="1" x14ac:dyDescent="0.2">
      <c r="A86" s="14">
        <v>66</v>
      </c>
      <c r="B86" s="15">
        <v>74</v>
      </c>
      <c r="C86" s="16">
        <v>84</v>
      </c>
      <c r="D86" s="17">
        <v>158</v>
      </c>
    </row>
    <row r="87" spans="1:4" ht="18" customHeight="1" x14ac:dyDescent="0.2">
      <c r="A87" s="14">
        <v>67</v>
      </c>
      <c r="B87" s="15">
        <v>102</v>
      </c>
      <c r="C87" s="16">
        <v>91</v>
      </c>
      <c r="D87" s="17">
        <v>193</v>
      </c>
    </row>
    <row r="88" spans="1:4" ht="18" customHeight="1" x14ac:dyDescent="0.2">
      <c r="A88" s="14">
        <v>68</v>
      </c>
      <c r="B88" s="15">
        <v>91</v>
      </c>
      <c r="C88" s="16">
        <v>92</v>
      </c>
      <c r="D88" s="17">
        <v>183</v>
      </c>
    </row>
    <row r="89" spans="1:4" ht="18" customHeight="1" x14ac:dyDescent="0.2">
      <c r="A89" s="14">
        <v>69</v>
      </c>
      <c r="B89" s="15">
        <v>80</v>
      </c>
      <c r="C89" s="16">
        <v>104</v>
      </c>
      <c r="D89" s="17">
        <v>184</v>
      </c>
    </row>
    <row r="90" spans="1:4" ht="18" customHeight="1" x14ac:dyDescent="0.2">
      <c r="A90" s="18" t="s">
        <v>63</v>
      </c>
      <c r="B90" s="15">
        <v>418</v>
      </c>
      <c r="C90" s="16">
        <v>472</v>
      </c>
      <c r="D90" s="17">
        <v>890</v>
      </c>
    </row>
    <row r="91" spans="1:4" ht="18" customHeight="1" x14ac:dyDescent="0.2">
      <c r="A91" s="14">
        <v>70</v>
      </c>
      <c r="B91" s="15">
        <v>100</v>
      </c>
      <c r="C91" s="16">
        <v>109</v>
      </c>
      <c r="D91" s="17">
        <v>209</v>
      </c>
    </row>
    <row r="92" spans="1:4" ht="18" customHeight="1" x14ac:dyDescent="0.2">
      <c r="A92" s="14">
        <v>71</v>
      </c>
      <c r="B92" s="15">
        <v>105</v>
      </c>
      <c r="C92" s="16">
        <v>115</v>
      </c>
      <c r="D92" s="17">
        <v>220</v>
      </c>
    </row>
    <row r="93" spans="1:4" ht="18" customHeight="1" x14ac:dyDescent="0.2">
      <c r="A93" s="14">
        <v>72</v>
      </c>
      <c r="B93" s="15">
        <v>116</v>
      </c>
      <c r="C93" s="16">
        <v>110</v>
      </c>
      <c r="D93" s="17">
        <v>226</v>
      </c>
    </row>
    <row r="94" spans="1:4" ht="18" customHeight="1" x14ac:dyDescent="0.2">
      <c r="A94" s="14">
        <v>73</v>
      </c>
      <c r="B94" s="15">
        <v>95</v>
      </c>
      <c r="C94" s="16">
        <v>109</v>
      </c>
      <c r="D94" s="17">
        <v>204</v>
      </c>
    </row>
    <row r="95" spans="1:4" ht="18" customHeight="1" x14ac:dyDescent="0.2">
      <c r="A95" s="14">
        <v>74</v>
      </c>
      <c r="B95" s="15">
        <v>65</v>
      </c>
      <c r="C95" s="16">
        <v>77</v>
      </c>
      <c r="D95" s="17">
        <v>142</v>
      </c>
    </row>
    <row r="96" spans="1:4" ht="18" customHeight="1" x14ac:dyDescent="0.2">
      <c r="A96" s="18" t="s">
        <v>64</v>
      </c>
      <c r="B96" s="15">
        <v>481</v>
      </c>
      <c r="C96" s="16">
        <v>520</v>
      </c>
      <c r="D96" s="17">
        <v>1001</v>
      </c>
    </row>
    <row r="97" spans="1:4" ht="18" customHeight="1" x14ac:dyDescent="0.2">
      <c r="A97" s="14">
        <v>75</v>
      </c>
      <c r="B97" s="15">
        <v>70</v>
      </c>
      <c r="C97" s="16">
        <v>90</v>
      </c>
      <c r="D97" s="17">
        <v>160</v>
      </c>
    </row>
    <row r="98" spans="1:4" ht="18" customHeight="1" x14ac:dyDescent="0.2">
      <c r="A98" s="14">
        <v>76</v>
      </c>
      <c r="B98" s="15">
        <v>70</v>
      </c>
      <c r="C98" s="16">
        <v>107</v>
      </c>
      <c r="D98" s="17">
        <v>177</v>
      </c>
    </row>
    <row r="99" spans="1:4" ht="18" customHeight="1" x14ac:dyDescent="0.2">
      <c r="A99" s="14">
        <v>77</v>
      </c>
      <c r="B99" s="15">
        <v>72</v>
      </c>
      <c r="C99" s="16">
        <v>93</v>
      </c>
      <c r="D99" s="17">
        <v>165</v>
      </c>
    </row>
    <row r="100" spans="1:4" ht="18" customHeight="1" x14ac:dyDescent="0.2">
      <c r="A100" s="14">
        <v>78</v>
      </c>
      <c r="B100" s="15">
        <v>62</v>
      </c>
      <c r="C100" s="16">
        <v>98</v>
      </c>
      <c r="D100" s="17">
        <v>160</v>
      </c>
    </row>
    <row r="101" spans="1:4" ht="18" customHeight="1" x14ac:dyDescent="0.2">
      <c r="A101" s="14">
        <v>79</v>
      </c>
      <c r="B101" s="15">
        <v>71</v>
      </c>
      <c r="C101" s="16">
        <v>85</v>
      </c>
      <c r="D101" s="17">
        <v>156</v>
      </c>
    </row>
    <row r="102" spans="1:4" ht="18" customHeight="1" x14ac:dyDescent="0.2">
      <c r="A102" s="18" t="s">
        <v>65</v>
      </c>
      <c r="B102" s="15">
        <v>345</v>
      </c>
      <c r="C102" s="16">
        <v>473</v>
      </c>
      <c r="D102" s="17">
        <v>818</v>
      </c>
    </row>
    <row r="103" spans="1:4" ht="18" customHeight="1" x14ac:dyDescent="0.2">
      <c r="A103" s="14">
        <v>80</v>
      </c>
      <c r="B103" s="15">
        <v>72</v>
      </c>
      <c r="C103" s="16">
        <v>72</v>
      </c>
      <c r="D103" s="17">
        <v>144</v>
      </c>
    </row>
    <row r="104" spans="1:4" ht="18" customHeight="1" x14ac:dyDescent="0.2">
      <c r="A104" s="14">
        <v>81</v>
      </c>
      <c r="B104" s="15">
        <v>49</v>
      </c>
      <c r="C104" s="16">
        <v>65</v>
      </c>
      <c r="D104" s="17">
        <v>114</v>
      </c>
    </row>
    <row r="105" spans="1:4" ht="18" customHeight="1" x14ac:dyDescent="0.2">
      <c r="A105" s="14">
        <v>82</v>
      </c>
      <c r="B105" s="15">
        <v>33</v>
      </c>
      <c r="C105" s="16">
        <v>63</v>
      </c>
      <c r="D105" s="17">
        <v>96</v>
      </c>
    </row>
    <row r="106" spans="1:4" ht="18" customHeight="1" x14ac:dyDescent="0.2">
      <c r="A106" s="14">
        <v>83</v>
      </c>
      <c r="B106" s="15">
        <v>30</v>
      </c>
      <c r="C106" s="16">
        <v>70</v>
      </c>
      <c r="D106" s="17">
        <v>100</v>
      </c>
    </row>
    <row r="107" spans="1:4" ht="18" customHeight="1" x14ac:dyDescent="0.2">
      <c r="A107" s="14">
        <v>84</v>
      </c>
      <c r="B107" s="15">
        <v>56</v>
      </c>
      <c r="C107" s="16">
        <v>97</v>
      </c>
      <c r="D107" s="17">
        <v>153</v>
      </c>
    </row>
    <row r="108" spans="1:4" ht="18" customHeight="1" x14ac:dyDescent="0.2">
      <c r="A108" s="18" t="s">
        <v>66</v>
      </c>
      <c r="B108" s="15">
        <v>240</v>
      </c>
      <c r="C108" s="16">
        <v>367</v>
      </c>
      <c r="D108" s="17">
        <v>607</v>
      </c>
    </row>
    <row r="109" spans="1:4" ht="18" customHeight="1" x14ac:dyDescent="0.2">
      <c r="A109" s="14">
        <v>85</v>
      </c>
      <c r="B109" s="15">
        <v>31</v>
      </c>
      <c r="C109" s="16">
        <v>41</v>
      </c>
      <c r="D109" s="17">
        <v>72</v>
      </c>
    </row>
    <row r="110" spans="1:4" ht="18" customHeight="1" x14ac:dyDescent="0.2">
      <c r="A110" s="14">
        <v>86</v>
      </c>
      <c r="B110" s="15">
        <v>33</v>
      </c>
      <c r="C110" s="16">
        <v>60</v>
      </c>
      <c r="D110" s="17">
        <v>93</v>
      </c>
    </row>
    <row r="111" spans="1:4" ht="18" customHeight="1" x14ac:dyDescent="0.2">
      <c r="A111" s="14">
        <v>87</v>
      </c>
      <c r="B111" s="15">
        <v>31</v>
      </c>
      <c r="C111" s="16">
        <v>76</v>
      </c>
      <c r="D111" s="17">
        <v>107</v>
      </c>
    </row>
    <row r="112" spans="1:4" ht="18" customHeight="1" x14ac:dyDescent="0.2">
      <c r="A112" s="14">
        <v>88</v>
      </c>
      <c r="B112" s="15">
        <v>20</v>
      </c>
      <c r="C112" s="16">
        <v>56</v>
      </c>
      <c r="D112" s="17">
        <v>76</v>
      </c>
    </row>
    <row r="113" spans="1:4" ht="18" customHeight="1" x14ac:dyDescent="0.2">
      <c r="A113" s="14">
        <v>89</v>
      </c>
      <c r="B113" s="15">
        <v>33</v>
      </c>
      <c r="C113" s="16">
        <v>51</v>
      </c>
      <c r="D113" s="17">
        <v>84</v>
      </c>
    </row>
    <row r="114" spans="1:4" ht="18" customHeight="1" x14ac:dyDescent="0.2">
      <c r="A114" s="18" t="s">
        <v>67</v>
      </c>
      <c r="B114" s="15">
        <v>148</v>
      </c>
      <c r="C114" s="16">
        <v>284</v>
      </c>
      <c r="D114" s="17">
        <v>432</v>
      </c>
    </row>
    <row r="115" spans="1:4" ht="18" customHeight="1" x14ac:dyDescent="0.2">
      <c r="A115" s="14">
        <v>90</v>
      </c>
      <c r="B115" s="15">
        <v>13</v>
      </c>
      <c r="C115" s="16">
        <v>32</v>
      </c>
      <c r="D115" s="17">
        <v>45</v>
      </c>
    </row>
    <row r="116" spans="1:4" ht="18" customHeight="1" x14ac:dyDescent="0.2">
      <c r="A116" s="14">
        <v>91</v>
      </c>
      <c r="B116" s="15">
        <v>16</v>
      </c>
      <c r="C116" s="16">
        <v>37</v>
      </c>
      <c r="D116" s="17">
        <v>53</v>
      </c>
    </row>
    <row r="117" spans="1:4" ht="18" customHeight="1" x14ac:dyDescent="0.2">
      <c r="A117" s="14">
        <v>92</v>
      </c>
      <c r="B117" s="15">
        <v>12</v>
      </c>
      <c r="C117" s="16">
        <v>24</v>
      </c>
      <c r="D117" s="17">
        <v>36</v>
      </c>
    </row>
    <row r="118" spans="1:4" ht="18" customHeight="1" x14ac:dyDescent="0.2">
      <c r="A118" s="14">
        <v>93</v>
      </c>
      <c r="B118" s="15">
        <v>7</v>
      </c>
      <c r="C118" s="16">
        <v>18</v>
      </c>
      <c r="D118" s="17">
        <v>25</v>
      </c>
    </row>
    <row r="119" spans="1:4" ht="18" customHeight="1" x14ac:dyDescent="0.2">
      <c r="A119" s="14">
        <v>94</v>
      </c>
      <c r="B119" s="15">
        <v>5</v>
      </c>
      <c r="C119" s="16">
        <v>15</v>
      </c>
      <c r="D119" s="17">
        <v>20</v>
      </c>
    </row>
    <row r="120" spans="1:4" ht="18" customHeight="1" x14ac:dyDescent="0.2">
      <c r="A120" s="18" t="s">
        <v>68</v>
      </c>
      <c r="B120" s="15">
        <v>53</v>
      </c>
      <c r="C120" s="16">
        <v>126</v>
      </c>
      <c r="D120" s="17">
        <v>179</v>
      </c>
    </row>
    <row r="121" spans="1:4" ht="18" customHeight="1" x14ac:dyDescent="0.2">
      <c r="A121" s="14">
        <v>95</v>
      </c>
      <c r="B121" s="15">
        <v>2</v>
      </c>
      <c r="C121" s="16">
        <v>16</v>
      </c>
      <c r="D121" s="17">
        <v>18</v>
      </c>
    </row>
    <row r="122" spans="1:4" ht="18" customHeight="1" x14ac:dyDescent="0.2">
      <c r="A122" s="14">
        <v>96</v>
      </c>
      <c r="B122" s="15">
        <v>3</v>
      </c>
      <c r="C122" s="16">
        <v>7</v>
      </c>
      <c r="D122" s="17">
        <v>10</v>
      </c>
    </row>
    <row r="123" spans="1:4" ht="18" customHeight="1" x14ac:dyDescent="0.2">
      <c r="A123" s="14">
        <v>97</v>
      </c>
      <c r="B123" s="15">
        <v>3</v>
      </c>
      <c r="C123" s="16">
        <v>13</v>
      </c>
      <c r="D123" s="17">
        <v>16</v>
      </c>
    </row>
    <row r="124" spans="1:4" ht="18" customHeight="1" x14ac:dyDescent="0.2">
      <c r="A124" s="14">
        <v>98</v>
      </c>
      <c r="B124" s="15">
        <v>3</v>
      </c>
      <c r="C124" s="16">
        <v>9</v>
      </c>
      <c r="D124" s="17">
        <v>1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1</v>
      </c>
      <c r="C126" s="16">
        <v>45</v>
      </c>
      <c r="D126" s="17">
        <v>56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4</v>
      </c>
      <c r="D128" s="17">
        <v>5</v>
      </c>
    </row>
    <row r="129" spans="1:4" ht="18" customHeight="1" x14ac:dyDescent="0.2">
      <c r="A129" s="18" t="s">
        <v>71</v>
      </c>
      <c r="B129" s="15">
        <v>2</v>
      </c>
      <c r="C129" s="16">
        <v>5</v>
      </c>
      <c r="D129" s="17">
        <v>7</v>
      </c>
    </row>
    <row r="130" spans="1:4" ht="18" customHeight="1" x14ac:dyDescent="0.2">
      <c r="A130" s="18" t="s">
        <v>72</v>
      </c>
      <c r="B130" s="4">
        <v>1698</v>
      </c>
      <c r="C130" s="5">
        <v>2292</v>
      </c>
      <c r="D130" s="6">
        <v>3990</v>
      </c>
    </row>
    <row r="131" spans="1:4" ht="18" customHeight="1" x14ac:dyDescent="0.2">
      <c r="A131" s="20" t="s">
        <v>47</v>
      </c>
      <c r="B131" s="7">
        <v>6119</v>
      </c>
      <c r="C131" s="8">
        <v>6448</v>
      </c>
      <c r="D131" s="9">
        <v>1256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5</v>
      </c>
      <c r="D5" s="13">
        <v>10</v>
      </c>
    </row>
    <row r="6" spans="1:4" ht="18" customHeight="1" x14ac:dyDescent="0.2">
      <c r="A6" s="14">
        <v>1</v>
      </c>
      <c r="B6" s="15">
        <v>5</v>
      </c>
      <c r="C6" s="16">
        <v>4</v>
      </c>
      <c r="D6" s="17">
        <v>9</v>
      </c>
    </row>
    <row r="7" spans="1:4" ht="18" customHeight="1" x14ac:dyDescent="0.2">
      <c r="A7" s="14">
        <v>2</v>
      </c>
      <c r="B7" s="15">
        <v>3</v>
      </c>
      <c r="C7" s="16">
        <v>10</v>
      </c>
      <c r="D7" s="17">
        <v>13</v>
      </c>
    </row>
    <row r="8" spans="1:4" ht="18" customHeight="1" x14ac:dyDescent="0.2">
      <c r="A8" s="14">
        <v>3</v>
      </c>
      <c r="B8" s="15">
        <v>9</v>
      </c>
      <c r="C8" s="16">
        <v>8</v>
      </c>
      <c r="D8" s="17">
        <v>17</v>
      </c>
    </row>
    <row r="9" spans="1:4" ht="18" customHeight="1" x14ac:dyDescent="0.2">
      <c r="A9" s="14">
        <v>4</v>
      </c>
      <c r="B9" s="15">
        <v>11</v>
      </c>
      <c r="C9" s="16">
        <v>9</v>
      </c>
      <c r="D9" s="17">
        <v>20</v>
      </c>
    </row>
    <row r="10" spans="1:4" ht="18" customHeight="1" x14ac:dyDescent="0.2">
      <c r="A10" s="18" t="s">
        <v>74</v>
      </c>
      <c r="B10" s="15">
        <v>33</v>
      </c>
      <c r="C10" s="16">
        <v>36</v>
      </c>
      <c r="D10" s="17">
        <v>69</v>
      </c>
    </row>
    <row r="11" spans="1:4" ht="18" customHeight="1" x14ac:dyDescent="0.2">
      <c r="A11" s="14">
        <v>5</v>
      </c>
      <c r="B11" s="15">
        <v>6</v>
      </c>
      <c r="C11" s="16">
        <v>9</v>
      </c>
      <c r="D11" s="17">
        <v>15</v>
      </c>
    </row>
    <row r="12" spans="1:4" ht="18" customHeight="1" x14ac:dyDescent="0.2">
      <c r="A12" s="14">
        <v>6</v>
      </c>
      <c r="B12" s="15">
        <v>3</v>
      </c>
      <c r="C12" s="16">
        <v>13</v>
      </c>
      <c r="D12" s="17">
        <v>16</v>
      </c>
    </row>
    <row r="13" spans="1:4" ht="18" customHeight="1" x14ac:dyDescent="0.2">
      <c r="A13" s="14">
        <v>7</v>
      </c>
      <c r="B13" s="15">
        <v>17</v>
      </c>
      <c r="C13" s="16">
        <v>10</v>
      </c>
      <c r="D13" s="17">
        <v>27</v>
      </c>
    </row>
    <row r="14" spans="1:4" ht="18" customHeight="1" x14ac:dyDescent="0.2">
      <c r="A14" s="14">
        <v>8</v>
      </c>
      <c r="B14" s="15">
        <v>16</v>
      </c>
      <c r="C14" s="16">
        <v>8</v>
      </c>
      <c r="D14" s="17">
        <v>24</v>
      </c>
    </row>
    <row r="15" spans="1:4" ht="18" customHeight="1" x14ac:dyDescent="0.2">
      <c r="A15" s="14">
        <v>9</v>
      </c>
      <c r="B15" s="15">
        <v>15</v>
      </c>
      <c r="C15" s="16">
        <v>6</v>
      </c>
      <c r="D15" s="17">
        <v>21</v>
      </c>
    </row>
    <row r="16" spans="1:4" ht="18" customHeight="1" x14ac:dyDescent="0.2">
      <c r="A16" s="18" t="s">
        <v>75</v>
      </c>
      <c r="B16" s="15">
        <v>57</v>
      </c>
      <c r="C16" s="16">
        <v>46</v>
      </c>
      <c r="D16" s="17">
        <v>103</v>
      </c>
    </row>
    <row r="17" spans="1:4" ht="18" customHeight="1" x14ac:dyDescent="0.2">
      <c r="A17" s="14">
        <v>10</v>
      </c>
      <c r="B17" s="15">
        <v>15</v>
      </c>
      <c r="C17" s="16">
        <v>14</v>
      </c>
      <c r="D17" s="17">
        <v>29</v>
      </c>
    </row>
    <row r="18" spans="1:4" ht="18" customHeight="1" x14ac:dyDescent="0.2">
      <c r="A18" s="14">
        <v>11</v>
      </c>
      <c r="B18" s="15">
        <v>16</v>
      </c>
      <c r="C18" s="16">
        <v>14</v>
      </c>
      <c r="D18" s="17">
        <v>30</v>
      </c>
    </row>
    <row r="19" spans="1:4" ht="18" customHeight="1" x14ac:dyDescent="0.2">
      <c r="A19" s="14">
        <v>12</v>
      </c>
      <c r="B19" s="15">
        <v>15</v>
      </c>
      <c r="C19" s="16">
        <v>19</v>
      </c>
      <c r="D19" s="17">
        <v>34</v>
      </c>
    </row>
    <row r="20" spans="1:4" ht="18" customHeight="1" x14ac:dyDescent="0.2">
      <c r="A20" s="14">
        <v>13</v>
      </c>
      <c r="B20" s="15">
        <v>19</v>
      </c>
      <c r="C20" s="16">
        <v>20</v>
      </c>
      <c r="D20" s="17">
        <v>39</v>
      </c>
    </row>
    <row r="21" spans="1:4" ht="18" customHeight="1" x14ac:dyDescent="0.2">
      <c r="A21" s="14">
        <v>14</v>
      </c>
      <c r="B21" s="15">
        <v>15</v>
      </c>
      <c r="C21" s="16">
        <v>17</v>
      </c>
      <c r="D21" s="17">
        <v>32</v>
      </c>
    </row>
    <row r="22" spans="1:4" ht="18" customHeight="1" x14ac:dyDescent="0.2">
      <c r="A22" s="18" t="s">
        <v>76</v>
      </c>
      <c r="B22" s="15">
        <v>80</v>
      </c>
      <c r="C22" s="16">
        <v>84</v>
      </c>
      <c r="D22" s="17">
        <v>164</v>
      </c>
    </row>
    <row r="23" spans="1:4" ht="18" customHeight="1" x14ac:dyDescent="0.2">
      <c r="A23" s="18" t="s">
        <v>77</v>
      </c>
      <c r="B23" s="15">
        <v>170</v>
      </c>
      <c r="C23" s="16">
        <v>166</v>
      </c>
      <c r="D23" s="17">
        <v>336</v>
      </c>
    </row>
    <row r="24" spans="1:4" ht="18" customHeight="1" x14ac:dyDescent="0.2">
      <c r="A24" s="14">
        <v>15</v>
      </c>
      <c r="B24" s="15">
        <v>17</v>
      </c>
      <c r="C24" s="16">
        <v>16</v>
      </c>
      <c r="D24" s="17">
        <v>33</v>
      </c>
    </row>
    <row r="25" spans="1:4" ht="18" customHeight="1" x14ac:dyDescent="0.2">
      <c r="A25" s="14">
        <v>16</v>
      </c>
      <c r="B25" s="15">
        <v>13</v>
      </c>
      <c r="C25" s="16">
        <v>17</v>
      </c>
      <c r="D25" s="17">
        <v>30</v>
      </c>
    </row>
    <row r="26" spans="1:4" ht="18" customHeight="1" x14ac:dyDescent="0.2">
      <c r="A26" s="14">
        <v>17</v>
      </c>
      <c r="B26" s="15">
        <v>18</v>
      </c>
      <c r="C26" s="16">
        <v>8</v>
      </c>
      <c r="D26" s="17">
        <v>26</v>
      </c>
    </row>
    <row r="27" spans="1:4" ht="18" customHeight="1" x14ac:dyDescent="0.2">
      <c r="A27" s="14">
        <v>18</v>
      </c>
      <c r="B27" s="15">
        <v>13</v>
      </c>
      <c r="C27" s="16">
        <v>12</v>
      </c>
      <c r="D27" s="17">
        <v>25</v>
      </c>
    </row>
    <row r="28" spans="1:4" ht="18" customHeight="1" x14ac:dyDescent="0.2">
      <c r="A28" s="14">
        <v>19</v>
      </c>
      <c r="B28" s="15">
        <v>7</v>
      </c>
      <c r="C28" s="16">
        <v>13</v>
      </c>
      <c r="D28" s="17">
        <v>20</v>
      </c>
    </row>
    <row r="29" spans="1:4" ht="18" customHeight="1" x14ac:dyDescent="0.2">
      <c r="A29" s="18" t="s">
        <v>78</v>
      </c>
      <c r="B29" s="15">
        <v>68</v>
      </c>
      <c r="C29" s="16">
        <v>66</v>
      </c>
      <c r="D29" s="17">
        <v>134</v>
      </c>
    </row>
    <row r="30" spans="1:4" ht="18" customHeight="1" x14ac:dyDescent="0.2">
      <c r="A30" s="14">
        <v>20</v>
      </c>
      <c r="B30" s="15">
        <v>15</v>
      </c>
      <c r="C30" s="16">
        <v>15</v>
      </c>
      <c r="D30" s="17">
        <v>30</v>
      </c>
    </row>
    <row r="31" spans="1:4" ht="18" customHeight="1" x14ac:dyDescent="0.2">
      <c r="A31" s="14">
        <v>21</v>
      </c>
      <c r="B31" s="15">
        <v>9</v>
      </c>
      <c r="C31" s="16">
        <v>14</v>
      </c>
      <c r="D31" s="17">
        <v>23</v>
      </c>
    </row>
    <row r="32" spans="1:4" ht="18" customHeight="1" x14ac:dyDescent="0.2">
      <c r="A32" s="14">
        <v>22</v>
      </c>
      <c r="B32" s="15">
        <v>16</v>
      </c>
      <c r="C32" s="16">
        <v>8</v>
      </c>
      <c r="D32" s="17">
        <v>24</v>
      </c>
    </row>
    <row r="33" spans="1:4" ht="18" customHeight="1" x14ac:dyDescent="0.2">
      <c r="A33" s="14">
        <v>23</v>
      </c>
      <c r="B33" s="15">
        <v>18</v>
      </c>
      <c r="C33" s="16">
        <v>8</v>
      </c>
      <c r="D33" s="17">
        <v>26</v>
      </c>
    </row>
    <row r="34" spans="1:4" ht="18" customHeight="1" x14ac:dyDescent="0.2">
      <c r="A34" s="14">
        <v>24</v>
      </c>
      <c r="B34" s="15">
        <v>13</v>
      </c>
      <c r="C34" s="16">
        <v>13</v>
      </c>
      <c r="D34" s="17">
        <v>26</v>
      </c>
    </row>
    <row r="35" spans="1:4" ht="18" customHeight="1" x14ac:dyDescent="0.2">
      <c r="A35" s="18" t="s">
        <v>79</v>
      </c>
      <c r="B35" s="15">
        <v>71</v>
      </c>
      <c r="C35" s="16">
        <v>58</v>
      </c>
      <c r="D35" s="17">
        <v>129</v>
      </c>
    </row>
    <row r="36" spans="1:4" ht="18" customHeight="1" x14ac:dyDescent="0.2">
      <c r="A36" s="14">
        <v>25</v>
      </c>
      <c r="B36" s="15">
        <v>16</v>
      </c>
      <c r="C36" s="16">
        <v>9</v>
      </c>
      <c r="D36" s="17">
        <v>25</v>
      </c>
    </row>
    <row r="37" spans="1:4" ht="18" customHeight="1" x14ac:dyDescent="0.2">
      <c r="A37" s="14">
        <v>26</v>
      </c>
      <c r="B37" s="15">
        <v>21</v>
      </c>
      <c r="C37" s="16">
        <v>6</v>
      </c>
      <c r="D37" s="17">
        <v>27</v>
      </c>
    </row>
    <row r="38" spans="1:4" ht="18" customHeight="1" x14ac:dyDescent="0.2">
      <c r="A38" s="14">
        <v>27</v>
      </c>
      <c r="B38" s="15">
        <v>12</v>
      </c>
      <c r="C38" s="16">
        <v>4</v>
      </c>
      <c r="D38" s="17">
        <v>16</v>
      </c>
    </row>
    <row r="39" spans="1:4" ht="18" customHeight="1" x14ac:dyDescent="0.2">
      <c r="A39" s="14">
        <v>28</v>
      </c>
      <c r="B39" s="15">
        <v>8</v>
      </c>
      <c r="C39" s="16">
        <v>12</v>
      </c>
      <c r="D39" s="17">
        <v>20</v>
      </c>
    </row>
    <row r="40" spans="1:4" ht="18" customHeight="1" x14ac:dyDescent="0.2">
      <c r="A40" s="14">
        <v>29</v>
      </c>
      <c r="B40" s="15">
        <v>9</v>
      </c>
      <c r="C40" s="16">
        <v>3</v>
      </c>
      <c r="D40" s="17">
        <v>12</v>
      </c>
    </row>
    <row r="41" spans="1:4" ht="18" customHeight="1" x14ac:dyDescent="0.2">
      <c r="A41" s="18" t="s">
        <v>80</v>
      </c>
      <c r="B41" s="15">
        <v>66</v>
      </c>
      <c r="C41" s="16">
        <v>34</v>
      </c>
      <c r="D41" s="17">
        <v>100</v>
      </c>
    </row>
    <row r="42" spans="1:4" ht="18" customHeight="1" x14ac:dyDescent="0.2">
      <c r="A42" s="14">
        <v>30</v>
      </c>
      <c r="B42" s="15">
        <v>6</v>
      </c>
      <c r="C42" s="16">
        <v>12</v>
      </c>
      <c r="D42" s="17">
        <v>18</v>
      </c>
    </row>
    <row r="43" spans="1:4" ht="18" customHeight="1" x14ac:dyDescent="0.2">
      <c r="A43" s="14">
        <v>31</v>
      </c>
      <c r="B43" s="15">
        <v>7</v>
      </c>
      <c r="C43" s="16">
        <v>5</v>
      </c>
      <c r="D43" s="17">
        <v>12</v>
      </c>
    </row>
    <row r="44" spans="1:4" ht="18" customHeight="1" x14ac:dyDescent="0.2">
      <c r="A44" s="14">
        <v>32</v>
      </c>
      <c r="B44" s="15">
        <v>13</v>
      </c>
      <c r="C44" s="16">
        <v>11</v>
      </c>
      <c r="D44" s="17">
        <v>24</v>
      </c>
    </row>
    <row r="45" spans="1:4" ht="18" customHeight="1" x14ac:dyDescent="0.2">
      <c r="A45" s="14">
        <v>33</v>
      </c>
      <c r="B45" s="15">
        <v>9</v>
      </c>
      <c r="C45" s="16">
        <v>11</v>
      </c>
      <c r="D45" s="17">
        <v>20</v>
      </c>
    </row>
    <row r="46" spans="1:4" ht="18" customHeight="1" x14ac:dyDescent="0.2">
      <c r="A46" s="14">
        <v>34</v>
      </c>
      <c r="B46" s="15">
        <v>13</v>
      </c>
      <c r="C46" s="16">
        <v>13</v>
      </c>
      <c r="D46" s="17">
        <v>26</v>
      </c>
    </row>
    <row r="47" spans="1:4" ht="18" customHeight="1" x14ac:dyDescent="0.2">
      <c r="A47" s="18" t="s">
        <v>81</v>
      </c>
      <c r="B47" s="15">
        <v>48</v>
      </c>
      <c r="C47" s="16">
        <v>52</v>
      </c>
      <c r="D47" s="17">
        <v>100</v>
      </c>
    </row>
    <row r="48" spans="1:4" ht="18" customHeight="1" x14ac:dyDescent="0.2">
      <c r="A48" s="14">
        <v>35</v>
      </c>
      <c r="B48" s="15">
        <v>14</v>
      </c>
      <c r="C48" s="16">
        <v>7</v>
      </c>
      <c r="D48" s="17">
        <v>21</v>
      </c>
    </row>
    <row r="49" spans="1:4" ht="18" customHeight="1" x14ac:dyDescent="0.2">
      <c r="A49" s="14">
        <v>36</v>
      </c>
      <c r="B49" s="15">
        <v>25</v>
      </c>
      <c r="C49" s="16">
        <v>15</v>
      </c>
      <c r="D49" s="17">
        <v>40</v>
      </c>
    </row>
    <row r="50" spans="1:4" ht="18" customHeight="1" x14ac:dyDescent="0.2">
      <c r="A50" s="14">
        <v>37</v>
      </c>
      <c r="B50" s="15">
        <v>13</v>
      </c>
      <c r="C50" s="16">
        <v>18</v>
      </c>
      <c r="D50" s="17">
        <v>31</v>
      </c>
    </row>
    <row r="51" spans="1:4" ht="18" customHeight="1" x14ac:dyDescent="0.2">
      <c r="A51" s="14">
        <v>38</v>
      </c>
      <c r="B51" s="15">
        <v>15</v>
      </c>
      <c r="C51" s="16">
        <v>14</v>
      </c>
      <c r="D51" s="17">
        <v>29</v>
      </c>
    </row>
    <row r="52" spans="1:4" ht="18" customHeight="1" x14ac:dyDescent="0.2">
      <c r="A52" s="14">
        <v>39</v>
      </c>
      <c r="B52" s="15">
        <v>19</v>
      </c>
      <c r="C52" s="16">
        <v>14</v>
      </c>
      <c r="D52" s="17">
        <v>33</v>
      </c>
    </row>
    <row r="53" spans="1:4" ht="18" customHeight="1" x14ac:dyDescent="0.2">
      <c r="A53" s="18" t="s">
        <v>82</v>
      </c>
      <c r="B53" s="15">
        <v>86</v>
      </c>
      <c r="C53" s="16">
        <v>68</v>
      </c>
      <c r="D53" s="17">
        <v>154</v>
      </c>
    </row>
    <row r="54" spans="1:4" ht="18" customHeight="1" x14ac:dyDescent="0.2">
      <c r="A54" s="14">
        <v>40</v>
      </c>
      <c r="B54" s="15">
        <v>20</v>
      </c>
      <c r="C54" s="16">
        <v>15</v>
      </c>
      <c r="D54" s="17">
        <v>35</v>
      </c>
    </row>
    <row r="55" spans="1:4" ht="18" customHeight="1" x14ac:dyDescent="0.2">
      <c r="A55" s="14">
        <v>41</v>
      </c>
      <c r="B55" s="15">
        <v>24</v>
      </c>
      <c r="C55" s="16">
        <v>14</v>
      </c>
      <c r="D55" s="17">
        <v>38</v>
      </c>
    </row>
    <row r="56" spans="1:4" ht="18" customHeight="1" x14ac:dyDescent="0.2">
      <c r="A56" s="14">
        <v>42</v>
      </c>
      <c r="B56" s="15">
        <v>18</v>
      </c>
      <c r="C56" s="16">
        <v>20</v>
      </c>
      <c r="D56" s="17">
        <v>38</v>
      </c>
    </row>
    <row r="57" spans="1:4" ht="18" customHeight="1" x14ac:dyDescent="0.2">
      <c r="A57" s="14">
        <v>43</v>
      </c>
      <c r="B57" s="15">
        <v>21</v>
      </c>
      <c r="C57" s="16">
        <v>30</v>
      </c>
      <c r="D57" s="17">
        <v>51</v>
      </c>
    </row>
    <row r="58" spans="1:4" ht="18" customHeight="1" x14ac:dyDescent="0.2">
      <c r="A58" s="14">
        <v>44</v>
      </c>
      <c r="B58" s="15">
        <v>21</v>
      </c>
      <c r="C58" s="16">
        <v>24</v>
      </c>
      <c r="D58" s="17">
        <v>45</v>
      </c>
    </row>
    <row r="59" spans="1:4" ht="18" customHeight="1" x14ac:dyDescent="0.2">
      <c r="A59" s="18" t="s">
        <v>83</v>
      </c>
      <c r="B59" s="15">
        <v>104</v>
      </c>
      <c r="C59" s="16">
        <v>103</v>
      </c>
      <c r="D59" s="17">
        <v>207</v>
      </c>
    </row>
    <row r="60" spans="1:4" ht="18" customHeight="1" x14ac:dyDescent="0.2">
      <c r="A60" s="14">
        <v>45</v>
      </c>
      <c r="B60" s="15">
        <v>21</v>
      </c>
      <c r="C60" s="16">
        <v>24</v>
      </c>
      <c r="D60" s="17">
        <v>45</v>
      </c>
    </row>
    <row r="61" spans="1:4" ht="18" customHeight="1" x14ac:dyDescent="0.2">
      <c r="A61" s="14">
        <v>46</v>
      </c>
      <c r="B61" s="15">
        <v>23</v>
      </c>
      <c r="C61" s="16">
        <v>27</v>
      </c>
      <c r="D61" s="17">
        <v>50</v>
      </c>
    </row>
    <row r="62" spans="1:4" ht="18" customHeight="1" x14ac:dyDescent="0.2">
      <c r="A62" s="14">
        <v>47</v>
      </c>
      <c r="B62" s="15">
        <v>20</v>
      </c>
      <c r="C62" s="16">
        <v>22</v>
      </c>
      <c r="D62" s="17">
        <v>42</v>
      </c>
    </row>
    <row r="63" spans="1:4" ht="18" customHeight="1" x14ac:dyDescent="0.2">
      <c r="A63" s="14">
        <v>48</v>
      </c>
      <c r="B63" s="15">
        <v>22</v>
      </c>
      <c r="C63" s="16">
        <v>27</v>
      </c>
      <c r="D63" s="17">
        <v>49</v>
      </c>
    </row>
    <row r="64" spans="1:4" ht="18" customHeight="1" x14ac:dyDescent="0.2">
      <c r="A64" s="14">
        <v>49</v>
      </c>
      <c r="B64" s="15">
        <v>26</v>
      </c>
      <c r="C64" s="16">
        <v>23</v>
      </c>
      <c r="D64" s="17">
        <v>49</v>
      </c>
    </row>
    <row r="65" spans="1:4" ht="18" customHeight="1" x14ac:dyDescent="0.2">
      <c r="A65" s="18" t="s">
        <v>84</v>
      </c>
      <c r="B65" s="15">
        <v>112</v>
      </c>
      <c r="C65" s="16">
        <v>123</v>
      </c>
      <c r="D65" s="17">
        <v>235</v>
      </c>
    </row>
    <row r="66" spans="1:4" ht="18" customHeight="1" x14ac:dyDescent="0.2">
      <c r="A66" s="14">
        <v>50</v>
      </c>
      <c r="B66" s="15">
        <v>26</v>
      </c>
      <c r="C66" s="16">
        <v>16</v>
      </c>
      <c r="D66" s="17">
        <v>42</v>
      </c>
    </row>
    <row r="67" spans="1:4" ht="18" customHeight="1" x14ac:dyDescent="0.2">
      <c r="A67" s="14">
        <v>51</v>
      </c>
      <c r="B67" s="15">
        <v>24</v>
      </c>
      <c r="C67" s="16">
        <v>24</v>
      </c>
      <c r="D67" s="17">
        <v>48</v>
      </c>
    </row>
    <row r="68" spans="1:4" ht="18" customHeight="1" x14ac:dyDescent="0.2">
      <c r="A68" s="14">
        <v>52</v>
      </c>
      <c r="B68" s="15">
        <v>18</v>
      </c>
      <c r="C68" s="16">
        <v>20</v>
      </c>
      <c r="D68" s="17">
        <v>38</v>
      </c>
    </row>
    <row r="69" spans="1:4" ht="18" customHeight="1" x14ac:dyDescent="0.2">
      <c r="A69" s="14">
        <v>53</v>
      </c>
      <c r="B69" s="15">
        <v>18</v>
      </c>
      <c r="C69" s="16">
        <v>21</v>
      </c>
      <c r="D69" s="17">
        <v>39</v>
      </c>
    </row>
    <row r="70" spans="1:4" ht="18" customHeight="1" x14ac:dyDescent="0.2">
      <c r="A70" s="14">
        <v>54</v>
      </c>
      <c r="B70" s="15">
        <v>22</v>
      </c>
      <c r="C70" s="16">
        <v>18</v>
      </c>
      <c r="D70" s="17">
        <v>40</v>
      </c>
    </row>
    <row r="71" spans="1:4" ht="18" customHeight="1" x14ac:dyDescent="0.2">
      <c r="A71" s="18" t="s">
        <v>85</v>
      </c>
      <c r="B71" s="15">
        <v>108</v>
      </c>
      <c r="C71" s="16">
        <v>99</v>
      </c>
      <c r="D71" s="17">
        <v>207</v>
      </c>
    </row>
    <row r="72" spans="1:4" ht="18" customHeight="1" x14ac:dyDescent="0.2">
      <c r="A72" s="14">
        <v>55</v>
      </c>
      <c r="B72" s="15">
        <v>19</v>
      </c>
      <c r="C72" s="16">
        <v>28</v>
      </c>
      <c r="D72" s="17">
        <v>47</v>
      </c>
    </row>
    <row r="73" spans="1:4" ht="18" customHeight="1" x14ac:dyDescent="0.2">
      <c r="A73" s="14">
        <v>56</v>
      </c>
      <c r="B73" s="15">
        <v>22</v>
      </c>
      <c r="C73" s="16">
        <v>21</v>
      </c>
      <c r="D73" s="17">
        <v>43</v>
      </c>
    </row>
    <row r="74" spans="1:4" ht="18" customHeight="1" x14ac:dyDescent="0.2">
      <c r="A74" s="14">
        <v>57</v>
      </c>
      <c r="B74" s="15">
        <v>18</v>
      </c>
      <c r="C74" s="16">
        <v>22</v>
      </c>
      <c r="D74" s="17">
        <v>40</v>
      </c>
    </row>
    <row r="75" spans="1:4" ht="18" customHeight="1" x14ac:dyDescent="0.2">
      <c r="A75" s="14">
        <v>58</v>
      </c>
      <c r="B75" s="15">
        <v>15</v>
      </c>
      <c r="C75" s="16">
        <v>15</v>
      </c>
      <c r="D75" s="17">
        <v>30</v>
      </c>
    </row>
    <row r="76" spans="1:4" ht="18" customHeight="1" x14ac:dyDescent="0.2">
      <c r="A76" s="14">
        <v>59</v>
      </c>
      <c r="B76" s="15">
        <v>20</v>
      </c>
      <c r="C76" s="16">
        <v>18</v>
      </c>
      <c r="D76" s="17">
        <v>38</v>
      </c>
    </row>
    <row r="77" spans="1:4" ht="18" customHeight="1" x14ac:dyDescent="0.2">
      <c r="A77" s="18" t="s">
        <v>86</v>
      </c>
      <c r="B77" s="15">
        <v>94</v>
      </c>
      <c r="C77" s="16">
        <v>104</v>
      </c>
      <c r="D77" s="17">
        <v>198</v>
      </c>
    </row>
    <row r="78" spans="1:4" ht="18" customHeight="1" x14ac:dyDescent="0.2">
      <c r="A78" s="14">
        <v>60</v>
      </c>
      <c r="B78" s="15">
        <v>21</v>
      </c>
      <c r="C78" s="16">
        <v>19</v>
      </c>
      <c r="D78" s="17">
        <v>40</v>
      </c>
    </row>
    <row r="79" spans="1:4" ht="18" customHeight="1" x14ac:dyDescent="0.2">
      <c r="A79" s="14">
        <v>61</v>
      </c>
      <c r="B79" s="15">
        <v>15</v>
      </c>
      <c r="C79" s="16">
        <v>20</v>
      </c>
      <c r="D79" s="17">
        <v>35</v>
      </c>
    </row>
    <row r="80" spans="1:4" ht="18" customHeight="1" x14ac:dyDescent="0.2">
      <c r="A80" s="14">
        <v>62</v>
      </c>
      <c r="B80" s="15">
        <v>15</v>
      </c>
      <c r="C80" s="16">
        <v>13</v>
      </c>
      <c r="D80" s="17">
        <v>28</v>
      </c>
    </row>
    <row r="81" spans="1:4" ht="18" customHeight="1" x14ac:dyDescent="0.2">
      <c r="A81" s="14">
        <v>63</v>
      </c>
      <c r="B81" s="15">
        <v>19</v>
      </c>
      <c r="C81" s="16">
        <v>15</v>
      </c>
      <c r="D81" s="17">
        <v>34</v>
      </c>
    </row>
    <row r="82" spans="1:4" ht="18" customHeight="1" x14ac:dyDescent="0.2">
      <c r="A82" s="14">
        <v>64</v>
      </c>
      <c r="B82" s="15">
        <v>11</v>
      </c>
      <c r="C82" s="16">
        <v>17</v>
      </c>
      <c r="D82" s="17">
        <v>28</v>
      </c>
    </row>
    <row r="83" spans="1:4" ht="18" customHeight="1" x14ac:dyDescent="0.2">
      <c r="A83" s="18" t="s">
        <v>87</v>
      </c>
      <c r="B83" s="15">
        <v>81</v>
      </c>
      <c r="C83" s="16">
        <v>84</v>
      </c>
      <c r="D83" s="17">
        <v>165</v>
      </c>
    </row>
    <row r="84" spans="1:4" ht="18" customHeight="1" x14ac:dyDescent="0.2">
      <c r="A84" s="18" t="s">
        <v>88</v>
      </c>
      <c r="B84" s="15">
        <v>838</v>
      </c>
      <c r="C84" s="16">
        <v>791</v>
      </c>
      <c r="D84" s="17">
        <v>1629</v>
      </c>
    </row>
    <row r="85" spans="1:4" ht="18" customHeight="1" x14ac:dyDescent="0.2">
      <c r="A85" s="14">
        <v>65</v>
      </c>
      <c r="B85" s="15">
        <v>16</v>
      </c>
      <c r="C85" s="16">
        <v>21</v>
      </c>
      <c r="D85" s="17">
        <v>37</v>
      </c>
    </row>
    <row r="86" spans="1:4" ht="18" customHeight="1" x14ac:dyDescent="0.2">
      <c r="A86" s="14">
        <v>66</v>
      </c>
      <c r="B86" s="15">
        <v>21</v>
      </c>
      <c r="C86" s="16">
        <v>21</v>
      </c>
      <c r="D86" s="17">
        <v>42</v>
      </c>
    </row>
    <row r="87" spans="1:4" ht="18" customHeight="1" x14ac:dyDescent="0.2">
      <c r="A87" s="14">
        <v>67</v>
      </c>
      <c r="B87" s="15">
        <v>21</v>
      </c>
      <c r="C87" s="16">
        <v>32</v>
      </c>
      <c r="D87" s="17">
        <v>53</v>
      </c>
    </row>
    <row r="88" spans="1:4" ht="18" customHeight="1" x14ac:dyDescent="0.2">
      <c r="A88" s="14">
        <v>68</v>
      </c>
      <c r="B88" s="15">
        <v>19</v>
      </c>
      <c r="C88" s="16">
        <v>29</v>
      </c>
      <c r="D88" s="17">
        <v>48</v>
      </c>
    </row>
    <row r="89" spans="1:4" ht="18" customHeight="1" x14ac:dyDescent="0.2">
      <c r="A89" s="14">
        <v>69</v>
      </c>
      <c r="B89" s="15">
        <v>19</v>
      </c>
      <c r="C89" s="16">
        <v>23</v>
      </c>
      <c r="D89" s="17">
        <v>42</v>
      </c>
    </row>
    <row r="90" spans="1:4" ht="18" customHeight="1" x14ac:dyDescent="0.2">
      <c r="A90" s="18" t="s">
        <v>89</v>
      </c>
      <c r="B90" s="15">
        <v>96</v>
      </c>
      <c r="C90" s="16">
        <v>126</v>
      </c>
      <c r="D90" s="17">
        <v>222</v>
      </c>
    </row>
    <row r="91" spans="1:4" ht="18" customHeight="1" x14ac:dyDescent="0.2">
      <c r="A91" s="14">
        <v>70</v>
      </c>
      <c r="B91" s="15">
        <v>18</v>
      </c>
      <c r="C91" s="16">
        <v>25</v>
      </c>
      <c r="D91" s="17">
        <v>43</v>
      </c>
    </row>
    <row r="92" spans="1:4" ht="18" customHeight="1" x14ac:dyDescent="0.2">
      <c r="A92" s="14">
        <v>71</v>
      </c>
      <c r="B92" s="15">
        <v>29</v>
      </c>
      <c r="C92" s="16">
        <v>32</v>
      </c>
      <c r="D92" s="17">
        <v>61</v>
      </c>
    </row>
    <row r="93" spans="1:4" ht="18" customHeight="1" x14ac:dyDescent="0.2">
      <c r="A93" s="14">
        <v>72</v>
      </c>
      <c r="B93" s="15">
        <v>17</v>
      </c>
      <c r="C93" s="16">
        <v>34</v>
      </c>
      <c r="D93" s="17">
        <v>51</v>
      </c>
    </row>
    <row r="94" spans="1:4" ht="18" customHeight="1" x14ac:dyDescent="0.2">
      <c r="A94" s="14">
        <v>73</v>
      </c>
      <c r="B94" s="15">
        <v>20</v>
      </c>
      <c r="C94" s="16">
        <v>29</v>
      </c>
      <c r="D94" s="17">
        <v>49</v>
      </c>
    </row>
    <row r="95" spans="1:4" ht="18" customHeight="1" x14ac:dyDescent="0.2">
      <c r="A95" s="14">
        <v>74</v>
      </c>
      <c r="B95" s="15">
        <v>18</v>
      </c>
      <c r="C95" s="16">
        <v>11</v>
      </c>
      <c r="D95" s="17">
        <v>29</v>
      </c>
    </row>
    <row r="96" spans="1:4" ht="18" customHeight="1" x14ac:dyDescent="0.2">
      <c r="A96" s="18" t="s">
        <v>90</v>
      </c>
      <c r="B96" s="15">
        <v>102</v>
      </c>
      <c r="C96" s="16">
        <v>131</v>
      </c>
      <c r="D96" s="17">
        <v>233</v>
      </c>
    </row>
    <row r="97" spans="1:4" ht="18" customHeight="1" x14ac:dyDescent="0.2">
      <c r="A97" s="14">
        <v>75</v>
      </c>
      <c r="B97" s="15">
        <v>16</v>
      </c>
      <c r="C97" s="16">
        <v>11</v>
      </c>
      <c r="D97" s="17">
        <v>27</v>
      </c>
    </row>
    <row r="98" spans="1:4" ht="18" customHeight="1" x14ac:dyDescent="0.2">
      <c r="A98" s="14">
        <v>76</v>
      </c>
      <c r="B98" s="15">
        <v>19</v>
      </c>
      <c r="C98" s="16">
        <v>24</v>
      </c>
      <c r="D98" s="17">
        <v>43</v>
      </c>
    </row>
    <row r="99" spans="1:4" ht="18" customHeight="1" x14ac:dyDescent="0.2">
      <c r="A99" s="14">
        <v>77</v>
      </c>
      <c r="B99" s="15">
        <v>13</v>
      </c>
      <c r="C99" s="16">
        <v>20</v>
      </c>
      <c r="D99" s="17">
        <v>33</v>
      </c>
    </row>
    <row r="100" spans="1:4" ht="18" customHeight="1" x14ac:dyDescent="0.2">
      <c r="A100" s="14">
        <v>78</v>
      </c>
      <c r="B100" s="15">
        <v>16</v>
      </c>
      <c r="C100" s="16">
        <v>13</v>
      </c>
      <c r="D100" s="17">
        <v>29</v>
      </c>
    </row>
    <row r="101" spans="1:4" ht="18" customHeight="1" x14ac:dyDescent="0.2">
      <c r="A101" s="14">
        <v>79</v>
      </c>
      <c r="B101" s="15">
        <v>11</v>
      </c>
      <c r="C101" s="16">
        <v>13</v>
      </c>
      <c r="D101" s="17">
        <v>24</v>
      </c>
    </row>
    <row r="102" spans="1:4" ht="18" customHeight="1" x14ac:dyDescent="0.2">
      <c r="A102" s="18" t="s">
        <v>91</v>
      </c>
      <c r="B102" s="15">
        <v>75</v>
      </c>
      <c r="C102" s="16">
        <v>81</v>
      </c>
      <c r="D102" s="17">
        <v>156</v>
      </c>
    </row>
    <row r="103" spans="1:4" ht="18" customHeight="1" x14ac:dyDescent="0.2">
      <c r="A103" s="14">
        <v>80</v>
      </c>
      <c r="B103" s="15">
        <v>9</v>
      </c>
      <c r="C103" s="16">
        <v>20</v>
      </c>
      <c r="D103" s="17">
        <v>29</v>
      </c>
    </row>
    <row r="104" spans="1:4" ht="18" customHeight="1" x14ac:dyDescent="0.2">
      <c r="A104" s="14">
        <v>81</v>
      </c>
      <c r="B104" s="15">
        <v>5</v>
      </c>
      <c r="C104" s="16">
        <v>14</v>
      </c>
      <c r="D104" s="17">
        <v>19</v>
      </c>
    </row>
    <row r="105" spans="1:4" ht="18" customHeight="1" x14ac:dyDescent="0.2">
      <c r="A105" s="14">
        <v>82</v>
      </c>
      <c r="B105" s="15">
        <v>9</v>
      </c>
      <c r="C105" s="16">
        <v>16</v>
      </c>
      <c r="D105" s="17">
        <v>25</v>
      </c>
    </row>
    <row r="106" spans="1:4" ht="18" customHeight="1" x14ac:dyDescent="0.2">
      <c r="A106" s="14">
        <v>83</v>
      </c>
      <c r="B106" s="15">
        <v>9</v>
      </c>
      <c r="C106" s="16">
        <v>20</v>
      </c>
      <c r="D106" s="17">
        <v>29</v>
      </c>
    </row>
    <row r="107" spans="1:4" ht="18" customHeight="1" x14ac:dyDescent="0.2">
      <c r="A107" s="14">
        <v>84</v>
      </c>
      <c r="B107" s="15">
        <v>15</v>
      </c>
      <c r="C107" s="16">
        <v>15</v>
      </c>
      <c r="D107" s="17">
        <v>30</v>
      </c>
    </row>
    <row r="108" spans="1:4" ht="18" customHeight="1" x14ac:dyDescent="0.2">
      <c r="A108" s="18" t="s">
        <v>92</v>
      </c>
      <c r="B108" s="15">
        <v>47</v>
      </c>
      <c r="C108" s="16">
        <v>85</v>
      </c>
      <c r="D108" s="17">
        <v>132</v>
      </c>
    </row>
    <row r="109" spans="1:4" ht="18" customHeight="1" x14ac:dyDescent="0.2">
      <c r="A109" s="14">
        <v>85</v>
      </c>
      <c r="B109" s="15">
        <v>6</v>
      </c>
      <c r="C109" s="16">
        <v>18</v>
      </c>
      <c r="D109" s="17">
        <v>24</v>
      </c>
    </row>
    <row r="110" spans="1:4" ht="18" customHeight="1" x14ac:dyDescent="0.2">
      <c r="A110" s="14">
        <v>86</v>
      </c>
      <c r="B110" s="15">
        <v>8</v>
      </c>
      <c r="C110" s="16">
        <v>18</v>
      </c>
      <c r="D110" s="17">
        <v>26</v>
      </c>
    </row>
    <row r="111" spans="1:4" ht="18" customHeight="1" x14ac:dyDescent="0.2">
      <c r="A111" s="14">
        <v>87</v>
      </c>
      <c r="B111" s="15">
        <v>9</v>
      </c>
      <c r="C111" s="16">
        <v>17</v>
      </c>
      <c r="D111" s="17">
        <v>26</v>
      </c>
    </row>
    <row r="112" spans="1:4" ht="18" customHeight="1" x14ac:dyDescent="0.2">
      <c r="A112" s="14">
        <v>88</v>
      </c>
      <c r="B112" s="15">
        <v>3</v>
      </c>
      <c r="C112" s="16">
        <v>17</v>
      </c>
      <c r="D112" s="17">
        <v>20</v>
      </c>
    </row>
    <row r="113" spans="1:4" ht="18" customHeight="1" x14ac:dyDescent="0.2">
      <c r="A113" s="14">
        <v>89</v>
      </c>
      <c r="B113" s="15">
        <v>3</v>
      </c>
      <c r="C113" s="16">
        <v>11</v>
      </c>
      <c r="D113" s="17">
        <v>14</v>
      </c>
    </row>
    <row r="114" spans="1:4" ht="18" customHeight="1" x14ac:dyDescent="0.2">
      <c r="A114" s="18" t="s">
        <v>93</v>
      </c>
      <c r="B114" s="15">
        <v>29</v>
      </c>
      <c r="C114" s="16">
        <v>81</v>
      </c>
      <c r="D114" s="17">
        <v>110</v>
      </c>
    </row>
    <row r="115" spans="1:4" ht="18" customHeight="1" x14ac:dyDescent="0.2">
      <c r="A115" s="14">
        <v>90</v>
      </c>
      <c r="B115" s="15">
        <v>6</v>
      </c>
      <c r="C115" s="16">
        <v>12</v>
      </c>
      <c r="D115" s="17">
        <v>18</v>
      </c>
    </row>
    <row r="116" spans="1:4" ht="18" customHeight="1" x14ac:dyDescent="0.2">
      <c r="A116" s="14">
        <v>91</v>
      </c>
      <c r="B116" s="15">
        <v>2</v>
      </c>
      <c r="C116" s="16">
        <v>10</v>
      </c>
      <c r="D116" s="17">
        <v>12</v>
      </c>
    </row>
    <row r="117" spans="1:4" ht="18" customHeight="1" x14ac:dyDescent="0.2">
      <c r="A117" s="14">
        <v>92</v>
      </c>
      <c r="B117" s="15">
        <v>5</v>
      </c>
      <c r="C117" s="16">
        <v>7</v>
      </c>
      <c r="D117" s="17">
        <v>12</v>
      </c>
    </row>
    <row r="118" spans="1:4" ht="18" customHeight="1" x14ac:dyDescent="0.2">
      <c r="A118" s="14">
        <v>93</v>
      </c>
      <c r="B118" s="15">
        <v>4</v>
      </c>
      <c r="C118" s="16">
        <v>11</v>
      </c>
      <c r="D118" s="17">
        <v>15</v>
      </c>
    </row>
    <row r="119" spans="1:4" ht="18" customHeight="1" x14ac:dyDescent="0.2">
      <c r="A119" s="14">
        <v>94</v>
      </c>
      <c r="B119" s="15">
        <v>0</v>
      </c>
      <c r="C119" s="16">
        <v>9</v>
      </c>
      <c r="D119" s="17">
        <v>9</v>
      </c>
    </row>
    <row r="120" spans="1:4" ht="18" customHeight="1" x14ac:dyDescent="0.2">
      <c r="A120" s="18" t="s">
        <v>94</v>
      </c>
      <c r="B120" s="15">
        <v>17</v>
      </c>
      <c r="C120" s="16">
        <v>49</v>
      </c>
      <c r="D120" s="17">
        <v>66</v>
      </c>
    </row>
    <row r="121" spans="1:4" ht="18" customHeight="1" x14ac:dyDescent="0.2">
      <c r="A121" s="14">
        <v>95</v>
      </c>
      <c r="B121" s="15">
        <v>2</v>
      </c>
      <c r="C121" s="16">
        <v>1</v>
      </c>
      <c r="D121" s="17">
        <v>3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95</v>
      </c>
      <c r="B126" s="15">
        <v>7</v>
      </c>
      <c r="C126" s="16">
        <v>12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96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97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8</v>
      </c>
      <c r="B130" s="4">
        <v>373</v>
      </c>
      <c r="C130" s="5">
        <v>568</v>
      </c>
      <c r="D130" s="6">
        <v>941</v>
      </c>
    </row>
    <row r="131" spans="1:4" ht="18" customHeight="1" x14ac:dyDescent="0.2">
      <c r="A131" s="20" t="s">
        <v>47</v>
      </c>
      <c r="B131" s="7">
        <v>1381</v>
      </c>
      <c r="C131" s="8">
        <v>1525</v>
      </c>
      <c r="D131" s="9">
        <v>290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16</v>
      </c>
      <c r="D5" s="13">
        <v>24</v>
      </c>
    </row>
    <row r="6" spans="1:4" ht="18" customHeight="1" x14ac:dyDescent="0.2">
      <c r="A6" s="14">
        <v>1</v>
      </c>
      <c r="B6" s="15">
        <v>16</v>
      </c>
      <c r="C6" s="16">
        <v>14</v>
      </c>
      <c r="D6" s="17">
        <v>30</v>
      </c>
    </row>
    <row r="7" spans="1:4" ht="18" customHeight="1" x14ac:dyDescent="0.2">
      <c r="A7" s="14">
        <v>2</v>
      </c>
      <c r="B7" s="15">
        <v>16</v>
      </c>
      <c r="C7" s="16">
        <v>13</v>
      </c>
      <c r="D7" s="17">
        <v>29</v>
      </c>
    </row>
    <row r="8" spans="1:4" ht="18" customHeight="1" x14ac:dyDescent="0.2">
      <c r="A8" s="14">
        <v>3</v>
      </c>
      <c r="B8" s="15">
        <v>16</v>
      </c>
      <c r="C8" s="16">
        <v>12</v>
      </c>
      <c r="D8" s="17">
        <v>28</v>
      </c>
    </row>
    <row r="9" spans="1:4" ht="18" customHeight="1" x14ac:dyDescent="0.2">
      <c r="A9" s="14">
        <v>4</v>
      </c>
      <c r="B9" s="15">
        <v>11</v>
      </c>
      <c r="C9" s="16">
        <v>11</v>
      </c>
      <c r="D9" s="17">
        <v>22</v>
      </c>
    </row>
    <row r="10" spans="1:4" ht="18" customHeight="1" x14ac:dyDescent="0.2">
      <c r="A10" s="18" t="s">
        <v>48</v>
      </c>
      <c r="B10" s="15">
        <v>67</v>
      </c>
      <c r="C10" s="16">
        <v>66</v>
      </c>
      <c r="D10" s="17">
        <v>133</v>
      </c>
    </row>
    <row r="11" spans="1:4" ht="18" customHeight="1" x14ac:dyDescent="0.2">
      <c r="A11" s="14">
        <v>5</v>
      </c>
      <c r="B11" s="15">
        <v>11</v>
      </c>
      <c r="C11" s="16">
        <v>11</v>
      </c>
      <c r="D11" s="17">
        <v>22</v>
      </c>
    </row>
    <row r="12" spans="1:4" ht="18" customHeight="1" x14ac:dyDescent="0.2">
      <c r="A12" s="14">
        <v>6</v>
      </c>
      <c r="B12" s="15">
        <v>13</v>
      </c>
      <c r="C12" s="16">
        <v>15</v>
      </c>
      <c r="D12" s="17">
        <v>28</v>
      </c>
    </row>
    <row r="13" spans="1:4" ht="18" customHeight="1" x14ac:dyDescent="0.2">
      <c r="A13" s="14">
        <v>7</v>
      </c>
      <c r="B13" s="15">
        <v>22</v>
      </c>
      <c r="C13" s="16">
        <v>16</v>
      </c>
      <c r="D13" s="17">
        <v>38</v>
      </c>
    </row>
    <row r="14" spans="1:4" ht="18" customHeight="1" x14ac:dyDescent="0.2">
      <c r="A14" s="14">
        <v>8</v>
      </c>
      <c r="B14" s="15">
        <v>12</v>
      </c>
      <c r="C14" s="16">
        <v>13</v>
      </c>
      <c r="D14" s="17">
        <v>25</v>
      </c>
    </row>
    <row r="15" spans="1:4" ht="18" customHeight="1" x14ac:dyDescent="0.2">
      <c r="A15" s="14">
        <v>9</v>
      </c>
      <c r="B15" s="15">
        <v>14</v>
      </c>
      <c r="C15" s="16">
        <v>15</v>
      </c>
      <c r="D15" s="17">
        <v>29</v>
      </c>
    </row>
    <row r="16" spans="1:4" ht="18" customHeight="1" x14ac:dyDescent="0.2">
      <c r="A16" s="18" t="s">
        <v>49</v>
      </c>
      <c r="B16" s="15">
        <v>72</v>
      </c>
      <c r="C16" s="16">
        <v>70</v>
      </c>
      <c r="D16" s="17">
        <v>142</v>
      </c>
    </row>
    <row r="17" spans="1:4" ht="18" customHeight="1" x14ac:dyDescent="0.2">
      <c r="A17" s="14">
        <v>10</v>
      </c>
      <c r="B17" s="15">
        <v>12</v>
      </c>
      <c r="C17" s="16">
        <v>13</v>
      </c>
      <c r="D17" s="17">
        <v>25</v>
      </c>
    </row>
    <row r="18" spans="1:4" ht="18" customHeight="1" x14ac:dyDescent="0.2">
      <c r="A18" s="14">
        <v>11</v>
      </c>
      <c r="B18" s="15">
        <v>17</v>
      </c>
      <c r="C18" s="16">
        <v>10</v>
      </c>
      <c r="D18" s="17">
        <v>27</v>
      </c>
    </row>
    <row r="19" spans="1:4" ht="18" customHeight="1" x14ac:dyDescent="0.2">
      <c r="A19" s="14">
        <v>12</v>
      </c>
      <c r="B19" s="15">
        <v>9</v>
      </c>
      <c r="C19" s="16">
        <v>16</v>
      </c>
      <c r="D19" s="17">
        <v>25</v>
      </c>
    </row>
    <row r="20" spans="1:4" ht="18" customHeight="1" x14ac:dyDescent="0.2">
      <c r="A20" s="14">
        <v>13</v>
      </c>
      <c r="B20" s="15">
        <v>16</v>
      </c>
      <c r="C20" s="16">
        <v>21</v>
      </c>
      <c r="D20" s="17">
        <v>37</v>
      </c>
    </row>
    <row r="21" spans="1:4" ht="18" customHeight="1" x14ac:dyDescent="0.2">
      <c r="A21" s="14">
        <v>14</v>
      </c>
      <c r="B21" s="15">
        <v>13</v>
      </c>
      <c r="C21" s="16">
        <v>10</v>
      </c>
      <c r="D21" s="17">
        <v>23</v>
      </c>
    </row>
    <row r="22" spans="1:4" ht="18" customHeight="1" x14ac:dyDescent="0.2">
      <c r="A22" s="18" t="s">
        <v>50</v>
      </c>
      <c r="B22" s="15">
        <v>67</v>
      </c>
      <c r="C22" s="16">
        <v>70</v>
      </c>
      <c r="D22" s="17">
        <v>137</v>
      </c>
    </row>
    <row r="23" spans="1:4" ht="18" customHeight="1" x14ac:dyDescent="0.2">
      <c r="A23" s="18" t="s">
        <v>51</v>
      </c>
      <c r="B23" s="15">
        <v>206</v>
      </c>
      <c r="C23" s="16">
        <v>206</v>
      </c>
      <c r="D23" s="17">
        <v>412</v>
      </c>
    </row>
    <row r="24" spans="1:4" ht="18" customHeight="1" x14ac:dyDescent="0.2">
      <c r="A24" s="14">
        <v>15</v>
      </c>
      <c r="B24" s="15">
        <v>12</v>
      </c>
      <c r="C24" s="16">
        <v>15</v>
      </c>
      <c r="D24" s="17">
        <v>27</v>
      </c>
    </row>
    <row r="25" spans="1:4" ht="18" customHeight="1" x14ac:dyDescent="0.2">
      <c r="A25" s="14">
        <v>16</v>
      </c>
      <c r="B25" s="15">
        <v>14</v>
      </c>
      <c r="C25" s="16">
        <v>18</v>
      </c>
      <c r="D25" s="17">
        <v>32</v>
      </c>
    </row>
    <row r="26" spans="1:4" ht="18" customHeight="1" x14ac:dyDescent="0.2">
      <c r="A26" s="14">
        <v>17</v>
      </c>
      <c r="B26" s="15">
        <v>17</v>
      </c>
      <c r="C26" s="16">
        <v>17</v>
      </c>
      <c r="D26" s="17">
        <v>34</v>
      </c>
    </row>
    <row r="27" spans="1:4" ht="18" customHeight="1" x14ac:dyDescent="0.2">
      <c r="A27" s="14">
        <v>18</v>
      </c>
      <c r="B27" s="15">
        <v>27</v>
      </c>
      <c r="C27" s="16">
        <v>12</v>
      </c>
      <c r="D27" s="17">
        <v>39</v>
      </c>
    </row>
    <row r="28" spans="1:4" ht="18" customHeight="1" x14ac:dyDescent="0.2">
      <c r="A28" s="14">
        <v>19</v>
      </c>
      <c r="B28" s="15">
        <v>16</v>
      </c>
      <c r="C28" s="16">
        <v>16</v>
      </c>
      <c r="D28" s="17">
        <v>32</v>
      </c>
    </row>
    <row r="29" spans="1:4" ht="18" customHeight="1" x14ac:dyDescent="0.2">
      <c r="A29" s="18" t="s">
        <v>52</v>
      </c>
      <c r="B29" s="15">
        <v>86</v>
      </c>
      <c r="C29" s="16">
        <v>78</v>
      </c>
      <c r="D29" s="17">
        <v>164</v>
      </c>
    </row>
    <row r="30" spans="1:4" ht="18" customHeight="1" x14ac:dyDescent="0.2">
      <c r="A30" s="14">
        <v>20</v>
      </c>
      <c r="B30" s="15">
        <v>24</v>
      </c>
      <c r="C30" s="16">
        <v>15</v>
      </c>
      <c r="D30" s="17">
        <v>39</v>
      </c>
    </row>
    <row r="31" spans="1:4" ht="18" customHeight="1" x14ac:dyDescent="0.2">
      <c r="A31" s="14">
        <v>21</v>
      </c>
      <c r="B31" s="15">
        <v>16</v>
      </c>
      <c r="C31" s="16">
        <v>29</v>
      </c>
      <c r="D31" s="17">
        <v>45</v>
      </c>
    </row>
    <row r="32" spans="1:4" ht="18" customHeight="1" x14ac:dyDescent="0.2">
      <c r="A32" s="14">
        <v>22</v>
      </c>
      <c r="B32" s="15">
        <v>15</v>
      </c>
      <c r="C32" s="16">
        <v>16</v>
      </c>
      <c r="D32" s="17">
        <v>31</v>
      </c>
    </row>
    <row r="33" spans="1:4" ht="18" customHeight="1" x14ac:dyDescent="0.2">
      <c r="A33" s="14">
        <v>23</v>
      </c>
      <c r="B33" s="15">
        <v>18</v>
      </c>
      <c r="C33" s="16">
        <v>19</v>
      </c>
      <c r="D33" s="17">
        <v>37</v>
      </c>
    </row>
    <row r="34" spans="1:4" ht="18" customHeight="1" x14ac:dyDescent="0.2">
      <c r="A34" s="14">
        <v>24</v>
      </c>
      <c r="B34" s="15">
        <v>22</v>
      </c>
      <c r="C34" s="16">
        <v>15</v>
      </c>
      <c r="D34" s="17">
        <v>37</v>
      </c>
    </row>
    <row r="35" spans="1:4" ht="18" customHeight="1" x14ac:dyDescent="0.2">
      <c r="A35" s="18" t="s">
        <v>53</v>
      </c>
      <c r="B35" s="15">
        <v>95</v>
      </c>
      <c r="C35" s="16">
        <v>94</v>
      </c>
      <c r="D35" s="17">
        <v>189</v>
      </c>
    </row>
    <row r="36" spans="1:4" ht="18" customHeight="1" x14ac:dyDescent="0.2">
      <c r="A36" s="14">
        <v>25</v>
      </c>
      <c r="B36" s="15">
        <v>17</v>
      </c>
      <c r="C36" s="16">
        <v>24</v>
      </c>
      <c r="D36" s="17">
        <v>41</v>
      </c>
    </row>
    <row r="37" spans="1:4" ht="18" customHeight="1" x14ac:dyDescent="0.2">
      <c r="A37" s="14">
        <v>26</v>
      </c>
      <c r="B37" s="15">
        <v>20</v>
      </c>
      <c r="C37" s="16">
        <v>26</v>
      </c>
      <c r="D37" s="17">
        <v>46</v>
      </c>
    </row>
    <row r="38" spans="1:4" ht="18" customHeight="1" x14ac:dyDescent="0.2">
      <c r="A38" s="14">
        <v>27</v>
      </c>
      <c r="B38" s="15">
        <v>20</v>
      </c>
      <c r="C38" s="16">
        <v>14</v>
      </c>
      <c r="D38" s="17">
        <v>34</v>
      </c>
    </row>
    <row r="39" spans="1:4" ht="18" customHeight="1" x14ac:dyDescent="0.2">
      <c r="A39" s="14">
        <v>28</v>
      </c>
      <c r="B39" s="15">
        <v>17</v>
      </c>
      <c r="C39" s="16">
        <v>15</v>
      </c>
      <c r="D39" s="17">
        <v>32</v>
      </c>
    </row>
    <row r="40" spans="1:4" ht="18" customHeight="1" x14ac:dyDescent="0.2">
      <c r="A40" s="14">
        <v>29</v>
      </c>
      <c r="B40" s="15">
        <v>15</v>
      </c>
      <c r="C40" s="16">
        <v>16</v>
      </c>
      <c r="D40" s="17">
        <v>31</v>
      </c>
    </row>
    <row r="41" spans="1:4" ht="18" customHeight="1" x14ac:dyDescent="0.2">
      <c r="A41" s="18" t="s">
        <v>54</v>
      </c>
      <c r="B41" s="15">
        <v>89</v>
      </c>
      <c r="C41" s="16">
        <v>95</v>
      </c>
      <c r="D41" s="17">
        <v>184</v>
      </c>
    </row>
    <row r="42" spans="1:4" ht="18" customHeight="1" x14ac:dyDescent="0.2">
      <c r="A42" s="14">
        <v>30</v>
      </c>
      <c r="B42" s="15">
        <v>21</v>
      </c>
      <c r="C42" s="16">
        <v>22</v>
      </c>
      <c r="D42" s="17">
        <v>43</v>
      </c>
    </row>
    <row r="43" spans="1:4" ht="18" customHeight="1" x14ac:dyDescent="0.2">
      <c r="A43" s="14">
        <v>31</v>
      </c>
      <c r="B43" s="15">
        <v>22</v>
      </c>
      <c r="C43" s="16">
        <v>11</v>
      </c>
      <c r="D43" s="17">
        <v>33</v>
      </c>
    </row>
    <row r="44" spans="1:4" ht="18" customHeight="1" x14ac:dyDescent="0.2">
      <c r="A44" s="14">
        <v>32</v>
      </c>
      <c r="B44" s="15">
        <v>28</v>
      </c>
      <c r="C44" s="16">
        <v>11</v>
      </c>
      <c r="D44" s="17">
        <v>39</v>
      </c>
    </row>
    <row r="45" spans="1:4" ht="18" customHeight="1" x14ac:dyDescent="0.2">
      <c r="A45" s="14">
        <v>33</v>
      </c>
      <c r="B45" s="15">
        <v>25</v>
      </c>
      <c r="C45" s="16">
        <v>20</v>
      </c>
      <c r="D45" s="17">
        <v>45</v>
      </c>
    </row>
    <row r="46" spans="1:4" ht="18" customHeight="1" x14ac:dyDescent="0.2">
      <c r="A46" s="14">
        <v>34</v>
      </c>
      <c r="B46" s="15">
        <v>23</v>
      </c>
      <c r="C46" s="16">
        <v>18</v>
      </c>
      <c r="D46" s="17">
        <v>41</v>
      </c>
    </row>
    <row r="47" spans="1:4" ht="18" customHeight="1" x14ac:dyDescent="0.2">
      <c r="A47" s="18" t="s">
        <v>55</v>
      </c>
      <c r="B47" s="15">
        <v>119</v>
      </c>
      <c r="C47" s="16">
        <v>82</v>
      </c>
      <c r="D47" s="17">
        <v>201</v>
      </c>
    </row>
    <row r="48" spans="1:4" ht="18" customHeight="1" x14ac:dyDescent="0.2">
      <c r="A48" s="14">
        <v>35</v>
      </c>
      <c r="B48" s="15">
        <v>17</v>
      </c>
      <c r="C48" s="16">
        <v>21</v>
      </c>
      <c r="D48" s="17">
        <v>38</v>
      </c>
    </row>
    <row r="49" spans="1:4" ht="18" customHeight="1" x14ac:dyDescent="0.2">
      <c r="A49" s="14">
        <v>36</v>
      </c>
      <c r="B49" s="15">
        <v>17</v>
      </c>
      <c r="C49" s="16">
        <v>24</v>
      </c>
      <c r="D49" s="17">
        <v>41</v>
      </c>
    </row>
    <row r="50" spans="1:4" ht="18" customHeight="1" x14ac:dyDescent="0.2">
      <c r="A50" s="14">
        <v>37</v>
      </c>
      <c r="B50" s="15">
        <v>20</v>
      </c>
      <c r="C50" s="16">
        <v>21</v>
      </c>
      <c r="D50" s="17">
        <v>41</v>
      </c>
    </row>
    <row r="51" spans="1:4" ht="18" customHeight="1" x14ac:dyDescent="0.2">
      <c r="A51" s="14">
        <v>38</v>
      </c>
      <c r="B51" s="15">
        <v>18</v>
      </c>
      <c r="C51" s="16">
        <v>21</v>
      </c>
      <c r="D51" s="17">
        <v>39</v>
      </c>
    </row>
    <row r="52" spans="1:4" ht="18" customHeight="1" x14ac:dyDescent="0.2">
      <c r="A52" s="14">
        <v>39</v>
      </c>
      <c r="B52" s="15">
        <v>16</v>
      </c>
      <c r="C52" s="16">
        <v>18</v>
      </c>
      <c r="D52" s="17">
        <v>34</v>
      </c>
    </row>
    <row r="53" spans="1:4" ht="18" customHeight="1" x14ac:dyDescent="0.2">
      <c r="A53" s="18" t="s">
        <v>56</v>
      </c>
      <c r="B53" s="15">
        <v>88</v>
      </c>
      <c r="C53" s="16">
        <v>105</v>
      </c>
      <c r="D53" s="17">
        <v>193</v>
      </c>
    </row>
    <row r="54" spans="1:4" ht="18" customHeight="1" x14ac:dyDescent="0.2">
      <c r="A54" s="14">
        <v>40</v>
      </c>
      <c r="B54" s="15">
        <v>25</v>
      </c>
      <c r="C54" s="16">
        <v>26</v>
      </c>
      <c r="D54" s="17">
        <v>51</v>
      </c>
    </row>
    <row r="55" spans="1:4" ht="18" customHeight="1" x14ac:dyDescent="0.2">
      <c r="A55" s="14">
        <v>41</v>
      </c>
      <c r="B55" s="15">
        <v>21</v>
      </c>
      <c r="C55" s="16">
        <v>29</v>
      </c>
      <c r="D55" s="17">
        <v>50</v>
      </c>
    </row>
    <row r="56" spans="1:4" ht="18" customHeight="1" x14ac:dyDescent="0.2">
      <c r="A56" s="14">
        <v>42</v>
      </c>
      <c r="B56" s="15">
        <v>34</v>
      </c>
      <c r="C56" s="16">
        <v>22</v>
      </c>
      <c r="D56" s="17">
        <v>56</v>
      </c>
    </row>
    <row r="57" spans="1:4" ht="18" customHeight="1" x14ac:dyDescent="0.2">
      <c r="A57" s="14">
        <v>43</v>
      </c>
      <c r="B57" s="15">
        <v>30</v>
      </c>
      <c r="C57" s="16">
        <v>18</v>
      </c>
      <c r="D57" s="17">
        <v>48</v>
      </c>
    </row>
    <row r="58" spans="1:4" ht="18" customHeight="1" x14ac:dyDescent="0.2">
      <c r="A58" s="14">
        <v>44</v>
      </c>
      <c r="B58" s="15">
        <v>28</v>
      </c>
      <c r="C58" s="16">
        <v>29</v>
      </c>
      <c r="D58" s="17">
        <v>57</v>
      </c>
    </row>
    <row r="59" spans="1:4" ht="18" customHeight="1" x14ac:dyDescent="0.2">
      <c r="A59" s="18" t="s">
        <v>57</v>
      </c>
      <c r="B59" s="15">
        <v>138</v>
      </c>
      <c r="C59" s="16">
        <v>124</v>
      </c>
      <c r="D59" s="17">
        <v>262</v>
      </c>
    </row>
    <row r="60" spans="1:4" ht="18" customHeight="1" x14ac:dyDescent="0.2">
      <c r="A60" s="14">
        <v>45</v>
      </c>
      <c r="B60" s="15">
        <v>37</v>
      </c>
      <c r="C60" s="16">
        <v>28</v>
      </c>
      <c r="D60" s="17">
        <v>65</v>
      </c>
    </row>
    <row r="61" spans="1:4" ht="18" customHeight="1" x14ac:dyDescent="0.2">
      <c r="A61" s="14">
        <v>46</v>
      </c>
      <c r="B61" s="15">
        <v>40</v>
      </c>
      <c r="C61" s="16">
        <v>31</v>
      </c>
      <c r="D61" s="17">
        <v>71</v>
      </c>
    </row>
    <row r="62" spans="1:4" ht="18" customHeight="1" x14ac:dyDescent="0.2">
      <c r="A62" s="14">
        <v>47</v>
      </c>
      <c r="B62" s="15">
        <v>37</v>
      </c>
      <c r="C62" s="16">
        <v>26</v>
      </c>
      <c r="D62" s="17">
        <v>63</v>
      </c>
    </row>
    <row r="63" spans="1:4" ht="18" customHeight="1" x14ac:dyDescent="0.2">
      <c r="A63" s="14">
        <v>48</v>
      </c>
      <c r="B63" s="15">
        <v>29</v>
      </c>
      <c r="C63" s="16">
        <v>24</v>
      </c>
      <c r="D63" s="17">
        <v>53</v>
      </c>
    </row>
    <row r="64" spans="1:4" ht="18" customHeight="1" x14ac:dyDescent="0.2">
      <c r="A64" s="14">
        <v>49</v>
      </c>
      <c r="B64" s="15">
        <v>28</v>
      </c>
      <c r="C64" s="16">
        <v>21</v>
      </c>
      <c r="D64" s="17">
        <v>49</v>
      </c>
    </row>
    <row r="65" spans="1:4" ht="18" customHeight="1" x14ac:dyDescent="0.2">
      <c r="A65" s="18" t="s">
        <v>58</v>
      </c>
      <c r="B65" s="15">
        <v>171</v>
      </c>
      <c r="C65" s="16">
        <v>130</v>
      </c>
      <c r="D65" s="17">
        <v>301</v>
      </c>
    </row>
    <row r="66" spans="1:4" ht="18" customHeight="1" x14ac:dyDescent="0.2">
      <c r="A66" s="14">
        <v>50</v>
      </c>
      <c r="B66" s="15">
        <v>29</v>
      </c>
      <c r="C66" s="16">
        <v>36</v>
      </c>
      <c r="D66" s="17">
        <v>65</v>
      </c>
    </row>
    <row r="67" spans="1:4" ht="18" customHeight="1" x14ac:dyDescent="0.2">
      <c r="A67" s="14">
        <v>51</v>
      </c>
      <c r="B67" s="15">
        <v>24</v>
      </c>
      <c r="C67" s="16">
        <v>28</v>
      </c>
      <c r="D67" s="17">
        <v>52</v>
      </c>
    </row>
    <row r="68" spans="1:4" ht="18" customHeight="1" x14ac:dyDescent="0.2">
      <c r="A68" s="14">
        <v>52</v>
      </c>
      <c r="B68" s="15">
        <v>39</v>
      </c>
      <c r="C68" s="16">
        <v>31</v>
      </c>
      <c r="D68" s="17">
        <v>70</v>
      </c>
    </row>
    <row r="69" spans="1:4" ht="18" customHeight="1" x14ac:dyDescent="0.2">
      <c r="A69" s="14">
        <v>53</v>
      </c>
      <c r="B69" s="15">
        <v>29</v>
      </c>
      <c r="C69" s="16">
        <v>29</v>
      </c>
      <c r="D69" s="17">
        <v>58</v>
      </c>
    </row>
    <row r="70" spans="1:4" ht="18" customHeight="1" x14ac:dyDescent="0.2">
      <c r="A70" s="14">
        <v>54</v>
      </c>
      <c r="B70" s="15">
        <v>22</v>
      </c>
      <c r="C70" s="16">
        <v>26</v>
      </c>
      <c r="D70" s="17">
        <v>48</v>
      </c>
    </row>
    <row r="71" spans="1:4" ht="18" customHeight="1" x14ac:dyDescent="0.2">
      <c r="A71" s="18" t="s">
        <v>59</v>
      </c>
      <c r="B71" s="15">
        <v>143</v>
      </c>
      <c r="C71" s="16">
        <v>150</v>
      </c>
      <c r="D71" s="17">
        <v>293</v>
      </c>
    </row>
    <row r="72" spans="1:4" ht="18" customHeight="1" x14ac:dyDescent="0.2">
      <c r="A72" s="14">
        <v>55</v>
      </c>
      <c r="B72" s="15">
        <v>34</v>
      </c>
      <c r="C72" s="16">
        <v>26</v>
      </c>
      <c r="D72" s="17">
        <v>60</v>
      </c>
    </row>
    <row r="73" spans="1:4" ht="18" customHeight="1" x14ac:dyDescent="0.2">
      <c r="A73" s="14">
        <v>56</v>
      </c>
      <c r="B73" s="15">
        <v>35</v>
      </c>
      <c r="C73" s="16">
        <v>26</v>
      </c>
      <c r="D73" s="17">
        <v>61</v>
      </c>
    </row>
    <row r="74" spans="1:4" ht="18" customHeight="1" x14ac:dyDescent="0.2">
      <c r="A74" s="14">
        <v>57</v>
      </c>
      <c r="B74" s="15">
        <v>22</v>
      </c>
      <c r="C74" s="16">
        <v>27</v>
      </c>
      <c r="D74" s="17">
        <v>49</v>
      </c>
    </row>
    <row r="75" spans="1:4" ht="18" customHeight="1" x14ac:dyDescent="0.2">
      <c r="A75" s="14">
        <v>58</v>
      </c>
      <c r="B75" s="15">
        <v>23</v>
      </c>
      <c r="C75" s="16">
        <v>25</v>
      </c>
      <c r="D75" s="17">
        <v>48</v>
      </c>
    </row>
    <row r="76" spans="1:4" ht="18" customHeight="1" x14ac:dyDescent="0.2">
      <c r="A76" s="14">
        <v>59</v>
      </c>
      <c r="B76" s="15">
        <v>26</v>
      </c>
      <c r="C76" s="16">
        <v>21</v>
      </c>
      <c r="D76" s="17">
        <v>47</v>
      </c>
    </row>
    <row r="77" spans="1:4" ht="18" customHeight="1" x14ac:dyDescent="0.2">
      <c r="A77" s="18" t="s">
        <v>60</v>
      </c>
      <c r="B77" s="15">
        <v>140</v>
      </c>
      <c r="C77" s="16">
        <v>125</v>
      </c>
      <c r="D77" s="17">
        <v>265</v>
      </c>
    </row>
    <row r="78" spans="1:4" ht="18" customHeight="1" x14ac:dyDescent="0.2">
      <c r="A78" s="14">
        <v>60</v>
      </c>
      <c r="B78" s="15">
        <v>27</v>
      </c>
      <c r="C78" s="16">
        <v>24</v>
      </c>
      <c r="D78" s="17">
        <v>51</v>
      </c>
    </row>
    <row r="79" spans="1:4" ht="18" customHeight="1" x14ac:dyDescent="0.2">
      <c r="A79" s="14">
        <v>61</v>
      </c>
      <c r="B79" s="15">
        <v>24</v>
      </c>
      <c r="C79" s="16">
        <v>25</v>
      </c>
      <c r="D79" s="17">
        <v>49</v>
      </c>
    </row>
    <row r="80" spans="1:4" ht="18" customHeight="1" x14ac:dyDescent="0.2">
      <c r="A80" s="14">
        <v>62</v>
      </c>
      <c r="B80" s="15">
        <v>18</v>
      </c>
      <c r="C80" s="16">
        <v>23</v>
      </c>
      <c r="D80" s="17">
        <v>41</v>
      </c>
    </row>
    <row r="81" spans="1:4" ht="18" customHeight="1" x14ac:dyDescent="0.2">
      <c r="A81" s="14">
        <v>63</v>
      </c>
      <c r="B81" s="15">
        <v>20</v>
      </c>
      <c r="C81" s="16">
        <v>32</v>
      </c>
      <c r="D81" s="17">
        <v>52</v>
      </c>
    </row>
    <row r="82" spans="1:4" ht="18" customHeight="1" x14ac:dyDescent="0.2">
      <c r="A82" s="14">
        <v>64</v>
      </c>
      <c r="B82" s="15">
        <v>28</v>
      </c>
      <c r="C82" s="16">
        <v>24</v>
      </c>
      <c r="D82" s="17">
        <v>52</v>
      </c>
    </row>
    <row r="83" spans="1:4" ht="18" customHeight="1" x14ac:dyDescent="0.2">
      <c r="A83" s="18" t="s">
        <v>61</v>
      </c>
      <c r="B83" s="15">
        <v>117</v>
      </c>
      <c r="C83" s="16">
        <v>128</v>
      </c>
      <c r="D83" s="17">
        <v>245</v>
      </c>
    </row>
    <row r="84" spans="1:4" ht="18" customHeight="1" x14ac:dyDescent="0.2">
      <c r="A84" s="18" t="s">
        <v>62</v>
      </c>
      <c r="B84" s="15">
        <v>1186</v>
      </c>
      <c r="C84" s="16">
        <v>1111</v>
      </c>
      <c r="D84" s="17">
        <v>2297</v>
      </c>
    </row>
    <row r="85" spans="1:4" ht="18" customHeight="1" x14ac:dyDescent="0.2">
      <c r="A85" s="14">
        <v>65</v>
      </c>
      <c r="B85" s="15">
        <v>30</v>
      </c>
      <c r="C85" s="16">
        <v>20</v>
      </c>
      <c r="D85" s="17">
        <v>50</v>
      </c>
    </row>
    <row r="86" spans="1:4" ht="18" customHeight="1" x14ac:dyDescent="0.2">
      <c r="A86" s="14">
        <v>66</v>
      </c>
      <c r="B86" s="15">
        <v>25</v>
      </c>
      <c r="C86" s="16">
        <v>32</v>
      </c>
      <c r="D86" s="17">
        <v>57</v>
      </c>
    </row>
    <row r="87" spans="1:4" ht="18" customHeight="1" x14ac:dyDescent="0.2">
      <c r="A87" s="14">
        <v>67</v>
      </c>
      <c r="B87" s="15">
        <v>30</v>
      </c>
      <c r="C87" s="16">
        <v>34</v>
      </c>
      <c r="D87" s="17">
        <v>64</v>
      </c>
    </row>
    <row r="88" spans="1:4" ht="18" customHeight="1" x14ac:dyDescent="0.2">
      <c r="A88" s="14">
        <v>68</v>
      </c>
      <c r="B88" s="15">
        <v>39</v>
      </c>
      <c r="C88" s="16">
        <v>31</v>
      </c>
      <c r="D88" s="17">
        <v>70</v>
      </c>
    </row>
    <row r="89" spans="1:4" ht="18" customHeight="1" x14ac:dyDescent="0.2">
      <c r="A89" s="14">
        <v>69</v>
      </c>
      <c r="B89" s="15">
        <v>32</v>
      </c>
      <c r="C89" s="16">
        <v>35</v>
      </c>
      <c r="D89" s="17">
        <v>67</v>
      </c>
    </row>
    <row r="90" spans="1:4" ht="18" customHeight="1" x14ac:dyDescent="0.2">
      <c r="A90" s="18" t="s">
        <v>63</v>
      </c>
      <c r="B90" s="15">
        <v>156</v>
      </c>
      <c r="C90" s="16">
        <v>152</v>
      </c>
      <c r="D90" s="17">
        <v>308</v>
      </c>
    </row>
    <row r="91" spans="1:4" ht="18" customHeight="1" x14ac:dyDescent="0.2">
      <c r="A91" s="14">
        <v>70</v>
      </c>
      <c r="B91" s="15">
        <v>34</v>
      </c>
      <c r="C91" s="16">
        <v>38</v>
      </c>
      <c r="D91" s="17">
        <v>72</v>
      </c>
    </row>
    <row r="92" spans="1:4" ht="18" customHeight="1" x14ac:dyDescent="0.2">
      <c r="A92" s="14">
        <v>71</v>
      </c>
      <c r="B92" s="15">
        <v>42</v>
      </c>
      <c r="C92" s="16">
        <v>46</v>
      </c>
      <c r="D92" s="17">
        <v>88</v>
      </c>
    </row>
    <row r="93" spans="1:4" ht="18" customHeight="1" x14ac:dyDescent="0.2">
      <c r="A93" s="14">
        <v>72</v>
      </c>
      <c r="B93" s="15">
        <v>39</v>
      </c>
      <c r="C93" s="16">
        <v>60</v>
      </c>
      <c r="D93" s="17">
        <v>99</v>
      </c>
    </row>
    <row r="94" spans="1:4" ht="18" customHeight="1" x14ac:dyDescent="0.2">
      <c r="A94" s="14">
        <v>73</v>
      </c>
      <c r="B94" s="15">
        <v>42</v>
      </c>
      <c r="C94" s="16">
        <v>38</v>
      </c>
      <c r="D94" s="17">
        <v>80</v>
      </c>
    </row>
    <row r="95" spans="1:4" ht="18" customHeight="1" x14ac:dyDescent="0.2">
      <c r="A95" s="14">
        <v>74</v>
      </c>
      <c r="B95" s="15">
        <v>15</v>
      </c>
      <c r="C95" s="16">
        <v>23</v>
      </c>
      <c r="D95" s="17">
        <v>38</v>
      </c>
    </row>
    <row r="96" spans="1:4" ht="18" customHeight="1" x14ac:dyDescent="0.2">
      <c r="A96" s="18" t="s">
        <v>64</v>
      </c>
      <c r="B96" s="15">
        <v>172</v>
      </c>
      <c r="C96" s="16">
        <v>205</v>
      </c>
      <c r="D96" s="17">
        <v>377</v>
      </c>
    </row>
    <row r="97" spans="1:4" ht="18" customHeight="1" x14ac:dyDescent="0.2">
      <c r="A97" s="14">
        <v>75</v>
      </c>
      <c r="B97" s="15">
        <v>19</v>
      </c>
      <c r="C97" s="16">
        <v>33</v>
      </c>
      <c r="D97" s="17">
        <v>52</v>
      </c>
    </row>
    <row r="98" spans="1:4" ht="18" customHeight="1" x14ac:dyDescent="0.2">
      <c r="A98" s="14">
        <v>76</v>
      </c>
      <c r="B98" s="15">
        <v>15</v>
      </c>
      <c r="C98" s="16">
        <v>40</v>
      </c>
      <c r="D98" s="17">
        <v>55</v>
      </c>
    </row>
    <row r="99" spans="1:4" ht="18" customHeight="1" x14ac:dyDescent="0.2">
      <c r="A99" s="14">
        <v>77</v>
      </c>
      <c r="B99" s="15">
        <v>25</v>
      </c>
      <c r="C99" s="16">
        <v>34</v>
      </c>
      <c r="D99" s="17">
        <v>59</v>
      </c>
    </row>
    <row r="100" spans="1:4" ht="18" customHeight="1" x14ac:dyDescent="0.2">
      <c r="A100" s="14">
        <v>78</v>
      </c>
      <c r="B100" s="15">
        <v>35</v>
      </c>
      <c r="C100" s="16">
        <v>29</v>
      </c>
      <c r="D100" s="17">
        <v>64</v>
      </c>
    </row>
    <row r="101" spans="1:4" ht="18" customHeight="1" x14ac:dyDescent="0.2">
      <c r="A101" s="14">
        <v>79</v>
      </c>
      <c r="B101" s="15">
        <v>25</v>
      </c>
      <c r="C101" s="16">
        <v>34</v>
      </c>
      <c r="D101" s="17">
        <v>59</v>
      </c>
    </row>
    <row r="102" spans="1:4" ht="18" customHeight="1" x14ac:dyDescent="0.2">
      <c r="A102" s="18" t="s">
        <v>65</v>
      </c>
      <c r="B102" s="15">
        <v>119</v>
      </c>
      <c r="C102" s="16">
        <v>170</v>
      </c>
      <c r="D102" s="17">
        <v>289</v>
      </c>
    </row>
    <row r="103" spans="1:4" ht="18" customHeight="1" x14ac:dyDescent="0.2">
      <c r="A103" s="14">
        <v>80</v>
      </c>
      <c r="B103" s="15">
        <v>20</v>
      </c>
      <c r="C103" s="16">
        <v>26</v>
      </c>
      <c r="D103" s="17">
        <v>46</v>
      </c>
    </row>
    <row r="104" spans="1:4" ht="18" customHeight="1" x14ac:dyDescent="0.2">
      <c r="A104" s="14">
        <v>81</v>
      </c>
      <c r="B104" s="15">
        <v>11</v>
      </c>
      <c r="C104" s="16">
        <v>24</v>
      </c>
      <c r="D104" s="17">
        <v>35</v>
      </c>
    </row>
    <row r="105" spans="1:4" ht="18" customHeight="1" x14ac:dyDescent="0.2">
      <c r="A105" s="14">
        <v>82</v>
      </c>
      <c r="B105" s="15">
        <v>25</v>
      </c>
      <c r="C105" s="16">
        <v>16</v>
      </c>
      <c r="D105" s="17">
        <v>41</v>
      </c>
    </row>
    <row r="106" spans="1:4" ht="18" customHeight="1" x14ac:dyDescent="0.2">
      <c r="A106" s="14">
        <v>83</v>
      </c>
      <c r="B106" s="15">
        <v>21</v>
      </c>
      <c r="C106" s="16">
        <v>22</v>
      </c>
      <c r="D106" s="17">
        <v>43</v>
      </c>
    </row>
    <row r="107" spans="1:4" ht="18" customHeight="1" x14ac:dyDescent="0.2">
      <c r="A107" s="14">
        <v>84</v>
      </c>
      <c r="B107" s="15">
        <v>8</v>
      </c>
      <c r="C107" s="16">
        <v>17</v>
      </c>
      <c r="D107" s="17">
        <v>25</v>
      </c>
    </row>
    <row r="108" spans="1:4" ht="18" customHeight="1" x14ac:dyDescent="0.2">
      <c r="A108" s="18" t="s">
        <v>66</v>
      </c>
      <c r="B108" s="15">
        <v>85</v>
      </c>
      <c r="C108" s="16">
        <v>105</v>
      </c>
      <c r="D108" s="17">
        <v>190</v>
      </c>
    </row>
    <row r="109" spans="1:4" ht="18" customHeight="1" x14ac:dyDescent="0.2">
      <c r="A109" s="14">
        <v>85</v>
      </c>
      <c r="B109" s="15">
        <v>15</v>
      </c>
      <c r="C109" s="16">
        <v>11</v>
      </c>
      <c r="D109" s="17">
        <v>26</v>
      </c>
    </row>
    <row r="110" spans="1:4" ht="18" customHeight="1" x14ac:dyDescent="0.2">
      <c r="A110" s="14">
        <v>86</v>
      </c>
      <c r="B110" s="15">
        <v>11</v>
      </c>
      <c r="C110" s="16">
        <v>12</v>
      </c>
      <c r="D110" s="17">
        <v>23</v>
      </c>
    </row>
    <row r="111" spans="1:4" ht="18" customHeight="1" x14ac:dyDescent="0.2">
      <c r="A111" s="14">
        <v>87</v>
      </c>
      <c r="B111" s="15">
        <v>7</v>
      </c>
      <c r="C111" s="16">
        <v>23</v>
      </c>
      <c r="D111" s="17">
        <v>30</v>
      </c>
    </row>
    <row r="112" spans="1:4" ht="18" customHeight="1" x14ac:dyDescent="0.2">
      <c r="A112" s="14">
        <v>88</v>
      </c>
      <c r="B112" s="15">
        <v>5</v>
      </c>
      <c r="C112" s="16">
        <v>21</v>
      </c>
      <c r="D112" s="17">
        <v>26</v>
      </c>
    </row>
    <row r="113" spans="1:4" ht="18" customHeight="1" x14ac:dyDescent="0.2">
      <c r="A113" s="14">
        <v>89</v>
      </c>
      <c r="B113" s="15">
        <v>5</v>
      </c>
      <c r="C113" s="16">
        <v>8</v>
      </c>
      <c r="D113" s="17">
        <v>13</v>
      </c>
    </row>
    <row r="114" spans="1:4" ht="18" customHeight="1" x14ac:dyDescent="0.2">
      <c r="A114" s="18" t="s">
        <v>67</v>
      </c>
      <c r="B114" s="15">
        <v>43</v>
      </c>
      <c r="C114" s="16">
        <v>75</v>
      </c>
      <c r="D114" s="17">
        <v>118</v>
      </c>
    </row>
    <row r="115" spans="1:4" ht="18" customHeight="1" x14ac:dyDescent="0.2">
      <c r="A115" s="14">
        <v>90</v>
      </c>
      <c r="B115" s="15">
        <v>6</v>
      </c>
      <c r="C115" s="16">
        <v>7</v>
      </c>
      <c r="D115" s="17">
        <v>13</v>
      </c>
    </row>
    <row r="116" spans="1:4" ht="18" customHeight="1" x14ac:dyDescent="0.2">
      <c r="A116" s="14">
        <v>91</v>
      </c>
      <c r="B116" s="15">
        <v>3</v>
      </c>
      <c r="C116" s="16">
        <v>14</v>
      </c>
      <c r="D116" s="17">
        <v>17</v>
      </c>
    </row>
    <row r="117" spans="1:4" ht="18" customHeight="1" x14ac:dyDescent="0.2">
      <c r="A117" s="14">
        <v>92</v>
      </c>
      <c r="B117" s="15">
        <v>3</v>
      </c>
      <c r="C117" s="16">
        <v>8</v>
      </c>
      <c r="D117" s="17">
        <v>11</v>
      </c>
    </row>
    <row r="118" spans="1:4" ht="18" customHeight="1" x14ac:dyDescent="0.2">
      <c r="A118" s="14">
        <v>93</v>
      </c>
      <c r="B118" s="15">
        <v>5</v>
      </c>
      <c r="C118" s="16">
        <v>7</v>
      </c>
      <c r="D118" s="17">
        <v>12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68</v>
      </c>
      <c r="B120" s="15">
        <v>17</v>
      </c>
      <c r="C120" s="16">
        <v>42</v>
      </c>
      <c r="D120" s="17">
        <v>59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2</v>
      </c>
      <c r="C123" s="16">
        <v>1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9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594</v>
      </c>
      <c r="C130" s="5">
        <v>761</v>
      </c>
      <c r="D130" s="6">
        <v>1355</v>
      </c>
    </row>
    <row r="131" spans="1:4" ht="18" customHeight="1" x14ac:dyDescent="0.2">
      <c r="A131" s="20" t="s">
        <v>47</v>
      </c>
      <c r="B131" s="7">
        <v>1986</v>
      </c>
      <c r="C131" s="8">
        <v>2078</v>
      </c>
      <c r="D131" s="9">
        <v>406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6</v>
      </c>
      <c r="D5" s="13">
        <v>10</v>
      </c>
    </row>
    <row r="6" spans="1:4" ht="18" customHeight="1" x14ac:dyDescent="0.2">
      <c r="A6" s="14">
        <v>1</v>
      </c>
      <c r="B6" s="15">
        <v>4</v>
      </c>
      <c r="C6" s="16">
        <v>7</v>
      </c>
      <c r="D6" s="17">
        <v>11</v>
      </c>
    </row>
    <row r="7" spans="1:4" ht="18" customHeight="1" x14ac:dyDescent="0.2">
      <c r="A7" s="14">
        <v>2</v>
      </c>
      <c r="B7" s="15">
        <v>6</v>
      </c>
      <c r="C7" s="16">
        <v>4</v>
      </c>
      <c r="D7" s="17">
        <v>10</v>
      </c>
    </row>
    <row r="8" spans="1:4" ht="18" customHeight="1" x14ac:dyDescent="0.2">
      <c r="A8" s="14">
        <v>3</v>
      </c>
      <c r="B8" s="15">
        <v>6</v>
      </c>
      <c r="C8" s="16">
        <v>5</v>
      </c>
      <c r="D8" s="17">
        <v>11</v>
      </c>
    </row>
    <row r="9" spans="1:4" ht="18" customHeight="1" x14ac:dyDescent="0.2">
      <c r="A9" s="14">
        <v>4</v>
      </c>
      <c r="B9" s="15">
        <v>4</v>
      </c>
      <c r="C9" s="16">
        <v>6</v>
      </c>
      <c r="D9" s="17">
        <v>10</v>
      </c>
    </row>
    <row r="10" spans="1:4" ht="18" customHeight="1" x14ac:dyDescent="0.2">
      <c r="A10" s="18" t="s">
        <v>48</v>
      </c>
      <c r="B10" s="15">
        <v>24</v>
      </c>
      <c r="C10" s="16">
        <v>28</v>
      </c>
      <c r="D10" s="17">
        <v>52</v>
      </c>
    </row>
    <row r="11" spans="1:4" ht="18" customHeight="1" x14ac:dyDescent="0.2">
      <c r="A11" s="14">
        <v>5</v>
      </c>
      <c r="B11" s="15">
        <v>5</v>
      </c>
      <c r="C11" s="16">
        <v>6</v>
      </c>
      <c r="D11" s="17">
        <v>11</v>
      </c>
    </row>
    <row r="12" spans="1:4" ht="18" customHeight="1" x14ac:dyDescent="0.2">
      <c r="A12" s="14">
        <v>6</v>
      </c>
      <c r="B12" s="15">
        <v>9</v>
      </c>
      <c r="C12" s="16">
        <v>7</v>
      </c>
      <c r="D12" s="17">
        <v>16</v>
      </c>
    </row>
    <row r="13" spans="1:4" ht="18" customHeight="1" x14ac:dyDescent="0.2">
      <c r="A13" s="14">
        <v>7</v>
      </c>
      <c r="B13" s="15">
        <v>9</v>
      </c>
      <c r="C13" s="16">
        <v>6</v>
      </c>
      <c r="D13" s="17">
        <v>15</v>
      </c>
    </row>
    <row r="14" spans="1:4" ht="18" customHeight="1" x14ac:dyDescent="0.2">
      <c r="A14" s="14">
        <v>8</v>
      </c>
      <c r="B14" s="15">
        <v>7</v>
      </c>
      <c r="C14" s="16">
        <v>8</v>
      </c>
      <c r="D14" s="17">
        <v>15</v>
      </c>
    </row>
    <row r="15" spans="1:4" ht="18" customHeight="1" x14ac:dyDescent="0.2">
      <c r="A15" s="14">
        <v>9</v>
      </c>
      <c r="B15" s="15">
        <v>10</v>
      </c>
      <c r="C15" s="16">
        <v>6</v>
      </c>
      <c r="D15" s="17">
        <v>16</v>
      </c>
    </row>
    <row r="16" spans="1:4" ht="18" customHeight="1" x14ac:dyDescent="0.2">
      <c r="A16" s="18" t="s">
        <v>49</v>
      </c>
      <c r="B16" s="15">
        <v>40</v>
      </c>
      <c r="C16" s="16">
        <v>33</v>
      </c>
      <c r="D16" s="17">
        <v>73</v>
      </c>
    </row>
    <row r="17" spans="1:4" ht="18" customHeight="1" x14ac:dyDescent="0.2">
      <c r="A17" s="14">
        <v>10</v>
      </c>
      <c r="B17" s="15">
        <v>7</v>
      </c>
      <c r="C17" s="16">
        <v>14</v>
      </c>
      <c r="D17" s="17">
        <v>21</v>
      </c>
    </row>
    <row r="18" spans="1:4" ht="18" customHeight="1" x14ac:dyDescent="0.2">
      <c r="A18" s="14">
        <v>11</v>
      </c>
      <c r="B18" s="15">
        <v>4</v>
      </c>
      <c r="C18" s="16">
        <v>3</v>
      </c>
      <c r="D18" s="17">
        <v>7</v>
      </c>
    </row>
    <row r="19" spans="1:4" ht="18" customHeight="1" x14ac:dyDescent="0.2">
      <c r="A19" s="14">
        <v>12</v>
      </c>
      <c r="B19" s="15">
        <v>11</v>
      </c>
      <c r="C19" s="16">
        <v>10</v>
      </c>
      <c r="D19" s="17">
        <v>21</v>
      </c>
    </row>
    <row r="20" spans="1:4" ht="18" customHeight="1" x14ac:dyDescent="0.2">
      <c r="A20" s="14">
        <v>13</v>
      </c>
      <c r="B20" s="15">
        <v>3</v>
      </c>
      <c r="C20" s="16">
        <v>7</v>
      </c>
      <c r="D20" s="17">
        <v>10</v>
      </c>
    </row>
    <row r="21" spans="1:4" ht="18" customHeight="1" x14ac:dyDescent="0.2">
      <c r="A21" s="14">
        <v>14</v>
      </c>
      <c r="B21" s="15">
        <v>7</v>
      </c>
      <c r="C21" s="16">
        <v>4</v>
      </c>
      <c r="D21" s="17">
        <v>11</v>
      </c>
    </row>
    <row r="22" spans="1:4" ht="18" customHeight="1" x14ac:dyDescent="0.2">
      <c r="A22" s="18" t="s">
        <v>50</v>
      </c>
      <c r="B22" s="15">
        <v>32</v>
      </c>
      <c r="C22" s="16">
        <v>38</v>
      </c>
      <c r="D22" s="17">
        <v>70</v>
      </c>
    </row>
    <row r="23" spans="1:4" ht="18" customHeight="1" x14ac:dyDescent="0.2">
      <c r="A23" s="18" t="s">
        <v>51</v>
      </c>
      <c r="B23" s="15">
        <v>96</v>
      </c>
      <c r="C23" s="16">
        <v>99</v>
      </c>
      <c r="D23" s="17">
        <v>195</v>
      </c>
    </row>
    <row r="24" spans="1:4" ht="18" customHeight="1" x14ac:dyDescent="0.2">
      <c r="A24" s="14">
        <v>15</v>
      </c>
      <c r="B24" s="15">
        <v>7</v>
      </c>
      <c r="C24" s="16">
        <v>7</v>
      </c>
      <c r="D24" s="17">
        <v>14</v>
      </c>
    </row>
    <row r="25" spans="1:4" ht="18" customHeight="1" x14ac:dyDescent="0.2">
      <c r="A25" s="14">
        <v>16</v>
      </c>
      <c r="B25" s="15">
        <v>11</v>
      </c>
      <c r="C25" s="16">
        <v>7</v>
      </c>
      <c r="D25" s="17">
        <v>18</v>
      </c>
    </row>
    <row r="26" spans="1:4" ht="18" customHeight="1" x14ac:dyDescent="0.2">
      <c r="A26" s="14">
        <v>17</v>
      </c>
      <c r="B26" s="15">
        <v>7</v>
      </c>
      <c r="C26" s="16">
        <v>8</v>
      </c>
      <c r="D26" s="17">
        <v>15</v>
      </c>
    </row>
    <row r="27" spans="1:4" ht="18" customHeight="1" x14ac:dyDescent="0.2">
      <c r="A27" s="14">
        <v>18</v>
      </c>
      <c r="B27" s="15">
        <v>10</v>
      </c>
      <c r="C27" s="16">
        <v>5</v>
      </c>
      <c r="D27" s="17">
        <v>15</v>
      </c>
    </row>
    <row r="28" spans="1:4" ht="18" customHeight="1" x14ac:dyDescent="0.2">
      <c r="A28" s="14">
        <v>19</v>
      </c>
      <c r="B28" s="15">
        <v>8</v>
      </c>
      <c r="C28" s="16">
        <v>8</v>
      </c>
      <c r="D28" s="17">
        <v>16</v>
      </c>
    </row>
    <row r="29" spans="1:4" ht="18" customHeight="1" x14ac:dyDescent="0.2">
      <c r="A29" s="18" t="s">
        <v>52</v>
      </c>
      <c r="B29" s="15">
        <v>43</v>
      </c>
      <c r="C29" s="16">
        <v>35</v>
      </c>
      <c r="D29" s="17">
        <v>78</v>
      </c>
    </row>
    <row r="30" spans="1:4" ht="18" customHeight="1" x14ac:dyDescent="0.2">
      <c r="A30" s="14">
        <v>20</v>
      </c>
      <c r="B30" s="15">
        <v>10</v>
      </c>
      <c r="C30" s="16">
        <v>7</v>
      </c>
      <c r="D30" s="17">
        <v>17</v>
      </c>
    </row>
    <row r="31" spans="1:4" ht="18" customHeight="1" x14ac:dyDescent="0.2">
      <c r="A31" s="14">
        <v>21</v>
      </c>
      <c r="B31" s="15">
        <v>13</v>
      </c>
      <c r="C31" s="16">
        <v>9</v>
      </c>
      <c r="D31" s="17">
        <v>22</v>
      </c>
    </row>
    <row r="32" spans="1:4" ht="18" customHeight="1" x14ac:dyDescent="0.2">
      <c r="A32" s="14">
        <v>22</v>
      </c>
      <c r="B32" s="15">
        <v>8</v>
      </c>
      <c r="C32" s="16">
        <v>8</v>
      </c>
      <c r="D32" s="17">
        <v>16</v>
      </c>
    </row>
    <row r="33" spans="1:4" ht="18" customHeight="1" x14ac:dyDescent="0.2">
      <c r="A33" s="14">
        <v>23</v>
      </c>
      <c r="B33" s="15">
        <v>8</v>
      </c>
      <c r="C33" s="16">
        <v>6</v>
      </c>
      <c r="D33" s="17">
        <v>14</v>
      </c>
    </row>
    <row r="34" spans="1:4" ht="18" customHeight="1" x14ac:dyDescent="0.2">
      <c r="A34" s="14">
        <v>24</v>
      </c>
      <c r="B34" s="15">
        <v>9</v>
      </c>
      <c r="C34" s="16">
        <v>5</v>
      </c>
      <c r="D34" s="17">
        <v>14</v>
      </c>
    </row>
    <row r="35" spans="1:4" ht="18" customHeight="1" x14ac:dyDescent="0.2">
      <c r="A35" s="18" t="s">
        <v>53</v>
      </c>
      <c r="B35" s="15">
        <v>48</v>
      </c>
      <c r="C35" s="16">
        <v>35</v>
      </c>
      <c r="D35" s="17">
        <v>83</v>
      </c>
    </row>
    <row r="36" spans="1:4" ht="18" customHeight="1" x14ac:dyDescent="0.2">
      <c r="A36" s="14">
        <v>25</v>
      </c>
      <c r="B36" s="15">
        <v>7</v>
      </c>
      <c r="C36" s="16">
        <v>4</v>
      </c>
      <c r="D36" s="17">
        <v>11</v>
      </c>
    </row>
    <row r="37" spans="1:4" ht="18" customHeight="1" x14ac:dyDescent="0.2">
      <c r="A37" s="14">
        <v>26</v>
      </c>
      <c r="B37" s="15">
        <v>6</v>
      </c>
      <c r="C37" s="16">
        <v>8</v>
      </c>
      <c r="D37" s="17">
        <v>14</v>
      </c>
    </row>
    <row r="38" spans="1:4" ht="18" customHeight="1" x14ac:dyDescent="0.2">
      <c r="A38" s="14">
        <v>27</v>
      </c>
      <c r="B38" s="15">
        <v>12</v>
      </c>
      <c r="C38" s="16">
        <v>4</v>
      </c>
      <c r="D38" s="17">
        <v>16</v>
      </c>
    </row>
    <row r="39" spans="1:4" ht="18" customHeight="1" x14ac:dyDescent="0.2">
      <c r="A39" s="14">
        <v>28</v>
      </c>
      <c r="B39" s="15">
        <v>5</v>
      </c>
      <c r="C39" s="16">
        <v>3</v>
      </c>
      <c r="D39" s="17">
        <v>8</v>
      </c>
    </row>
    <row r="40" spans="1:4" ht="18" customHeight="1" x14ac:dyDescent="0.2">
      <c r="A40" s="14">
        <v>29</v>
      </c>
      <c r="B40" s="15">
        <v>8</v>
      </c>
      <c r="C40" s="16">
        <v>3</v>
      </c>
      <c r="D40" s="17">
        <v>11</v>
      </c>
    </row>
    <row r="41" spans="1:4" ht="18" customHeight="1" x14ac:dyDescent="0.2">
      <c r="A41" s="18" t="s">
        <v>54</v>
      </c>
      <c r="B41" s="15">
        <v>38</v>
      </c>
      <c r="C41" s="16">
        <v>22</v>
      </c>
      <c r="D41" s="17">
        <v>60</v>
      </c>
    </row>
    <row r="42" spans="1:4" ht="18" customHeight="1" x14ac:dyDescent="0.2">
      <c r="A42" s="14">
        <v>30</v>
      </c>
      <c r="B42" s="15">
        <v>11</v>
      </c>
      <c r="C42" s="16">
        <v>3</v>
      </c>
      <c r="D42" s="17">
        <v>14</v>
      </c>
    </row>
    <row r="43" spans="1:4" ht="18" customHeight="1" x14ac:dyDescent="0.2">
      <c r="A43" s="14">
        <v>31</v>
      </c>
      <c r="B43" s="15">
        <v>9</v>
      </c>
      <c r="C43" s="16">
        <v>5</v>
      </c>
      <c r="D43" s="17">
        <v>14</v>
      </c>
    </row>
    <row r="44" spans="1:4" ht="18" customHeight="1" x14ac:dyDescent="0.2">
      <c r="A44" s="14">
        <v>32</v>
      </c>
      <c r="B44" s="15">
        <v>8</v>
      </c>
      <c r="C44" s="16">
        <v>7</v>
      </c>
      <c r="D44" s="17">
        <v>15</v>
      </c>
    </row>
    <row r="45" spans="1:4" ht="18" customHeight="1" x14ac:dyDescent="0.2">
      <c r="A45" s="14">
        <v>33</v>
      </c>
      <c r="B45" s="15">
        <v>8</v>
      </c>
      <c r="C45" s="16">
        <v>11</v>
      </c>
      <c r="D45" s="17">
        <v>19</v>
      </c>
    </row>
    <row r="46" spans="1:4" ht="18" customHeight="1" x14ac:dyDescent="0.2">
      <c r="A46" s="14">
        <v>34</v>
      </c>
      <c r="B46" s="15">
        <v>8</v>
      </c>
      <c r="C46" s="16">
        <v>8</v>
      </c>
      <c r="D46" s="17">
        <v>16</v>
      </c>
    </row>
    <row r="47" spans="1:4" ht="18" customHeight="1" x14ac:dyDescent="0.2">
      <c r="A47" s="18" t="s">
        <v>55</v>
      </c>
      <c r="B47" s="15">
        <v>44</v>
      </c>
      <c r="C47" s="16">
        <v>34</v>
      </c>
      <c r="D47" s="17">
        <v>78</v>
      </c>
    </row>
    <row r="48" spans="1:4" ht="18" customHeight="1" x14ac:dyDescent="0.2">
      <c r="A48" s="14">
        <v>35</v>
      </c>
      <c r="B48" s="15">
        <v>13</v>
      </c>
      <c r="C48" s="16">
        <v>6</v>
      </c>
      <c r="D48" s="17">
        <v>19</v>
      </c>
    </row>
    <row r="49" spans="1:4" ht="18" customHeight="1" x14ac:dyDescent="0.2">
      <c r="A49" s="14">
        <v>36</v>
      </c>
      <c r="B49" s="15">
        <v>9</v>
      </c>
      <c r="C49" s="16">
        <v>7</v>
      </c>
      <c r="D49" s="17">
        <v>16</v>
      </c>
    </row>
    <row r="50" spans="1:4" ht="18" customHeight="1" x14ac:dyDescent="0.2">
      <c r="A50" s="14">
        <v>37</v>
      </c>
      <c r="B50" s="15">
        <v>14</v>
      </c>
      <c r="C50" s="16">
        <v>4</v>
      </c>
      <c r="D50" s="17">
        <v>18</v>
      </c>
    </row>
    <row r="51" spans="1:4" ht="18" customHeight="1" x14ac:dyDescent="0.2">
      <c r="A51" s="14">
        <v>38</v>
      </c>
      <c r="B51" s="15">
        <v>8</v>
      </c>
      <c r="C51" s="16">
        <v>9</v>
      </c>
      <c r="D51" s="17">
        <v>17</v>
      </c>
    </row>
    <row r="52" spans="1:4" ht="18" customHeight="1" x14ac:dyDescent="0.2">
      <c r="A52" s="14">
        <v>39</v>
      </c>
      <c r="B52" s="15">
        <v>11</v>
      </c>
      <c r="C52" s="16">
        <v>9</v>
      </c>
      <c r="D52" s="17">
        <v>20</v>
      </c>
    </row>
    <row r="53" spans="1:4" ht="18" customHeight="1" x14ac:dyDescent="0.2">
      <c r="A53" s="18" t="s">
        <v>56</v>
      </c>
      <c r="B53" s="15">
        <v>55</v>
      </c>
      <c r="C53" s="16">
        <v>35</v>
      </c>
      <c r="D53" s="17">
        <v>90</v>
      </c>
    </row>
    <row r="54" spans="1:4" ht="18" customHeight="1" x14ac:dyDescent="0.2">
      <c r="A54" s="14">
        <v>40</v>
      </c>
      <c r="B54" s="15">
        <v>12</v>
      </c>
      <c r="C54" s="16">
        <v>12</v>
      </c>
      <c r="D54" s="17">
        <v>24</v>
      </c>
    </row>
    <row r="55" spans="1:4" ht="18" customHeight="1" x14ac:dyDescent="0.2">
      <c r="A55" s="14">
        <v>41</v>
      </c>
      <c r="B55" s="15">
        <v>5</v>
      </c>
      <c r="C55" s="16">
        <v>8</v>
      </c>
      <c r="D55" s="17">
        <v>13</v>
      </c>
    </row>
    <row r="56" spans="1:4" ht="18" customHeight="1" x14ac:dyDescent="0.2">
      <c r="A56" s="14">
        <v>42</v>
      </c>
      <c r="B56" s="15">
        <v>13</v>
      </c>
      <c r="C56" s="16">
        <v>7</v>
      </c>
      <c r="D56" s="17">
        <v>20</v>
      </c>
    </row>
    <row r="57" spans="1:4" ht="18" customHeight="1" x14ac:dyDescent="0.2">
      <c r="A57" s="14">
        <v>43</v>
      </c>
      <c r="B57" s="15">
        <v>14</v>
      </c>
      <c r="C57" s="16">
        <v>15</v>
      </c>
      <c r="D57" s="17">
        <v>29</v>
      </c>
    </row>
    <row r="58" spans="1:4" ht="18" customHeight="1" x14ac:dyDescent="0.2">
      <c r="A58" s="14">
        <v>44</v>
      </c>
      <c r="B58" s="15">
        <v>13</v>
      </c>
      <c r="C58" s="16">
        <v>12</v>
      </c>
      <c r="D58" s="17">
        <v>25</v>
      </c>
    </row>
    <row r="59" spans="1:4" ht="18" customHeight="1" x14ac:dyDescent="0.2">
      <c r="A59" s="18" t="s">
        <v>57</v>
      </c>
      <c r="B59" s="15">
        <v>57</v>
      </c>
      <c r="C59" s="16">
        <v>54</v>
      </c>
      <c r="D59" s="17">
        <v>111</v>
      </c>
    </row>
    <row r="60" spans="1:4" ht="18" customHeight="1" x14ac:dyDescent="0.2">
      <c r="A60" s="14">
        <v>45</v>
      </c>
      <c r="B60" s="15">
        <v>10</v>
      </c>
      <c r="C60" s="16">
        <v>10</v>
      </c>
      <c r="D60" s="17">
        <v>20</v>
      </c>
    </row>
    <row r="61" spans="1:4" ht="18" customHeight="1" x14ac:dyDescent="0.2">
      <c r="A61" s="14">
        <v>46</v>
      </c>
      <c r="B61" s="15">
        <v>14</v>
      </c>
      <c r="C61" s="16">
        <v>9</v>
      </c>
      <c r="D61" s="17">
        <v>23</v>
      </c>
    </row>
    <row r="62" spans="1:4" ht="18" customHeight="1" x14ac:dyDescent="0.2">
      <c r="A62" s="14">
        <v>47</v>
      </c>
      <c r="B62" s="15">
        <v>11</v>
      </c>
      <c r="C62" s="16">
        <v>11</v>
      </c>
      <c r="D62" s="17">
        <v>22</v>
      </c>
    </row>
    <row r="63" spans="1:4" ht="18" customHeight="1" x14ac:dyDescent="0.2">
      <c r="A63" s="14">
        <v>48</v>
      </c>
      <c r="B63" s="15">
        <v>13</v>
      </c>
      <c r="C63" s="16">
        <v>16</v>
      </c>
      <c r="D63" s="17">
        <v>29</v>
      </c>
    </row>
    <row r="64" spans="1:4" ht="18" customHeight="1" x14ac:dyDescent="0.2">
      <c r="A64" s="14">
        <v>49</v>
      </c>
      <c r="B64" s="15">
        <v>13</v>
      </c>
      <c r="C64" s="16">
        <v>12</v>
      </c>
      <c r="D64" s="17">
        <v>25</v>
      </c>
    </row>
    <row r="65" spans="1:4" ht="18" customHeight="1" x14ac:dyDescent="0.2">
      <c r="A65" s="18" t="s">
        <v>58</v>
      </c>
      <c r="B65" s="15">
        <v>61</v>
      </c>
      <c r="C65" s="16">
        <v>58</v>
      </c>
      <c r="D65" s="17">
        <v>119</v>
      </c>
    </row>
    <row r="66" spans="1:4" ht="18" customHeight="1" x14ac:dyDescent="0.2">
      <c r="A66" s="14">
        <v>50</v>
      </c>
      <c r="B66" s="15">
        <v>12</v>
      </c>
      <c r="C66" s="16">
        <v>7</v>
      </c>
      <c r="D66" s="17">
        <v>19</v>
      </c>
    </row>
    <row r="67" spans="1:4" ht="18" customHeight="1" x14ac:dyDescent="0.2">
      <c r="A67" s="14">
        <v>51</v>
      </c>
      <c r="B67" s="15">
        <v>9</v>
      </c>
      <c r="C67" s="16">
        <v>8</v>
      </c>
      <c r="D67" s="17">
        <v>17</v>
      </c>
    </row>
    <row r="68" spans="1:4" ht="18" customHeight="1" x14ac:dyDescent="0.2">
      <c r="A68" s="14">
        <v>52</v>
      </c>
      <c r="B68" s="15">
        <v>12</v>
      </c>
      <c r="C68" s="16">
        <v>12</v>
      </c>
      <c r="D68" s="17">
        <v>24</v>
      </c>
    </row>
    <row r="69" spans="1:4" ht="18" customHeight="1" x14ac:dyDescent="0.2">
      <c r="A69" s="14">
        <v>53</v>
      </c>
      <c r="B69" s="15">
        <v>11</v>
      </c>
      <c r="C69" s="16">
        <v>12</v>
      </c>
      <c r="D69" s="17">
        <v>23</v>
      </c>
    </row>
    <row r="70" spans="1:4" ht="18" customHeight="1" x14ac:dyDescent="0.2">
      <c r="A70" s="14">
        <v>54</v>
      </c>
      <c r="B70" s="15">
        <v>7</v>
      </c>
      <c r="C70" s="16">
        <v>5</v>
      </c>
      <c r="D70" s="17">
        <v>12</v>
      </c>
    </row>
    <row r="71" spans="1:4" ht="18" customHeight="1" x14ac:dyDescent="0.2">
      <c r="A71" s="18" t="s">
        <v>59</v>
      </c>
      <c r="B71" s="15">
        <v>51</v>
      </c>
      <c r="C71" s="16">
        <v>44</v>
      </c>
      <c r="D71" s="17">
        <v>95</v>
      </c>
    </row>
    <row r="72" spans="1:4" ht="18" customHeight="1" x14ac:dyDescent="0.2">
      <c r="A72" s="14">
        <v>55</v>
      </c>
      <c r="B72" s="15">
        <v>11</v>
      </c>
      <c r="C72" s="16">
        <v>11</v>
      </c>
      <c r="D72" s="17">
        <v>22</v>
      </c>
    </row>
    <row r="73" spans="1:4" ht="18" customHeight="1" x14ac:dyDescent="0.2">
      <c r="A73" s="14">
        <v>56</v>
      </c>
      <c r="B73" s="15">
        <v>9</v>
      </c>
      <c r="C73" s="16">
        <v>11</v>
      </c>
      <c r="D73" s="17">
        <v>20</v>
      </c>
    </row>
    <row r="74" spans="1:4" ht="18" customHeight="1" x14ac:dyDescent="0.2">
      <c r="A74" s="14">
        <v>57</v>
      </c>
      <c r="B74" s="15">
        <v>15</v>
      </c>
      <c r="C74" s="16">
        <v>14</v>
      </c>
      <c r="D74" s="17">
        <v>29</v>
      </c>
    </row>
    <row r="75" spans="1:4" ht="18" customHeight="1" x14ac:dyDescent="0.2">
      <c r="A75" s="14">
        <v>58</v>
      </c>
      <c r="B75" s="15">
        <v>5</v>
      </c>
      <c r="C75" s="16">
        <v>6</v>
      </c>
      <c r="D75" s="17">
        <v>11</v>
      </c>
    </row>
    <row r="76" spans="1:4" ht="18" customHeight="1" x14ac:dyDescent="0.2">
      <c r="A76" s="14">
        <v>59</v>
      </c>
      <c r="B76" s="15">
        <v>9</v>
      </c>
      <c r="C76" s="16">
        <v>7</v>
      </c>
      <c r="D76" s="17">
        <v>16</v>
      </c>
    </row>
    <row r="77" spans="1:4" ht="18" customHeight="1" x14ac:dyDescent="0.2">
      <c r="A77" s="18" t="s">
        <v>60</v>
      </c>
      <c r="B77" s="15">
        <v>49</v>
      </c>
      <c r="C77" s="16">
        <v>49</v>
      </c>
      <c r="D77" s="17">
        <v>98</v>
      </c>
    </row>
    <row r="78" spans="1:4" ht="18" customHeight="1" x14ac:dyDescent="0.2">
      <c r="A78" s="14">
        <v>60</v>
      </c>
      <c r="B78" s="15">
        <v>12</v>
      </c>
      <c r="C78" s="16">
        <v>16</v>
      </c>
      <c r="D78" s="17">
        <v>28</v>
      </c>
    </row>
    <row r="79" spans="1:4" ht="18" customHeight="1" x14ac:dyDescent="0.2">
      <c r="A79" s="14">
        <v>61</v>
      </c>
      <c r="B79" s="15">
        <v>14</v>
      </c>
      <c r="C79" s="16">
        <v>10</v>
      </c>
      <c r="D79" s="17">
        <v>24</v>
      </c>
    </row>
    <row r="80" spans="1:4" ht="18" customHeight="1" x14ac:dyDescent="0.2">
      <c r="A80" s="14">
        <v>62</v>
      </c>
      <c r="B80" s="15">
        <v>11</v>
      </c>
      <c r="C80" s="16">
        <v>16</v>
      </c>
      <c r="D80" s="17">
        <v>27</v>
      </c>
    </row>
    <row r="81" spans="1:4" ht="18" customHeight="1" x14ac:dyDescent="0.2">
      <c r="A81" s="14">
        <v>63</v>
      </c>
      <c r="B81" s="15">
        <v>8</v>
      </c>
      <c r="C81" s="16">
        <v>11</v>
      </c>
      <c r="D81" s="17">
        <v>19</v>
      </c>
    </row>
    <row r="82" spans="1:4" ht="18" customHeight="1" x14ac:dyDescent="0.2">
      <c r="A82" s="14">
        <v>64</v>
      </c>
      <c r="B82" s="15">
        <v>8</v>
      </c>
      <c r="C82" s="16">
        <v>7</v>
      </c>
      <c r="D82" s="17">
        <v>15</v>
      </c>
    </row>
    <row r="83" spans="1:4" ht="18" customHeight="1" x14ac:dyDescent="0.2">
      <c r="A83" s="18" t="s">
        <v>61</v>
      </c>
      <c r="B83" s="15">
        <v>53</v>
      </c>
      <c r="C83" s="16">
        <v>60</v>
      </c>
      <c r="D83" s="17">
        <v>113</v>
      </c>
    </row>
    <row r="84" spans="1:4" ht="18" customHeight="1" x14ac:dyDescent="0.2">
      <c r="A84" s="18" t="s">
        <v>62</v>
      </c>
      <c r="B84" s="15">
        <v>499</v>
      </c>
      <c r="C84" s="16">
        <v>426</v>
      </c>
      <c r="D84" s="17">
        <v>925</v>
      </c>
    </row>
    <row r="85" spans="1:4" ht="18" customHeight="1" x14ac:dyDescent="0.2">
      <c r="A85" s="14">
        <v>65</v>
      </c>
      <c r="B85" s="15">
        <v>14</v>
      </c>
      <c r="C85" s="16">
        <v>12</v>
      </c>
      <c r="D85" s="17">
        <v>26</v>
      </c>
    </row>
    <row r="86" spans="1:4" ht="18" customHeight="1" x14ac:dyDescent="0.2">
      <c r="A86" s="14">
        <v>66</v>
      </c>
      <c r="B86" s="15">
        <v>7</v>
      </c>
      <c r="C86" s="16">
        <v>9</v>
      </c>
      <c r="D86" s="17">
        <v>16</v>
      </c>
    </row>
    <row r="87" spans="1:4" ht="18" customHeight="1" x14ac:dyDescent="0.2">
      <c r="A87" s="14">
        <v>67</v>
      </c>
      <c r="B87" s="15">
        <v>13</v>
      </c>
      <c r="C87" s="16">
        <v>13</v>
      </c>
      <c r="D87" s="17">
        <v>26</v>
      </c>
    </row>
    <row r="88" spans="1:4" ht="18" customHeight="1" x14ac:dyDescent="0.2">
      <c r="A88" s="14">
        <v>68</v>
      </c>
      <c r="B88" s="15">
        <v>11</v>
      </c>
      <c r="C88" s="16">
        <v>14</v>
      </c>
      <c r="D88" s="17">
        <v>25</v>
      </c>
    </row>
    <row r="89" spans="1:4" ht="18" customHeight="1" x14ac:dyDescent="0.2">
      <c r="A89" s="14">
        <v>69</v>
      </c>
      <c r="B89" s="15">
        <v>8</v>
      </c>
      <c r="C89" s="16">
        <v>14</v>
      </c>
      <c r="D89" s="17">
        <v>22</v>
      </c>
    </row>
    <row r="90" spans="1:4" ht="18" customHeight="1" x14ac:dyDescent="0.2">
      <c r="A90" s="18" t="s">
        <v>63</v>
      </c>
      <c r="B90" s="15">
        <v>53</v>
      </c>
      <c r="C90" s="16">
        <v>62</v>
      </c>
      <c r="D90" s="17">
        <v>115</v>
      </c>
    </row>
    <row r="91" spans="1:4" ht="18" customHeight="1" x14ac:dyDescent="0.2">
      <c r="A91" s="14">
        <v>70</v>
      </c>
      <c r="B91" s="15">
        <v>9</v>
      </c>
      <c r="C91" s="16">
        <v>10</v>
      </c>
      <c r="D91" s="17">
        <v>19</v>
      </c>
    </row>
    <row r="92" spans="1:4" ht="18" customHeight="1" x14ac:dyDescent="0.2">
      <c r="A92" s="14">
        <v>71</v>
      </c>
      <c r="B92" s="15">
        <v>23</v>
      </c>
      <c r="C92" s="16">
        <v>17</v>
      </c>
      <c r="D92" s="17">
        <v>40</v>
      </c>
    </row>
    <row r="93" spans="1:4" ht="18" customHeight="1" x14ac:dyDescent="0.2">
      <c r="A93" s="14">
        <v>72</v>
      </c>
      <c r="B93" s="15">
        <v>14</v>
      </c>
      <c r="C93" s="16">
        <v>20</v>
      </c>
      <c r="D93" s="17">
        <v>34</v>
      </c>
    </row>
    <row r="94" spans="1:4" ht="18" customHeight="1" x14ac:dyDescent="0.2">
      <c r="A94" s="14">
        <v>73</v>
      </c>
      <c r="B94" s="15">
        <v>17</v>
      </c>
      <c r="C94" s="16">
        <v>14</v>
      </c>
      <c r="D94" s="17">
        <v>31</v>
      </c>
    </row>
    <row r="95" spans="1:4" ht="18" customHeight="1" x14ac:dyDescent="0.2">
      <c r="A95" s="14">
        <v>74</v>
      </c>
      <c r="B95" s="15">
        <v>6</v>
      </c>
      <c r="C95" s="16">
        <v>10</v>
      </c>
      <c r="D95" s="17">
        <v>16</v>
      </c>
    </row>
    <row r="96" spans="1:4" ht="18" customHeight="1" x14ac:dyDescent="0.2">
      <c r="A96" s="18" t="s">
        <v>64</v>
      </c>
      <c r="B96" s="15">
        <v>69</v>
      </c>
      <c r="C96" s="16">
        <v>71</v>
      </c>
      <c r="D96" s="17">
        <v>140</v>
      </c>
    </row>
    <row r="97" spans="1:4" ht="18" customHeight="1" x14ac:dyDescent="0.2">
      <c r="A97" s="14">
        <v>75</v>
      </c>
      <c r="B97" s="15">
        <v>9</v>
      </c>
      <c r="C97" s="16">
        <v>9</v>
      </c>
      <c r="D97" s="17">
        <v>18</v>
      </c>
    </row>
    <row r="98" spans="1:4" ht="18" customHeight="1" x14ac:dyDescent="0.2">
      <c r="A98" s="14">
        <v>76</v>
      </c>
      <c r="B98" s="15">
        <v>10</v>
      </c>
      <c r="C98" s="16">
        <v>10</v>
      </c>
      <c r="D98" s="17">
        <v>20</v>
      </c>
    </row>
    <row r="99" spans="1:4" ht="18" customHeight="1" x14ac:dyDescent="0.2">
      <c r="A99" s="14">
        <v>77</v>
      </c>
      <c r="B99" s="15">
        <v>11</v>
      </c>
      <c r="C99" s="16">
        <v>10</v>
      </c>
      <c r="D99" s="17">
        <v>21</v>
      </c>
    </row>
    <row r="100" spans="1:4" ht="18" customHeight="1" x14ac:dyDescent="0.2">
      <c r="A100" s="14">
        <v>78</v>
      </c>
      <c r="B100" s="15">
        <v>11</v>
      </c>
      <c r="C100" s="16">
        <v>16</v>
      </c>
      <c r="D100" s="17">
        <v>27</v>
      </c>
    </row>
    <row r="101" spans="1:4" ht="18" customHeight="1" x14ac:dyDescent="0.2">
      <c r="A101" s="14">
        <v>79</v>
      </c>
      <c r="B101" s="15">
        <v>3</v>
      </c>
      <c r="C101" s="16">
        <v>16</v>
      </c>
      <c r="D101" s="17">
        <v>19</v>
      </c>
    </row>
    <row r="102" spans="1:4" ht="18" customHeight="1" x14ac:dyDescent="0.2">
      <c r="A102" s="18" t="s">
        <v>65</v>
      </c>
      <c r="B102" s="15">
        <v>44</v>
      </c>
      <c r="C102" s="16">
        <v>61</v>
      </c>
      <c r="D102" s="17">
        <v>105</v>
      </c>
    </row>
    <row r="103" spans="1:4" ht="18" customHeight="1" x14ac:dyDescent="0.2">
      <c r="A103" s="14">
        <v>80</v>
      </c>
      <c r="B103" s="15">
        <v>8</v>
      </c>
      <c r="C103" s="16">
        <v>10</v>
      </c>
      <c r="D103" s="17">
        <v>18</v>
      </c>
    </row>
    <row r="104" spans="1:4" ht="18" customHeight="1" x14ac:dyDescent="0.2">
      <c r="A104" s="14">
        <v>81</v>
      </c>
      <c r="B104" s="15">
        <v>4</v>
      </c>
      <c r="C104" s="16">
        <v>10</v>
      </c>
      <c r="D104" s="17">
        <v>14</v>
      </c>
    </row>
    <row r="105" spans="1:4" ht="18" customHeight="1" x14ac:dyDescent="0.2">
      <c r="A105" s="14">
        <v>82</v>
      </c>
      <c r="B105" s="15">
        <v>7</v>
      </c>
      <c r="C105" s="16">
        <v>10</v>
      </c>
      <c r="D105" s="17">
        <v>17</v>
      </c>
    </row>
    <row r="106" spans="1:4" ht="18" customHeight="1" x14ac:dyDescent="0.2">
      <c r="A106" s="14">
        <v>83</v>
      </c>
      <c r="B106" s="15">
        <v>8</v>
      </c>
      <c r="C106" s="16">
        <v>16</v>
      </c>
      <c r="D106" s="17">
        <v>24</v>
      </c>
    </row>
    <row r="107" spans="1:4" ht="18" customHeight="1" x14ac:dyDescent="0.2">
      <c r="A107" s="14">
        <v>84</v>
      </c>
      <c r="B107" s="15">
        <v>5</v>
      </c>
      <c r="C107" s="16">
        <v>17</v>
      </c>
      <c r="D107" s="17">
        <v>22</v>
      </c>
    </row>
    <row r="108" spans="1:4" ht="18" customHeight="1" x14ac:dyDescent="0.2">
      <c r="A108" s="18" t="s">
        <v>66</v>
      </c>
      <c r="B108" s="15">
        <v>32</v>
      </c>
      <c r="C108" s="16">
        <v>63</v>
      </c>
      <c r="D108" s="17">
        <v>95</v>
      </c>
    </row>
    <row r="109" spans="1:4" ht="18" customHeight="1" x14ac:dyDescent="0.2">
      <c r="A109" s="14">
        <v>85</v>
      </c>
      <c r="B109" s="15">
        <v>4</v>
      </c>
      <c r="C109" s="16">
        <v>9</v>
      </c>
      <c r="D109" s="17">
        <v>13</v>
      </c>
    </row>
    <row r="110" spans="1:4" ht="18" customHeight="1" x14ac:dyDescent="0.2">
      <c r="A110" s="14">
        <v>86</v>
      </c>
      <c r="B110" s="15">
        <v>6</v>
      </c>
      <c r="C110" s="16">
        <v>5</v>
      </c>
      <c r="D110" s="17">
        <v>11</v>
      </c>
    </row>
    <row r="111" spans="1:4" ht="18" customHeight="1" x14ac:dyDescent="0.2">
      <c r="A111" s="14">
        <v>87</v>
      </c>
      <c r="B111" s="15">
        <v>1</v>
      </c>
      <c r="C111" s="16">
        <v>3</v>
      </c>
      <c r="D111" s="17">
        <v>4</v>
      </c>
    </row>
    <row r="112" spans="1:4" ht="18" customHeight="1" x14ac:dyDescent="0.2">
      <c r="A112" s="14">
        <v>88</v>
      </c>
      <c r="B112" s="15">
        <v>2</v>
      </c>
      <c r="C112" s="16">
        <v>8</v>
      </c>
      <c r="D112" s="17">
        <v>10</v>
      </c>
    </row>
    <row r="113" spans="1:4" ht="18" customHeight="1" x14ac:dyDescent="0.2">
      <c r="A113" s="14">
        <v>89</v>
      </c>
      <c r="B113" s="15">
        <v>2</v>
      </c>
      <c r="C113" s="16">
        <v>12</v>
      </c>
      <c r="D113" s="17">
        <v>14</v>
      </c>
    </row>
    <row r="114" spans="1:4" ht="18" customHeight="1" x14ac:dyDescent="0.2">
      <c r="A114" s="18" t="s">
        <v>67</v>
      </c>
      <c r="B114" s="15">
        <v>15</v>
      </c>
      <c r="C114" s="16">
        <v>37</v>
      </c>
      <c r="D114" s="17">
        <v>52</v>
      </c>
    </row>
    <row r="115" spans="1:4" ht="18" customHeight="1" x14ac:dyDescent="0.2">
      <c r="A115" s="14">
        <v>90</v>
      </c>
      <c r="B115" s="15">
        <v>1</v>
      </c>
      <c r="C115" s="16">
        <v>5</v>
      </c>
      <c r="D115" s="17">
        <v>6</v>
      </c>
    </row>
    <row r="116" spans="1:4" ht="18" customHeight="1" x14ac:dyDescent="0.2">
      <c r="A116" s="14">
        <v>91</v>
      </c>
      <c r="B116" s="15">
        <v>1</v>
      </c>
      <c r="C116" s="16">
        <v>5</v>
      </c>
      <c r="D116" s="17">
        <v>6</v>
      </c>
    </row>
    <row r="117" spans="1:4" ht="18" customHeight="1" x14ac:dyDescent="0.2">
      <c r="A117" s="14">
        <v>92</v>
      </c>
      <c r="B117" s="15">
        <v>3</v>
      </c>
      <c r="C117" s="16">
        <v>4</v>
      </c>
      <c r="D117" s="17">
        <v>7</v>
      </c>
    </row>
    <row r="118" spans="1:4" ht="18" customHeight="1" x14ac:dyDescent="0.2">
      <c r="A118" s="14">
        <v>93</v>
      </c>
      <c r="B118" s="15">
        <v>1</v>
      </c>
      <c r="C118" s="16">
        <v>1</v>
      </c>
      <c r="D118" s="17">
        <v>2</v>
      </c>
    </row>
    <row r="119" spans="1:4" ht="18" customHeight="1" x14ac:dyDescent="0.2">
      <c r="A119" s="14">
        <v>94</v>
      </c>
      <c r="B119" s="15">
        <v>1</v>
      </c>
      <c r="C119" s="16">
        <v>2</v>
      </c>
      <c r="D119" s="17">
        <v>3</v>
      </c>
    </row>
    <row r="120" spans="1:4" ht="18" customHeight="1" x14ac:dyDescent="0.2">
      <c r="A120" s="18" t="s">
        <v>68</v>
      </c>
      <c r="B120" s="15">
        <v>7</v>
      </c>
      <c r="C120" s="16">
        <v>17</v>
      </c>
      <c r="D120" s="17">
        <v>24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8</v>
      </c>
      <c r="D126" s="17">
        <v>10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223</v>
      </c>
      <c r="C130" s="5">
        <v>320</v>
      </c>
      <c r="D130" s="6">
        <v>543</v>
      </c>
    </row>
    <row r="131" spans="1:4" ht="18" customHeight="1" x14ac:dyDescent="0.2">
      <c r="A131" s="20" t="s">
        <v>47</v>
      </c>
      <c r="B131" s="7">
        <v>818</v>
      </c>
      <c r="C131" s="8">
        <v>845</v>
      </c>
      <c r="D131" s="9">
        <v>166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</v>
      </c>
      <c r="C5" s="12">
        <v>3</v>
      </c>
      <c r="D5" s="13">
        <v>6</v>
      </c>
    </row>
    <row r="6" spans="1:4" ht="18" customHeight="1" x14ac:dyDescent="0.2">
      <c r="A6" s="14">
        <v>1</v>
      </c>
      <c r="B6" s="15">
        <v>3</v>
      </c>
      <c r="C6" s="16">
        <v>4</v>
      </c>
      <c r="D6" s="17">
        <v>7</v>
      </c>
    </row>
    <row r="7" spans="1:4" ht="18" customHeight="1" x14ac:dyDescent="0.2">
      <c r="A7" s="14">
        <v>2</v>
      </c>
      <c r="B7" s="15">
        <v>3</v>
      </c>
      <c r="C7" s="16">
        <v>5</v>
      </c>
      <c r="D7" s="17">
        <v>8</v>
      </c>
    </row>
    <row r="8" spans="1:4" ht="18" customHeight="1" x14ac:dyDescent="0.2">
      <c r="A8" s="14">
        <v>3</v>
      </c>
      <c r="B8" s="15">
        <v>5</v>
      </c>
      <c r="C8" s="16">
        <v>3</v>
      </c>
      <c r="D8" s="17">
        <v>8</v>
      </c>
    </row>
    <row r="9" spans="1:4" ht="18" customHeight="1" x14ac:dyDescent="0.2">
      <c r="A9" s="14">
        <v>4</v>
      </c>
      <c r="B9" s="15">
        <v>5</v>
      </c>
      <c r="C9" s="16">
        <v>5</v>
      </c>
      <c r="D9" s="17">
        <v>10</v>
      </c>
    </row>
    <row r="10" spans="1:4" ht="18" customHeight="1" x14ac:dyDescent="0.2">
      <c r="A10" s="18" t="s">
        <v>48</v>
      </c>
      <c r="B10" s="15">
        <v>19</v>
      </c>
      <c r="C10" s="16">
        <v>20</v>
      </c>
      <c r="D10" s="17">
        <v>39</v>
      </c>
    </row>
    <row r="11" spans="1:4" ht="18" customHeight="1" x14ac:dyDescent="0.2">
      <c r="A11" s="14">
        <v>5</v>
      </c>
      <c r="B11" s="15">
        <v>2</v>
      </c>
      <c r="C11" s="16">
        <v>2</v>
      </c>
      <c r="D11" s="17">
        <v>4</v>
      </c>
    </row>
    <row r="12" spans="1:4" ht="18" customHeight="1" x14ac:dyDescent="0.2">
      <c r="A12" s="14">
        <v>6</v>
      </c>
      <c r="B12" s="15">
        <v>4</v>
      </c>
      <c r="C12" s="16">
        <v>6</v>
      </c>
      <c r="D12" s="17">
        <v>10</v>
      </c>
    </row>
    <row r="13" spans="1:4" ht="18" customHeight="1" x14ac:dyDescent="0.2">
      <c r="A13" s="14">
        <v>7</v>
      </c>
      <c r="B13" s="15">
        <v>4</v>
      </c>
      <c r="C13" s="16">
        <v>4</v>
      </c>
      <c r="D13" s="17">
        <v>8</v>
      </c>
    </row>
    <row r="14" spans="1:4" ht="18" customHeight="1" x14ac:dyDescent="0.2">
      <c r="A14" s="14">
        <v>8</v>
      </c>
      <c r="B14" s="15">
        <v>3</v>
      </c>
      <c r="C14" s="16">
        <v>3</v>
      </c>
      <c r="D14" s="17">
        <v>6</v>
      </c>
    </row>
    <row r="15" spans="1:4" ht="18" customHeight="1" x14ac:dyDescent="0.2">
      <c r="A15" s="14">
        <v>9</v>
      </c>
      <c r="B15" s="15">
        <v>2</v>
      </c>
      <c r="C15" s="16">
        <v>4</v>
      </c>
      <c r="D15" s="17">
        <v>6</v>
      </c>
    </row>
    <row r="16" spans="1:4" ht="18" customHeight="1" x14ac:dyDescent="0.2">
      <c r="A16" s="18" t="s">
        <v>49</v>
      </c>
      <c r="B16" s="15">
        <v>15</v>
      </c>
      <c r="C16" s="16">
        <v>19</v>
      </c>
      <c r="D16" s="17">
        <v>34</v>
      </c>
    </row>
    <row r="17" spans="1:4" ht="18" customHeight="1" x14ac:dyDescent="0.2">
      <c r="A17" s="14">
        <v>10</v>
      </c>
      <c r="B17" s="15">
        <v>4</v>
      </c>
      <c r="C17" s="16">
        <v>3</v>
      </c>
      <c r="D17" s="17">
        <v>7</v>
      </c>
    </row>
    <row r="18" spans="1:4" ht="18" customHeight="1" x14ac:dyDescent="0.2">
      <c r="A18" s="14">
        <v>11</v>
      </c>
      <c r="B18" s="15">
        <v>3</v>
      </c>
      <c r="C18" s="16">
        <v>2</v>
      </c>
      <c r="D18" s="17">
        <v>5</v>
      </c>
    </row>
    <row r="19" spans="1:4" ht="18" customHeight="1" x14ac:dyDescent="0.2">
      <c r="A19" s="14">
        <v>12</v>
      </c>
      <c r="B19" s="15">
        <v>1</v>
      </c>
      <c r="C19" s="16">
        <v>3</v>
      </c>
      <c r="D19" s="17">
        <v>4</v>
      </c>
    </row>
    <row r="20" spans="1:4" ht="18" customHeight="1" x14ac:dyDescent="0.2">
      <c r="A20" s="14">
        <v>13</v>
      </c>
      <c r="B20" s="15">
        <v>3</v>
      </c>
      <c r="C20" s="16">
        <v>7</v>
      </c>
      <c r="D20" s="17">
        <v>10</v>
      </c>
    </row>
    <row r="21" spans="1:4" ht="18" customHeight="1" x14ac:dyDescent="0.2">
      <c r="A21" s="14">
        <v>14</v>
      </c>
      <c r="B21" s="15">
        <v>5</v>
      </c>
      <c r="C21" s="16">
        <v>4</v>
      </c>
      <c r="D21" s="17">
        <v>9</v>
      </c>
    </row>
    <row r="22" spans="1:4" ht="18" customHeight="1" x14ac:dyDescent="0.2">
      <c r="A22" s="18" t="s">
        <v>50</v>
      </c>
      <c r="B22" s="15">
        <v>16</v>
      </c>
      <c r="C22" s="16">
        <v>19</v>
      </c>
      <c r="D22" s="17">
        <v>35</v>
      </c>
    </row>
    <row r="23" spans="1:4" ht="18" customHeight="1" x14ac:dyDescent="0.2">
      <c r="A23" s="18" t="s">
        <v>51</v>
      </c>
      <c r="B23" s="15">
        <v>50</v>
      </c>
      <c r="C23" s="16">
        <v>58</v>
      </c>
      <c r="D23" s="17">
        <v>108</v>
      </c>
    </row>
    <row r="24" spans="1:4" ht="18" customHeight="1" x14ac:dyDescent="0.2">
      <c r="A24" s="14">
        <v>15</v>
      </c>
      <c r="B24" s="15">
        <v>3</v>
      </c>
      <c r="C24" s="16">
        <v>7</v>
      </c>
      <c r="D24" s="17">
        <v>10</v>
      </c>
    </row>
    <row r="25" spans="1:4" ht="18" customHeight="1" x14ac:dyDescent="0.2">
      <c r="A25" s="14">
        <v>16</v>
      </c>
      <c r="B25" s="15">
        <v>13</v>
      </c>
      <c r="C25" s="16">
        <v>5</v>
      </c>
      <c r="D25" s="17">
        <v>18</v>
      </c>
    </row>
    <row r="26" spans="1:4" ht="18" customHeight="1" x14ac:dyDescent="0.2">
      <c r="A26" s="14">
        <v>17</v>
      </c>
      <c r="B26" s="15">
        <v>4</v>
      </c>
      <c r="C26" s="16">
        <v>3</v>
      </c>
      <c r="D26" s="17">
        <v>7</v>
      </c>
    </row>
    <row r="27" spans="1:4" ht="18" customHeight="1" x14ac:dyDescent="0.2">
      <c r="A27" s="14">
        <v>18</v>
      </c>
      <c r="B27" s="15">
        <v>11</v>
      </c>
      <c r="C27" s="16">
        <v>11</v>
      </c>
      <c r="D27" s="17">
        <v>22</v>
      </c>
    </row>
    <row r="28" spans="1:4" ht="18" customHeight="1" x14ac:dyDescent="0.2">
      <c r="A28" s="14">
        <v>19</v>
      </c>
      <c r="B28" s="15">
        <v>13</v>
      </c>
      <c r="C28" s="16">
        <v>18</v>
      </c>
      <c r="D28" s="17">
        <v>31</v>
      </c>
    </row>
    <row r="29" spans="1:4" ht="18" customHeight="1" x14ac:dyDescent="0.2">
      <c r="A29" s="18" t="s">
        <v>52</v>
      </c>
      <c r="B29" s="15">
        <v>44</v>
      </c>
      <c r="C29" s="16">
        <v>44</v>
      </c>
      <c r="D29" s="17">
        <v>88</v>
      </c>
    </row>
    <row r="30" spans="1:4" ht="18" customHeight="1" x14ac:dyDescent="0.2">
      <c r="A30" s="14">
        <v>20</v>
      </c>
      <c r="B30" s="15">
        <v>22</v>
      </c>
      <c r="C30" s="16">
        <v>15</v>
      </c>
      <c r="D30" s="17">
        <v>37</v>
      </c>
    </row>
    <row r="31" spans="1:4" ht="18" customHeight="1" x14ac:dyDescent="0.2">
      <c r="A31" s="14">
        <v>21</v>
      </c>
      <c r="B31" s="15">
        <v>13</v>
      </c>
      <c r="C31" s="16">
        <v>26</v>
      </c>
      <c r="D31" s="17">
        <v>39</v>
      </c>
    </row>
    <row r="32" spans="1:4" ht="18" customHeight="1" x14ac:dyDescent="0.2">
      <c r="A32" s="14">
        <v>22</v>
      </c>
      <c r="B32" s="15">
        <v>28</v>
      </c>
      <c r="C32" s="16">
        <v>25</v>
      </c>
      <c r="D32" s="17">
        <v>53</v>
      </c>
    </row>
    <row r="33" spans="1:4" ht="18" customHeight="1" x14ac:dyDescent="0.2">
      <c r="A33" s="14">
        <v>23</v>
      </c>
      <c r="B33" s="15">
        <v>21</v>
      </c>
      <c r="C33" s="16">
        <v>29</v>
      </c>
      <c r="D33" s="17">
        <v>50</v>
      </c>
    </row>
    <row r="34" spans="1:4" ht="18" customHeight="1" x14ac:dyDescent="0.2">
      <c r="A34" s="14">
        <v>24</v>
      </c>
      <c r="B34" s="15">
        <v>27</v>
      </c>
      <c r="C34" s="16">
        <v>32</v>
      </c>
      <c r="D34" s="17">
        <v>59</v>
      </c>
    </row>
    <row r="35" spans="1:4" ht="18" customHeight="1" x14ac:dyDescent="0.2">
      <c r="A35" s="18" t="s">
        <v>53</v>
      </c>
      <c r="B35" s="15">
        <v>111</v>
      </c>
      <c r="C35" s="16">
        <v>127</v>
      </c>
      <c r="D35" s="17">
        <v>238</v>
      </c>
    </row>
    <row r="36" spans="1:4" ht="18" customHeight="1" x14ac:dyDescent="0.2">
      <c r="A36" s="14">
        <v>25</v>
      </c>
      <c r="B36" s="15">
        <v>26</v>
      </c>
      <c r="C36" s="16">
        <v>22</v>
      </c>
      <c r="D36" s="17">
        <v>48</v>
      </c>
    </row>
    <row r="37" spans="1:4" ht="18" customHeight="1" x14ac:dyDescent="0.2">
      <c r="A37" s="14">
        <v>26</v>
      </c>
      <c r="B37" s="15">
        <v>11</v>
      </c>
      <c r="C37" s="16">
        <v>21</v>
      </c>
      <c r="D37" s="17">
        <v>32</v>
      </c>
    </row>
    <row r="38" spans="1:4" ht="18" customHeight="1" x14ac:dyDescent="0.2">
      <c r="A38" s="14">
        <v>27</v>
      </c>
      <c r="B38" s="15">
        <v>11</v>
      </c>
      <c r="C38" s="16">
        <v>15</v>
      </c>
      <c r="D38" s="17">
        <v>26</v>
      </c>
    </row>
    <row r="39" spans="1:4" ht="18" customHeight="1" x14ac:dyDescent="0.2">
      <c r="A39" s="14">
        <v>28</v>
      </c>
      <c r="B39" s="15">
        <v>6</v>
      </c>
      <c r="C39" s="16">
        <v>14</v>
      </c>
      <c r="D39" s="17">
        <v>20</v>
      </c>
    </row>
    <row r="40" spans="1:4" ht="18" customHeight="1" x14ac:dyDescent="0.2">
      <c r="A40" s="14">
        <v>29</v>
      </c>
      <c r="B40" s="15">
        <v>9</v>
      </c>
      <c r="C40" s="16">
        <v>10</v>
      </c>
      <c r="D40" s="17">
        <v>19</v>
      </c>
    </row>
    <row r="41" spans="1:4" ht="18" customHeight="1" x14ac:dyDescent="0.2">
      <c r="A41" s="18" t="s">
        <v>54</v>
      </c>
      <c r="B41" s="15">
        <v>63</v>
      </c>
      <c r="C41" s="16">
        <v>82</v>
      </c>
      <c r="D41" s="17">
        <v>145</v>
      </c>
    </row>
    <row r="42" spans="1:4" ht="18" customHeight="1" x14ac:dyDescent="0.2">
      <c r="A42" s="14">
        <v>30</v>
      </c>
      <c r="B42" s="15">
        <v>15</v>
      </c>
      <c r="C42" s="16">
        <v>7</v>
      </c>
      <c r="D42" s="17">
        <v>22</v>
      </c>
    </row>
    <row r="43" spans="1:4" ht="18" customHeight="1" x14ac:dyDescent="0.2">
      <c r="A43" s="14">
        <v>31</v>
      </c>
      <c r="B43" s="15">
        <v>17</v>
      </c>
      <c r="C43" s="16">
        <v>4</v>
      </c>
      <c r="D43" s="17">
        <v>21</v>
      </c>
    </row>
    <row r="44" spans="1:4" ht="18" customHeight="1" x14ac:dyDescent="0.2">
      <c r="A44" s="14">
        <v>32</v>
      </c>
      <c r="B44" s="15">
        <v>10</v>
      </c>
      <c r="C44" s="16">
        <v>5</v>
      </c>
      <c r="D44" s="17">
        <v>15</v>
      </c>
    </row>
    <row r="45" spans="1:4" ht="18" customHeight="1" x14ac:dyDescent="0.2">
      <c r="A45" s="14">
        <v>33</v>
      </c>
      <c r="B45" s="15">
        <v>11</v>
      </c>
      <c r="C45" s="16">
        <v>9</v>
      </c>
      <c r="D45" s="17">
        <v>20</v>
      </c>
    </row>
    <row r="46" spans="1:4" ht="18" customHeight="1" x14ac:dyDescent="0.2">
      <c r="A46" s="14">
        <v>34</v>
      </c>
      <c r="B46" s="15">
        <v>11</v>
      </c>
      <c r="C46" s="16">
        <v>9</v>
      </c>
      <c r="D46" s="17">
        <v>20</v>
      </c>
    </row>
    <row r="47" spans="1:4" ht="18" customHeight="1" x14ac:dyDescent="0.2">
      <c r="A47" s="18" t="s">
        <v>55</v>
      </c>
      <c r="B47" s="15">
        <v>64</v>
      </c>
      <c r="C47" s="16">
        <v>34</v>
      </c>
      <c r="D47" s="17">
        <v>98</v>
      </c>
    </row>
    <row r="48" spans="1:4" ht="18" customHeight="1" x14ac:dyDescent="0.2">
      <c r="A48" s="14">
        <v>35</v>
      </c>
      <c r="B48" s="15">
        <v>8</v>
      </c>
      <c r="C48" s="16">
        <v>5</v>
      </c>
      <c r="D48" s="17">
        <v>13</v>
      </c>
    </row>
    <row r="49" spans="1:4" ht="18" customHeight="1" x14ac:dyDescent="0.2">
      <c r="A49" s="14">
        <v>36</v>
      </c>
      <c r="B49" s="15">
        <v>6</v>
      </c>
      <c r="C49" s="16">
        <v>4</v>
      </c>
      <c r="D49" s="17">
        <v>10</v>
      </c>
    </row>
    <row r="50" spans="1:4" ht="18" customHeight="1" x14ac:dyDescent="0.2">
      <c r="A50" s="14">
        <v>37</v>
      </c>
      <c r="B50" s="15">
        <v>12</v>
      </c>
      <c r="C50" s="16">
        <v>6</v>
      </c>
      <c r="D50" s="17">
        <v>18</v>
      </c>
    </row>
    <row r="51" spans="1:4" ht="18" customHeight="1" x14ac:dyDescent="0.2">
      <c r="A51" s="14">
        <v>38</v>
      </c>
      <c r="B51" s="15">
        <v>15</v>
      </c>
      <c r="C51" s="16">
        <v>4</v>
      </c>
      <c r="D51" s="17">
        <v>19</v>
      </c>
    </row>
    <row r="52" spans="1:4" ht="18" customHeight="1" x14ac:dyDescent="0.2">
      <c r="A52" s="14">
        <v>39</v>
      </c>
      <c r="B52" s="15">
        <v>14</v>
      </c>
      <c r="C52" s="16">
        <v>5</v>
      </c>
      <c r="D52" s="17">
        <v>19</v>
      </c>
    </row>
    <row r="53" spans="1:4" ht="18" customHeight="1" x14ac:dyDescent="0.2">
      <c r="A53" s="18" t="s">
        <v>56</v>
      </c>
      <c r="B53" s="15">
        <v>55</v>
      </c>
      <c r="C53" s="16">
        <v>24</v>
      </c>
      <c r="D53" s="17">
        <v>79</v>
      </c>
    </row>
    <row r="54" spans="1:4" ht="18" customHeight="1" x14ac:dyDescent="0.2">
      <c r="A54" s="14">
        <v>40</v>
      </c>
      <c r="B54" s="15">
        <v>9</v>
      </c>
      <c r="C54" s="16">
        <v>10</v>
      </c>
      <c r="D54" s="17">
        <v>19</v>
      </c>
    </row>
    <row r="55" spans="1:4" ht="18" customHeight="1" x14ac:dyDescent="0.2">
      <c r="A55" s="14">
        <v>41</v>
      </c>
      <c r="B55" s="15">
        <v>4</v>
      </c>
      <c r="C55" s="16">
        <v>4</v>
      </c>
      <c r="D55" s="17">
        <v>8</v>
      </c>
    </row>
    <row r="56" spans="1:4" ht="18" customHeight="1" x14ac:dyDescent="0.2">
      <c r="A56" s="14">
        <v>42</v>
      </c>
      <c r="B56" s="15">
        <v>8</v>
      </c>
      <c r="C56" s="16">
        <v>11</v>
      </c>
      <c r="D56" s="17">
        <v>19</v>
      </c>
    </row>
    <row r="57" spans="1:4" ht="18" customHeight="1" x14ac:dyDescent="0.2">
      <c r="A57" s="14">
        <v>43</v>
      </c>
      <c r="B57" s="15">
        <v>11</v>
      </c>
      <c r="C57" s="16">
        <v>8</v>
      </c>
      <c r="D57" s="17">
        <v>19</v>
      </c>
    </row>
    <row r="58" spans="1:4" ht="18" customHeight="1" x14ac:dyDescent="0.2">
      <c r="A58" s="14">
        <v>44</v>
      </c>
      <c r="B58" s="15">
        <v>14</v>
      </c>
      <c r="C58" s="16">
        <v>9</v>
      </c>
      <c r="D58" s="17">
        <v>23</v>
      </c>
    </row>
    <row r="59" spans="1:4" ht="18" customHeight="1" x14ac:dyDescent="0.2">
      <c r="A59" s="18" t="s">
        <v>57</v>
      </c>
      <c r="B59" s="15">
        <v>46</v>
      </c>
      <c r="C59" s="16">
        <v>42</v>
      </c>
      <c r="D59" s="17">
        <v>88</v>
      </c>
    </row>
    <row r="60" spans="1:4" ht="18" customHeight="1" x14ac:dyDescent="0.2">
      <c r="A60" s="14">
        <v>45</v>
      </c>
      <c r="B60" s="15">
        <v>14</v>
      </c>
      <c r="C60" s="16">
        <v>7</v>
      </c>
      <c r="D60" s="17">
        <v>21</v>
      </c>
    </row>
    <row r="61" spans="1:4" ht="18" customHeight="1" x14ac:dyDescent="0.2">
      <c r="A61" s="14">
        <v>46</v>
      </c>
      <c r="B61" s="15">
        <v>18</v>
      </c>
      <c r="C61" s="16">
        <v>17</v>
      </c>
      <c r="D61" s="17">
        <v>35</v>
      </c>
    </row>
    <row r="62" spans="1:4" ht="18" customHeight="1" x14ac:dyDescent="0.2">
      <c r="A62" s="14">
        <v>47</v>
      </c>
      <c r="B62" s="15">
        <v>14</v>
      </c>
      <c r="C62" s="16">
        <v>10</v>
      </c>
      <c r="D62" s="17">
        <v>24</v>
      </c>
    </row>
    <row r="63" spans="1:4" ht="18" customHeight="1" x14ac:dyDescent="0.2">
      <c r="A63" s="14">
        <v>48</v>
      </c>
      <c r="B63" s="15">
        <v>10</v>
      </c>
      <c r="C63" s="16">
        <v>10</v>
      </c>
      <c r="D63" s="17">
        <v>20</v>
      </c>
    </row>
    <row r="64" spans="1:4" ht="18" customHeight="1" x14ac:dyDescent="0.2">
      <c r="A64" s="14">
        <v>49</v>
      </c>
      <c r="B64" s="15">
        <v>7</v>
      </c>
      <c r="C64" s="16">
        <v>7</v>
      </c>
      <c r="D64" s="17">
        <v>14</v>
      </c>
    </row>
    <row r="65" spans="1:4" ht="18" customHeight="1" x14ac:dyDescent="0.2">
      <c r="A65" s="18" t="s">
        <v>58</v>
      </c>
      <c r="B65" s="15">
        <v>63</v>
      </c>
      <c r="C65" s="16">
        <v>51</v>
      </c>
      <c r="D65" s="17">
        <v>114</v>
      </c>
    </row>
    <row r="66" spans="1:4" ht="18" customHeight="1" x14ac:dyDescent="0.2">
      <c r="A66" s="14">
        <v>50</v>
      </c>
      <c r="B66" s="15">
        <v>13</v>
      </c>
      <c r="C66" s="16">
        <v>10</v>
      </c>
      <c r="D66" s="17">
        <v>23</v>
      </c>
    </row>
    <row r="67" spans="1:4" ht="18" customHeight="1" x14ac:dyDescent="0.2">
      <c r="A67" s="14">
        <v>51</v>
      </c>
      <c r="B67" s="15">
        <v>12</v>
      </c>
      <c r="C67" s="16">
        <v>7</v>
      </c>
      <c r="D67" s="17">
        <v>19</v>
      </c>
    </row>
    <row r="68" spans="1:4" ht="18" customHeight="1" x14ac:dyDescent="0.2">
      <c r="A68" s="14">
        <v>52</v>
      </c>
      <c r="B68" s="15">
        <v>9</v>
      </c>
      <c r="C68" s="16">
        <v>7</v>
      </c>
      <c r="D68" s="17">
        <v>16</v>
      </c>
    </row>
    <row r="69" spans="1:4" ht="18" customHeight="1" x14ac:dyDescent="0.2">
      <c r="A69" s="14">
        <v>53</v>
      </c>
      <c r="B69" s="15">
        <v>14</v>
      </c>
      <c r="C69" s="16">
        <v>8</v>
      </c>
      <c r="D69" s="17">
        <v>22</v>
      </c>
    </row>
    <row r="70" spans="1:4" ht="18" customHeight="1" x14ac:dyDescent="0.2">
      <c r="A70" s="14">
        <v>54</v>
      </c>
      <c r="B70" s="15">
        <v>11</v>
      </c>
      <c r="C70" s="16">
        <v>8</v>
      </c>
      <c r="D70" s="17">
        <v>19</v>
      </c>
    </row>
    <row r="71" spans="1:4" ht="18" customHeight="1" x14ac:dyDescent="0.2">
      <c r="A71" s="18" t="s">
        <v>59</v>
      </c>
      <c r="B71" s="15">
        <v>59</v>
      </c>
      <c r="C71" s="16">
        <v>40</v>
      </c>
      <c r="D71" s="17">
        <v>99</v>
      </c>
    </row>
    <row r="72" spans="1:4" ht="18" customHeight="1" x14ac:dyDescent="0.2">
      <c r="A72" s="14">
        <v>55</v>
      </c>
      <c r="B72" s="15">
        <v>13</v>
      </c>
      <c r="C72" s="16">
        <v>8</v>
      </c>
      <c r="D72" s="17">
        <v>21</v>
      </c>
    </row>
    <row r="73" spans="1:4" ht="18" customHeight="1" x14ac:dyDescent="0.2">
      <c r="A73" s="14">
        <v>56</v>
      </c>
      <c r="B73" s="15">
        <v>9</v>
      </c>
      <c r="C73" s="16">
        <v>9</v>
      </c>
      <c r="D73" s="17">
        <v>18</v>
      </c>
    </row>
    <row r="74" spans="1:4" ht="18" customHeight="1" x14ac:dyDescent="0.2">
      <c r="A74" s="14">
        <v>57</v>
      </c>
      <c r="B74" s="15">
        <v>7</v>
      </c>
      <c r="C74" s="16">
        <v>18</v>
      </c>
      <c r="D74" s="17">
        <v>25</v>
      </c>
    </row>
    <row r="75" spans="1:4" ht="18" customHeight="1" x14ac:dyDescent="0.2">
      <c r="A75" s="14">
        <v>58</v>
      </c>
      <c r="B75" s="15">
        <v>10</v>
      </c>
      <c r="C75" s="16">
        <v>8</v>
      </c>
      <c r="D75" s="17">
        <v>18</v>
      </c>
    </row>
    <row r="76" spans="1:4" ht="18" customHeight="1" x14ac:dyDescent="0.2">
      <c r="A76" s="14">
        <v>59</v>
      </c>
      <c r="B76" s="15">
        <v>8</v>
      </c>
      <c r="C76" s="16">
        <v>14</v>
      </c>
      <c r="D76" s="17">
        <v>22</v>
      </c>
    </row>
    <row r="77" spans="1:4" ht="18" customHeight="1" x14ac:dyDescent="0.2">
      <c r="A77" s="18" t="s">
        <v>60</v>
      </c>
      <c r="B77" s="15">
        <v>47</v>
      </c>
      <c r="C77" s="16">
        <v>57</v>
      </c>
      <c r="D77" s="17">
        <v>104</v>
      </c>
    </row>
    <row r="78" spans="1:4" ht="18" customHeight="1" x14ac:dyDescent="0.2">
      <c r="A78" s="14">
        <v>60</v>
      </c>
      <c r="B78" s="15">
        <v>9</v>
      </c>
      <c r="C78" s="16">
        <v>5</v>
      </c>
      <c r="D78" s="17">
        <v>14</v>
      </c>
    </row>
    <row r="79" spans="1:4" ht="18" customHeight="1" x14ac:dyDescent="0.2">
      <c r="A79" s="14">
        <v>61</v>
      </c>
      <c r="B79" s="15">
        <v>5</v>
      </c>
      <c r="C79" s="16">
        <v>6</v>
      </c>
      <c r="D79" s="17">
        <v>11</v>
      </c>
    </row>
    <row r="80" spans="1:4" ht="18" customHeight="1" x14ac:dyDescent="0.2">
      <c r="A80" s="14">
        <v>62</v>
      </c>
      <c r="B80" s="15">
        <v>11</v>
      </c>
      <c r="C80" s="16">
        <v>7</v>
      </c>
      <c r="D80" s="17">
        <v>18</v>
      </c>
    </row>
    <row r="81" spans="1:4" ht="18" customHeight="1" x14ac:dyDescent="0.2">
      <c r="A81" s="14">
        <v>63</v>
      </c>
      <c r="B81" s="15">
        <v>9</v>
      </c>
      <c r="C81" s="16">
        <v>8</v>
      </c>
      <c r="D81" s="17">
        <v>17</v>
      </c>
    </row>
    <row r="82" spans="1:4" ht="18" customHeight="1" x14ac:dyDescent="0.2">
      <c r="A82" s="14">
        <v>64</v>
      </c>
      <c r="B82" s="15">
        <v>10</v>
      </c>
      <c r="C82" s="16">
        <v>12</v>
      </c>
      <c r="D82" s="17">
        <v>22</v>
      </c>
    </row>
    <row r="83" spans="1:4" ht="18" customHeight="1" x14ac:dyDescent="0.2">
      <c r="A83" s="18" t="s">
        <v>61</v>
      </c>
      <c r="B83" s="15">
        <v>44</v>
      </c>
      <c r="C83" s="16">
        <v>38</v>
      </c>
      <c r="D83" s="17">
        <v>82</v>
      </c>
    </row>
    <row r="84" spans="1:4" ht="18" customHeight="1" x14ac:dyDescent="0.2">
      <c r="A84" s="18" t="s">
        <v>62</v>
      </c>
      <c r="B84" s="15">
        <v>596</v>
      </c>
      <c r="C84" s="16">
        <v>539</v>
      </c>
      <c r="D84" s="17">
        <v>1135</v>
      </c>
    </row>
    <row r="85" spans="1:4" ht="18" customHeight="1" x14ac:dyDescent="0.2">
      <c r="A85" s="14">
        <v>65</v>
      </c>
      <c r="B85" s="15">
        <v>5</v>
      </c>
      <c r="C85" s="16">
        <v>2</v>
      </c>
      <c r="D85" s="17">
        <v>7</v>
      </c>
    </row>
    <row r="86" spans="1:4" ht="18" customHeight="1" x14ac:dyDescent="0.2">
      <c r="A86" s="14">
        <v>66</v>
      </c>
      <c r="B86" s="15">
        <v>9</v>
      </c>
      <c r="C86" s="16">
        <v>15</v>
      </c>
      <c r="D86" s="17">
        <v>24</v>
      </c>
    </row>
    <row r="87" spans="1:4" ht="18" customHeight="1" x14ac:dyDescent="0.2">
      <c r="A87" s="14">
        <v>67</v>
      </c>
      <c r="B87" s="15">
        <v>12</v>
      </c>
      <c r="C87" s="16">
        <v>10</v>
      </c>
      <c r="D87" s="17">
        <v>22</v>
      </c>
    </row>
    <row r="88" spans="1:4" ht="18" customHeight="1" x14ac:dyDescent="0.2">
      <c r="A88" s="14">
        <v>68</v>
      </c>
      <c r="B88" s="15">
        <v>10</v>
      </c>
      <c r="C88" s="16">
        <v>9</v>
      </c>
      <c r="D88" s="17">
        <v>19</v>
      </c>
    </row>
    <row r="89" spans="1:4" ht="18" customHeight="1" x14ac:dyDescent="0.2">
      <c r="A89" s="14">
        <v>69</v>
      </c>
      <c r="B89" s="15">
        <v>12</v>
      </c>
      <c r="C89" s="16">
        <v>15</v>
      </c>
      <c r="D89" s="17">
        <v>27</v>
      </c>
    </row>
    <row r="90" spans="1:4" ht="18" customHeight="1" x14ac:dyDescent="0.2">
      <c r="A90" s="18" t="s">
        <v>63</v>
      </c>
      <c r="B90" s="15">
        <v>48</v>
      </c>
      <c r="C90" s="16">
        <v>51</v>
      </c>
      <c r="D90" s="17">
        <v>99</v>
      </c>
    </row>
    <row r="91" spans="1:4" ht="18" customHeight="1" x14ac:dyDescent="0.2">
      <c r="A91" s="14">
        <v>70</v>
      </c>
      <c r="B91" s="15">
        <v>15</v>
      </c>
      <c r="C91" s="16">
        <v>23</v>
      </c>
      <c r="D91" s="17">
        <v>38</v>
      </c>
    </row>
    <row r="92" spans="1:4" ht="18" customHeight="1" x14ac:dyDescent="0.2">
      <c r="A92" s="14">
        <v>71</v>
      </c>
      <c r="B92" s="15">
        <v>17</v>
      </c>
      <c r="C92" s="16">
        <v>18</v>
      </c>
      <c r="D92" s="17">
        <v>35</v>
      </c>
    </row>
    <row r="93" spans="1:4" ht="18" customHeight="1" x14ac:dyDescent="0.2">
      <c r="A93" s="14">
        <v>72</v>
      </c>
      <c r="B93" s="15">
        <v>19</v>
      </c>
      <c r="C93" s="16">
        <v>14</v>
      </c>
      <c r="D93" s="17">
        <v>33</v>
      </c>
    </row>
    <row r="94" spans="1:4" ht="18" customHeight="1" x14ac:dyDescent="0.2">
      <c r="A94" s="14">
        <v>73</v>
      </c>
      <c r="B94" s="15">
        <v>13</v>
      </c>
      <c r="C94" s="16">
        <v>16</v>
      </c>
      <c r="D94" s="17">
        <v>29</v>
      </c>
    </row>
    <row r="95" spans="1:4" ht="18" customHeight="1" x14ac:dyDescent="0.2">
      <c r="A95" s="14">
        <v>74</v>
      </c>
      <c r="B95" s="15">
        <v>2</v>
      </c>
      <c r="C95" s="16">
        <v>3</v>
      </c>
      <c r="D95" s="17">
        <v>5</v>
      </c>
    </row>
    <row r="96" spans="1:4" ht="18" customHeight="1" x14ac:dyDescent="0.2">
      <c r="A96" s="18" t="s">
        <v>64</v>
      </c>
      <c r="B96" s="15">
        <v>66</v>
      </c>
      <c r="C96" s="16">
        <v>74</v>
      </c>
      <c r="D96" s="17">
        <v>140</v>
      </c>
    </row>
    <row r="97" spans="1:4" ht="18" customHeight="1" x14ac:dyDescent="0.2">
      <c r="A97" s="14">
        <v>75</v>
      </c>
      <c r="B97" s="15">
        <v>8</v>
      </c>
      <c r="C97" s="16">
        <v>12</v>
      </c>
      <c r="D97" s="17">
        <v>20</v>
      </c>
    </row>
    <row r="98" spans="1:4" ht="18" customHeight="1" x14ac:dyDescent="0.2">
      <c r="A98" s="14">
        <v>76</v>
      </c>
      <c r="B98" s="15">
        <v>12</v>
      </c>
      <c r="C98" s="16">
        <v>7</v>
      </c>
      <c r="D98" s="17">
        <v>19</v>
      </c>
    </row>
    <row r="99" spans="1:4" ht="18" customHeight="1" x14ac:dyDescent="0.2">
      <c r="A99" s="14">
        <v>77</v>
      </c>
      <c r="B99" s="15">
        <v>9</v>
      </c>
      <c r="C99" s="16">
        <v>6</v>
      </c>
      <c r="D99" s="17">
        <v>15</v>
      </c>
    </row>
    <row r="100" spans="1:4" ht="18" customHeight="1" x14ac:dyDescent="0.2">
      <c r="A100" s="14">
        <v>78</v>
      </c>
      <c r="B100" s="15">
        <v>8</v>
      </c>
      <c r="C100" s="16">
        <v>5</v>
      </c>
      <c r="D100" s="17">
        <v>13</v>
      </c>
    </row>
    <row r="101" spans="1:4" ht="18" customHeight="1" x14ac:dyDescent="0.2">
      <c r="A101" s="14">
        <v>79</v>
      </c>
      <c r="B101" s="15">
        <v>3</v>
      </c>
      <c r="C101" s="16">
        <v>8</v>
      </c>
      <c r="D101" s="17">
        <v>11</v>
      </c>
    </row>
    <row r="102" spans="1:4" ht="18" customHeight="1" x14ac:dyDescent="0.2">
      <c r="A102" s="18" t="s">
        <v>65</v>
      </c>
      <c r="B102" s="15">
        <v>40</v>
      </c>
      <c r="C102" s="16">
        <v>38</v>
      </c>
      <c r="D102" s="17">
        <v>78</v>
      </c>
    </row>
    <row r="103" spans="1:4" ht="18" customHeight="1" x14ac:dyDescent="0.2">
      <c r="A103" s="14">
        <v>80</v>
      </c>
      <c r="B103" s="15">
        <v>4</v>
      </c>
      <c r="C103" s="16">
        <v>9</v>
      </c>
      <c r="D103" s="17">
        <v>13</v>
      </c>
    </row>
    <row r="104" spans="1:4" ht="18" customHeight="1" x14ac:dyDescent="0.2">
      <c r="A104" s="14">
        <v>81</v>
      </c>
      <c r="B104" s="15">
        <v>6</v>
      </c>
      <c r="C104" s="16">
        <v>6</v>
      </c>
      <c r="D104" s="17">
        <v>12</v>
      </c>
    </row>
    <row r="105" spans="1:4" ht="18" customHeight="1" x14ac:dyDescent="0.2">
      <c r="A105" s="14">
        <v>82</v>
      </c>
      <c r="B105" s="15">
        <v>5</v>
      </c>
      <c r="C105" s="16">
        <v>6</v>
      </c>
      <c r="D105" s="17">
        <v>11</v>
      </c>
    </row>
    <row r="106" spans="1:4" ht="18" customHeight="1" x14ac:dyDescent="0.2">
      <c r="A106" s="14">
        <v>83</v>
      </c>
      <c r="B106" s="15">
        <v>1</v>
      </c>
      <c r="C106" s="16">
        <v>6</v>
      </c>
      <c r="D106" s="17">
        <v>7</v>
      </c>
    </row>
    <row r="107" spans="1:4" ht="18" customHeight="1" x14ac:dyDescent="0.2">
      <c r="A107" s="14">
        <v>84</v>
      </c>
      <c r="B107" s="15">
        <v>2</v>
      </c>
      <c r="C107" s="16">
        <v>9</v>
      </c>
      <c r="D107" s="17">
        <v>11</v>
      </c>
    </row>
    <row r="108" spans="1:4" ht="18" customHeight="1" x14ac:dyDescent="0.2">
      <c r="A108" s="18" t="s">
        <v>66</v>
      </c>
      <c r="B108" s="15">
        <v>18</v>
      </c>
      <c r="C108" s="16">
        <v>36</v>
      </c>
      <c r="D108" s="17">
        <v>54</v>
      </c>
    </row>
    <row r="109" spans="1:4" ht="18" customHeight="1" x14ac:dyDescent="0.2">
      <c r="A109" s="14">
        <v>85</v>
      </c>
      <c r="B109" s="15">
        <v>8</v>
      </c>
      <c r="C109" s="16">
        <v>6</v>
      </c>
      <c r="D109" s="17">
        <v>14</v>
      </c>
    </row>
    <row r="110" spans="1:4" ht="18" customHeight="1" x14ac:dyDescent="0.2">
      <c r="A110" s="14">
        <v>86</v>
      </c>
      <c r="B110" s="15">
        <v>2</v>
      </c>
      <c r="C110" s="16">
        <v>4</v>
      </c>
      <c r="D110" s="17">
        <v>6</v>
      </c>
    </row>
    <row r="111" spans="1:4" ht="18" customHeight="1" x14ac:dyDescent="0.2">
      <c r="A111" s="14">
        <v>87</v>
      </c>
      <c r="B111" s="15">
        <v>3</v>
      </c>
      <c r="C111" s="16">
        <v>8</v>
      </c>
      <c r="D111" s="17">
        <v>11</v>
      </c>
    </row>
    <row r="112" spans="1:4" ht="18" customHeight="1" x14ac:dyDescent="0.2">
      <c r="A112" s="14">
        <v>88</v>
      </c>
      <c r="B112" s="15">
        <v>2</v>
      </c>
      <c r="C112" s="16">
        <v>6</v>
      </c>
      <c r="D112" s="17">
        <v>8</v>
      </c>
    </row>
    <row r="113" spans="1:4" ht="18" customHeight="1" x14ac:dyDescent="0.2">
      <c r="A113" s="14">
        <v>89</v>
      </c>
      <c r="B113" s="15">
        <v>1</v>
      </c>
      <c r="C113" s="16">
        <v>3</v>
      </c>
      <c r="D113" s="17">
        <v>4</v>
      </c>
    </row>
    <row r="114" spans="1:4" ht="18" customHeight="1" x14ac:dyDescent="0.2">
      <c r="A114" s="18" t="s">
        <v>67</v>
      </c>
      <c r="B114" s="15">
        <v>16</v>
      </c>
      <c r="C114" s="16">
        <v>27</v>
      </c>
      <c r="D114" s="17">
        <v>43</v>
      </c>
    </row>
    <row r="115" spans="1:4" ht="18" customHeight="1" x14ac:dyDescent="0.2">
      <c r="A115" s="14">
        <v>90</v>
      </c>
      <c r="B115" s="15">
        <v>3</v>
      </c>
      <c r="C115" s="16">
        <v>10</v>
      </c>
      <c r="D115" s="17">
        <v>13</v>
      </c>
    </row>
    <row r="116" spans="1:4" ht="18" customHeight="1" x14ac:dyDescent="0.2">
      <c r="A116" s="14">
        <v>91</v>
      </c>
      <c r="B116" s="15">
        <v>1</v>
      </c>
      <c r="C116" s="16">
        <v>3</v>
      </c>
      <c r="D116" s="17">
        <v>4</v>
      </c>
    </row>
    <row r="117" spans="1:4" ht="18" customHeight="1" x14ac:dyDescent="0.2">
      <c r="A117" s="14">
        <v>92</v>
      </c>
      <c r="B117" s="15">
        <v>0</v>
      </c>
      <c r="C117" s="16">
        <v>4</v>
      </c>
      <c r="D117" s="17">
        <v>4</v>
      </c>
    </row>
    <row r="118" spans="1:4" ht="18" customHeight="1" x14ac:dyDescent="0.2">
      <c r="A118" s="14">
        <v>93</v>
      </c>
      <c r="B118" s="15">
        <v>2</v>
      </c>
      <c r="C118" s="16">
        <v>2</v>
      </c>
      <c r="D118" s="17">
        <v>4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6</v>
      </c>
      <c r="C120" s="16">
        <v>21</v>
      </c>
      <c r="D120" s="17">
        <v>27</v>
      </c>
    </row>
    <row r="121" spans="1:4" ht="18" customHeight="1" x14ac:dyDescent="0.2">
      <c r="A121" s="14">
        <v>95</v>
      </c>
      <c r="B121" s="15">
        <v>1</v>
      </c>
      <c r="C121" s="16">
        <v>0</v>
      </c>
      <c r="D121" s="17">
        <v>1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3</v>
      </c>
      <c r="C123" s="16">
        <v>1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6</v>
      </c>
      <c r="C126" s="16">
        <v>2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200</v>
      </c>
      <c r="C130" s="5">
        <v>251</v>
      </c>
      <c r="D130" s="6">
        <v>451</v>
      </c>
    </row>
    <row r="131" spans="1:4" ht="18" customHeight="1" x14ac:dyDescent="0.2">
      <c r="A131" s="20" t="s">
        <v>47</v>
      </c>
      <c r="B131" s="7">
        <v>846</v>
      </c>
      <c r="C131" s="8">
        <v>848</v>
      </c>
      <c r="D131" s="9">
        <v>169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5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7</v>
      </c>
      <c r="D5" s="13">
        <v>15</v>
      </c>
    </row>
    <row r="6" spans="1:4" ht="18" customHeight="1" x14ac:dyDescent="0.2">
      <c r="A6" s="14">
        <v>1</v>
      </c>
      <c r="B6" s="15">
        <v>15</v>
      </c>
      <c r="C6" s="16">
        <v>10</v>
      </c>
      <c r="D6" s="17">
        <v>25</v>
      </c>
    </row>
    <row r="7" spans="1:4" ht="18" customHeight="1" x14ac:dyDescent="0.2">
      <c r="A7" s="14">
        <v>2</v>
      </c>
      <c r="B7" s="15">
        <v>8</v>
      </c>
      <c r="C7" s="16">
        <v>10</v>
      </c>
      <c r="D7" s="17">
        <v>18</v>
      </c>
    </row>
    <row r="8" spans="1:4" ht="18" customHeight="1" x14ac:dyDescent="0.2">
      <c r="A8" s="14">
        <v>3</v>
      </c>
      <c r="B8" s="15">
        <v>15</v>
      </c>
      <c r="C8" s="16">
        <v>9</v>
      </c>
      <c r="D8" s="17">
        <v>24</v>
      </c>
    </row>
    <row r="9" spans="1:4" ht="18" customHeight="1" x14ac:dyDescent="0.2">
      <c r="A9" s="14">
        <v>4</v>
      </c>
      <c r="B9" s="15">
        <v>15</v>
      </c>
      <c r="C9" s="16">
        <v>15</v>
      </c>
      <c r="D9" s="17">
        <v>30</v>
      </c>
    </row>
    <row r="10" spans="1:4" ht="18" customHeight="1" x14ac:dyDescent="0.2">
      <c r="A10" s="18" t="s">
        <v>48</v>
      </c>
      <c r="B10" s="15">
        <v>61</v>
      </c>
      <c r="C10" s="16">
        <v>51</v>
      </c>
      <c r="D10" s="17">
        <v>112</v>
      </c>
    </row>
    <row r="11" spans="1:4" ht="18" customHeight="1" x14ac:dyDescent="0.2">
      <c r="A11" s="14">
        <v>5</v>
      </c>
      <c r="B11" s="15">
        <v>10</v>
      </c>
      <c r="C11" s="16">
        <v>21</v>
      </c>
      <c r="D11" s="17">
        <v>31</v>
      </c>
    </row>
    <row r="12" spans="1:4" ht="18" customHeight="1" x14ac:dyDescent="0.2">
      <c r="A12" s="14">
        <v>6</v>
      </c>
      <c r="B12" s="15">
        <v>12</v>
      </c>
      <c r="C12" s="16">
        <v>14</v>
      </c>
      <c r="D12" s="17">
        <v>26</v>
      </c>
    </row>
    <row r="13" spans="1:4" ht="18" customHeight="1" x14ac:dyDescent="0.2">
      <c r="A13" s="14">
        <v>7</v>
      </c>
      <c r="B13" s="15">
        <v>11</v>
      </c>
      <c r="C13" s="16">
        <v>10</v>
      </c>
      <c r="D13" s="17">
        <v>21</v>
      </c>
    </row>
    <row r="14" spans="1:4" ht="18" customHeight="1" x14ac:dyDescent="0.2">
      <c r="A14" s="14">
        <v>8</v>
      </c>
      <c r="B14" s="15">
        <v>20</v>
      </c>
      <c r="C14" s="16">
        <v>8</v>
      </c>
      <c r="D14" s="17">
        <v>28</v>
      </c>
    </row>
    <row r="15" spans="1:4" ht="18" customHeight="1" x14ac:dyDescent="0.2">
      <c r="A15" s="14">
        <v>9</v>
      </c>
      <c r="B15" s="15">
        <v>11</v>
      </c>
      <c r="C15" s="16">
        <v>14</v>
      </c>
      <c r="D15" s="17">
        <v>25</v>
      </c>
    </row>
    <row r="16" spans="1:4" ht="18" customHeight="1" x14ac:dyDescent="0.2">
      <c r="A16" s="18" t="s">
        <v>49</v>
      </c>
      <c r="B16" s="15">
        <v>64</v>
      </c>
      <c r="C16" s="16">
        <v>67</v>
      </c>
      <c r="D16" s="17">
        <v>131</v>
      </c>
    </row>
    <row r="17" spans="1:4" ht="18" customHeight="1" x14ac:dyDescent="0.2">
      <c r="A17" s="14">
        <v>10</v>
      </c>
      <c r="B17" s="15">
        <v>13</v>
      </c>
      <c r="C17" s="16">
        <v>10</v>
      </c>
      <c r="D17" s="17">
        <v>23</v>
      </c>
    </row>
    <row r="18" spans="1:4" ht="18" customHeight="1" x14ac:dyDescent="0.2">
      <c r="A18" s="14">
        <v>11</v>
      </c>
      <c r="B18" s="15">
        <v>14</v>
      </c>
      <c r="C18" s="16">
        <v>16</v>
      </c>
      <c r="D18" s="17">
        <v>30</v>
      </c>
    </row>
    <row r="19" spans="1:4" ht="18" customHeight="1" x14ac:dyDescent="0.2">
      <c r="A19" s="14">
        <v>12</v>
      </c>
      <c r="B19" s="15">
        <v>15</v>
      </c>
      <c r="C19" s="16">
        <v>11</v>
      </c>
      <c r="D19" s="17">
        <v>26</v>
      </c>
    </row>
    <row r="20" spans="1:4" ht="18" customHeight="1" x14ac:dyDescent="0.2">
      <c r="A20" s="14">
        <v>13</v>
      </c>
      <c r="B20" s="15">
        <v>16</v>
      </c>
      <c r="C20" s="16">
        <v>16</v>
      </c>
      <c r="D20" s="17">
        <v>32</v>
      </c>
    </row>
    <row r="21" spans="1:4" ht="18" customHeight="1" x14ac:dyDescent="0.2">
      <c r="A21" s="14">
        <v>14</v>
      </c>
      <c r="B21" s="15">
        <v>11</v>
      </c>
      <c r="C21" s="16">
        <v>15</v>
      </c>
      <c r="D21" s="17">
        <v>26</v>
      </c>
    </row>
    <row r="22" spans="1:4" ht="18" customHeight="1" x14ac:dyDescent="0.2">
      <c r="A22" s="18" t="s">
        <v>50</v>
      </c>
      <c r="B22" s="15">
        <v>69</v>
      </c>
      <c r="C22" s="16">
        <v>68</v>
      </c>
      <c r="D22" s="17">
        <v>137</v>
      </c>
    </row>
    <row r="23" spans="1:4" ht="18" customHeight="1" x14ac:dyDescent="0.2">
      <c r="A23" s="18" t="s">
        <v>51</v>
      </c>
      <c r="B23" s="15">
        <v>194</v>
      </c>
      <c r="C23" s="16">
        <v>186</v>
      </c>
      <c r="D23" s="17">
        <v>380</v>
      </c>
    </row>
    <row r="24" spans="1:4" ht="18" customHeight="1" x14ac:dyDescent="0.2">
      <c r="A24" s="14">
        <v>15</v>
      </c>
      <c r="B24" s="15">
        <v>16</v>
      </c>
      <c r="C24" s="16">
        <v>11</v>
      </c>
      <c r="D24" s="17">
        <v>27</v>
      </c>
    </row>
    <row r="25" spans="1:4" ht="18" customHeight="1" x14ac:dyDescent="0.2">
      <c r="A25" s="14">
        <v>16</v>
      </c>
      <c r="B25" s="15">
        <v>9</v>
      </c>
      <c r="C25" s="16">
        <v>14</v>
      </c>
      <c r="D25" s="17">
        <v>23</v>
      </c>
    </row>
    <row r="26" spans="1:4" ht="18" customHeight="1" x14ac:dyDescent="0.2">
      <c r="A26" s="14">
        <v>17</v>
      </c>
      <c r="B26" s="15">
        <v>13</v>
      </c>
      <c r="C26" s="16">
        <v>12</v>
      </c>
      <c r="D26" s="17">
        <v>25</v>
      </c>
    </row>
    <row r="27" spans="1:4" ht="18" customHeight="1" x14ac:dyDescent="0.2">
      <c r="A27" s="14">
        <v>18</v>
      </c>
      <c r="B27" s="15">
        <v>17</v>
      </c>
      <c r="C27" s="16">
        <v>13</v>
      </c>
      <c r="D27" s="17">
        <v>30</v>
      </c>
    </row>
    <row r="28" spans="1:4" ht="18" customHeight="1" x14ac:dyDescent="0.2">
      <c r="A28" s="14">
        <v>19</v>
      </c>
      <c r="B28" s="15">
        <v>26</v>
      </c>
      <c r="C28" s="16">
        <v>17</v>
      </c>
      <c r="D28" s="17">
        <v>43</v>
      </c>
    </row>
    <row r="29" spans="1:4" ht="18" customHeight="1" x14ac:dyDescent="0.2">
      <c r="A29" s="18" t="s">
        <v>52</v>
      </c>
      <c r="B29" s="15">
        <v>81</v>
      </c>
      <c r="C29" s="16">
        <v>67</v>
      </c>
      <c r="D29" s="17">
        <v>148</v>
      </c>
    </row>
    <row r="30" spans="1:4" ht="18" customHeight="1" x14ac:dyDescent="0.2">
      <c r="A30" s="14">
        <v>20</v>
      </c>
      <c r="B30" s="15">
        <v>19</v>
      </c>
      <c r="C30" s="16">
        <v>18</v>
      </c>
      <c r="D30" s="17">
        <v>37</v>
      </c>
    </row>
    <row r="31" spans="1:4" ht="18" customHeight="1" x14ac:dyDescent="0.2">
      <c r="A31" s="14">
        <v>21</v>
      </c>
      <c r="B31" s="15">
        <v>26</v>
      </c>
      <c r="C31" s="16">
        <v>14</v>
      </c>
      <c r="D31" s="17">
        <v>40</v>
      </c>
    </row>
    <row r="32" spans="1:4" ht="18" customHeight="1" x14ac:dyDescent="0.2">
      <c r="A32" s="14">
        <v>22</v>
      </c>
      <c r="B32" s="15">
        <v>10</v>
      </c>
      <c r="C32" s="16">
        <v>12</v>
      </c>
      <c r="D32" s="17">
        <v>22</v>
      </c>
    </row>
    <row r="33" spans="1:4" ht="18" customHeight="1" x14ac:dyDescent="0.2">
      <c r="A33" s="14">
        <v>23</v>
      </c>
      <c r="B33" s="15">
        <v>23</v>
      </c>
      <c r="C33" s="16">
        <v>9</v>
      </c>
      <c r="D33" s="17">
        <v>32</v>
      </c>
    </row>
    <row r="34" spans="1:4" ht="18" customHeight="1" x14ac:dyDescent="0.2">
      <c r="A34" s="14">
        <v>24</v>
      </c>
      <c r="B34" s="15">
        <v>17</v>
      </c>
      <c r="C34" s="16">
        <v>7</v>
      </c>
      <c r="D34" s="17">
        <v>24</v>
      </c>
    </row>
    <row r="35" spans="1:4" ht="18" customHeight="1" x14ac:dyDescent="0.2">
      <c r="A35" s="18" t="s">
        <v>53</v>
      </c>
      <c r="B35" s="15">
        <v>95</v>
      </c>
      <c r="C35" s="16">
        <v>60</v>
      </c>
      <c r="D35" s="17">
        <v>155</v>
      </c>
    </row>
    <row r="36" spans="1:4" ht="18" customHeight="1" x14ac:dyDescent="0.2">
      <c r="A36" s="14">
        <v>25</v>
      </c>
      <c r="B36" s="15">
        <v>16</v>
      </c>
      <c r="C36" s="16">
        <v>19</v>
      </c>
      <c r="D36" s="17">
        <v>35</v>
      </c>
    </row>
    <row r="37" spans="1:4" ht="18" customHeight="1" x14ac:dyDescent="0.2">
      <c r="A37" s="14">
        <v>26</v>
      </c>
      <c r="B37" s="15">
        <v>15</v>
      </c>
      <c r="C37" s="16">
        <v>13</v>
      </c>
      <c r="D37" s="17">
        <v>28</v>
      </c>
    </row>
    <row r="38" spans="1:4" ht="18" customHeight="1" x14ac:dyDescent="0.2">
      <c r="A38" s="14">
        <v>27</v>
      </c>
      <c r="B38" s="15">
        <v>13</v>
      </c>
      <c r="C38" s="16">
        <v>16</v>
      </c>
      <c r="D38" s="17">
        <v>29</v>
      </c>
    </row>
    <row r="39" spans="1:4" ht="18" customHeight="1" x14ac:dyDescent="0.2">
      <c r="A39" s="14">
        <v>28</v>
      </c>
      <c r="B39" s="15">
        <v>9</v>
      </c>
      <c r="C39" s="16">
        <v>3</v>
      </c>
      <c r="D39" s="17">
        <v>12</v>
      </c>
    </row>
    <row r="40" spans="1:4" ht="18" customHeight="1" x14ac:dyDescent="0.2">
      <c r="A40" s="14">
        <v>29</v>
      </c>
      <c r="B40" s="15">
        <v>16</v>
      </c>
      <c r="C40" s="16">
        <v>12</v>
      </c>
      <c r="D40" s="17">
        <v>28</v>
      </c>
    </row>
    <row r="41" spans="1:4" ht="18" customHeight="1" x14ac:dyDescent="0.2">
      <c r="A41" s="18" t="s">
        <v>54</v>
      </c>
      <c r="B41" s="15">
        <v>69</v>
      </c>
      <c r="C41" s="16">
        <v>63</v>
      </c>
      <c r="D41" s="17">
        <v>132</v>
      </c>
    </row>
    <row r="42" spans="1:4" ht="18" customHeight="1" x14ac:dyDescent="0.2">
      <c r="A42" s="14">
        <v>30</v>
      </c>
      <c r="B42" s="15">
        <v>12</v>
      </c>
      <c r="C42" s="16">
        <v>13</v>
      </c>
      <c r="D42" s="17">
        <v>25</v>
      </c>
    </row>
    <row r="43" spans="1:4" ht="18" customHeight="1" x14ac:dyDescent="0.2">
      <c r="A43" s="14">
        <v>31</v>
      </c>
      <c r="B43" s="15">
        <v>15</v>
      </c>
      <c r="C43" s="16">
        <v>18</v>
      </c>
      <c r="D43" s="17">
        <v>33</v>
      </c>
    </row>
    <row r="44" spans="1:4" ht="18" customHeight="1" x14ac:dyDescent="0.2">
      <c r="A44" s="14">
        <v>32</v>
      </c>
      <c r="B44" s="15">
        <v>17</v>
      </c>
      <c r="C44" s="16">
        <v>14</v>
      </c>
      <c r="D44" s="17">
        <v>31</v>
      </c>
    </row>
    <row r="45" spans="1:4" ht="18" customHeight="1" x14ac:dyDescent="0.2">
      <c r="A45" s="14">
        <v>33</v>
      </c>
      <c r="B45" s="15">
        <v>28</v>
      </c>
      <c r="C45" s="16">
        <v>12</v>
      </c>
      <c r="D45" s="17">
        <v>40</v>
      </c>
    </row>
    <row r="46" spans="1:4" ht="18" customHeight="1" x14ac:dyDescent="0.2">
      <c r="A46" s="14">
        <v>34</v>
      </c>
      <c r="B46" s="15">
        <v>22</v>
      </c>
      <c r="C46" s="16">
        <v>18</v>
      </c>
      <c r="D46" s="17">
        <v>40</v>
      </c>
    </row>
    <row r="47" spans="1:4" ht="18" customHeight="1" x14ac:dyDescent="0.2">
      <c r="A47" s="18" t="s">
        <v>55</v>
      </c>
      <c r="B47" s="15">
        <v>94</v>
      </c>
      <c r="C47" s="16">
        <v>75</v>
      </c>
      <c r="D47" s="17">
        <v>169</v>
      </c>
    </row>
    <row r="48" spans="1:4" ht="18" customHeight="1" x14ac:dyDescent="0.2">
      <c r="A48" s="14">
        <v>35</v>
      </c>
      <c r="B48" s="15">
        <v>22</v>
      </c>
      <c r="C48" s="16">
        <v>16</v>
      </c>
      <c r="D48" s="17">
        <v>38</v>
      </c>
    </row>
    <row r="49" spans="1:4" ht="18" customHeight="1" x14ac:dyDescent="0.2">
      <c r="A49" s="14">
        <v>36</v>
      </c>
      <c r="B49" s="15">
        <v>14</v>
      </c>
      <c r="C49" s="16">
        <v>15</v>
      </c>
      <c r="D49" s="17">
        <v>29</v>
      </c>
    </row>
    <row r="50" spans="1:4" ht="18" customHeight="1" x14ac:dyDescent="0.2">
      <c r="A50" s="14">
        <v>37</v>
      </c>
      <c r="B50" s="15">
        <v>16</v>
      </c>
      <c r="C50" s="16">
        <v>20</v>
      </c>
      <c r="D50" s="17">
        <v>36</v>
      </c>
    </row>
    <row r="51" spans="1:4" ht="18" customHeight="1" x14ac:dyDescent="0.2">
      <c r="A51" s="14">
        <v>38</v>
      </c>
      <c r="B51" s="15">
        <v>20</v>
      </c>
      <c r="C51" s="16">
        <v>16</v>
      </c>
      <c r="D51" s="17">
        <v>36</v>
      </c>
    </row>
    <row r="52" spans="1:4" ht="18" customHeight="1" x14ac:dyDescent="0.2">
      <c r="A52" s="14">
        <v>39</v>
      </c>
      <c r="B52" s="15">
        <v>20</v>
      </c>
      <c r="C52" s="16">
        <v>23</v>
      </c>
      <c r="D52" s="17">
        <v>43</v>
      </c>
    </row>
    <row r="53" spans="1:4" ht="18" customHeight="1" x14ac:dyDescent="0.2">
      <c r="A53" s="18" t="s">
        <v>56</v>
      </c>
      <c r="B53" s="15">
        <v>92</v>
      </c>
      <c r="C53" s="16">
        <v>90</v>
      </c>
      <c r="D53" s="17">
        <v>182</v>
      </c>
    </row>
    <row r="54" spans="1:4" ht="18" customHeight="1" x14ac:dyDescent="0.2">
      <c r="A54" s="14">
        <v>40</v>
      </c>
      <c r="B54" s="15">
        <v>23</v>
      </c>
      <c r="C54" s="16">
        <v>21</v>
      </c>
      <c r="D54" s="17">
        <v>44</v>
      </c>
    </row>
    <row r="55" spans="1:4" ht="18" customHeight="1" x14ac:dyDescent="0.2">
      <c r="A55" s="14">
        <v>41</v>
      </c>
      <c r="B55" s="15">
        <v>15</v>
      </c>
      <c r="C55" s="16">
        <v>13</v>
      </c>
      <c r="D55" s="17">
        <v>28</v>
      </c>
    </row>
    <row r="56" spans="1:4" ht="18" customHeight="1" x14ac:dyDescent="0.2">
      <c r="A56" s="14">
        <v>42</v>
      </c>
      <c r="B56" s="15">
        <v>24</v>
      </c>
      <c r="C56" s="16">
        <v>16</v>
      </c>
      <c r="D56" s="17">
        <v>40</v>
      </c>
    </row>
    <row r="57" spans="1:4" ht="18" customHeight="1" x14ac:dyDescent="0.2">
      <c r="A57" s="14">
        <v>43</v>
      </c>
      <c r="B57" s="15">
        <v>20</v>
      </c>
      <c r="C57" s="16">
        <v>19</v>
      </c>
      <c r="D57" s="17">
        <v>39</v>
      </c>
    </row>
    <row r="58" spans="1:4" ht="18" customHeight="1" x14ac:dyDescent="0.2">
      <c r="A58" s="14">
        <v>44</v>
      </c>
      <c r="B58" s="15">
        <v>26</v>
      </c>
      <c r="C58" s="16">
        <v>28</v>
      </c>
      <c r="D58" s="17">
        <v>54</v>
      </c>
    </row>
    <row r="59" spans="1:4" ht="18" customHeight="1" x14ac:dyDescent="0.2">
      <c r="A59" s="18" t="s">
        <v>57</v>
      </c>
      <c r="B59" s="15">
        <v>108</v>
      </c>
      <c r="C59" s="16">
        <v>97</v>
      </c>
      <c r="D59" s="17">
        <v>205</v>
      </c>
    </row>
    <row r="60" spans="1:4" ht="18" customHeight="1" x14ac:dyDescent="0.2">
      <c r="A60" s="14">
        <v>45</v>
      </c>
      <c r="B60" s="15">
        <v>22</v>
      </c>
      <c r="C60" s="16">
        <v>21</v>
      </c>
      <c r="D60" s="17">
        <v>43</v>
      </c>
    </row>
    <row r="61" spans="1:4" ht="18" customHeight="1" x14ac:dyDescent="0.2">
      <c r="A61" s="14">
        <v>46</v>
      </c>
      <c r="B61" s="15">
        <v>31</v>
      </c>
      <c r="C61" s="16">
        <v>22</v>
      </c>
      <c r="D61" s="17">
        <v>53</v>
      </c>
    </row>
    <row r="62" spans="1:4" ht="18" customHeight="1" x14ac:dyDescent="0.2">
      <c r="A62" s="14">
        <v>47</v>
      </c>
      <c r="B62" s="15">
        <v>25</v>
      </c>
      <c r="C62" s="16">
        <v>28</v>
      </c>
      <c r="D62" s="17">
        <v>53</v>
      </c>
    </row>
    <row r="63" spans="1:4" ht="18" customHeight="1" x14ac:dyDescent="0.2">
      <c r="A63" s="14">
        <v>48</v>
      </c>
      <c r="B63" s="15">
        <v>25</v>
      </c>
      <c r="C63" s="16">
        <v>21</v>
      </c>
      <c r="D63" s="17">
        <v>46</v>
      </c>
    </row>
    <row r="64" spans="1:4" ht="18" customHeight="1" x14ac:dyDescent="0.2">
      <c r="A64" s="14">
        <v>49</v>
      </c>
      <c r="B64" s="15">
        <v>17</v>
      </c>
      <c r="C64" s="16">
        <v>17</v>
      </c>
      <c r="D64" s="17">
        <v>34</v>
      </c>
    </row>
    <row r="65" spans="1:4" ht="18" customHeight="1" x14ac:dyDescent="0.2">
      <c r="A65" s="18" t="s">
        <v>58</v>
      </c>
      <c r="B65" s="15">
        <v>120</v>
      </c>
      <c r="C65" s="16">
        <v>109</v>
      </c>
      <c r="D65" s="17">
        <v>229</v>
      </c>
    </row>
    <row r="66" spans="1:4" ht="18" customHeight="1" x14ac:dyDescent="0.2">
      <c r="A66" s="14">
        <v>50</v>
      </c>
      <c r="B66" s="15">
        <v>28</v>
      </c>
      <c r="C66" s="16">
        <v>21</v>
      </c>
      <c r="D66" s="17">
        <v>49</v>
      </c>
    </row>
    <row r="67" spans="1:4" ht="18" customHeight="1" x14ac:dyDescent="0.2">
      <c r="A67" s="14">
        <v>51</v>
      </c>
      <c r="B67" s="15">
        <v>22</v>
      </c>
      <c r="C67" s="16">
        <v>20</v>
      </c>
      <c r="D67" s="17">
        <v>42</v>
      </c>
    </row>
    <row r="68" spans="1:4" ht="18" customHeight="1" x14ac:dyDescent="0.2">
      <c r="A68" s="14">
        <v>52</v>
      </c>
      <c r="B68" s="15">
        <v>19</v>
      </c>
      <c r="C68" s="16">
        <v>21</v>
      </c>
      <c r="D68" s="17">
        <v>40</v>
      </c>
    </row>
    <row r="69" spans="1:4" ht="18" customHeight="1" x14ac:dyDescent="0.2">
      <c r="A69" s="14">
        <v>53</v>
      </c>
      <c r="B69" s="15">
        <v>27</v>
      </c>
      <c r="C69" s="16">
        <v>20</v>
      </c>
      <c r="D69" s="17">
        <v>47</v>
      </c>
    </row>
    <row r="70" spans="1:4" ht="18" customHeight="1" x14ac:dyDescent="0.2">
      <c r="A70" s="14">
        <v>54</v>
      </c>
      <c r="B70" s="15">
        <v>17</v>
      </c>
      <c r="C70" s="16">
        <v>17</v>
      </c>
      <c r="D70" s="17">
        <v>34</v>
      </c>
    </row>
    <row r="71" spans="1:4" ht="18" customHeight="1" x14ac:dyDescent="0.2">
      <c r="A71" s="18" t="s">
        <v>59</v>
      </c>
      <c r="B71" s="15">
        <v>113</v>
      </c>
      <c r="C71" s="16">
        <v>99</v>
      </c>
      <c r="D71" s="17">
        <v>212</v>
      </c>
    </row>
    <row r="72" spans="1:4" ht="18" customHeight="1" x14ac:dyDescent="0.2">
      <c r="A72" s="14">
        <v>55</v>
      </c>
      <c r="B72" s="15">
        <v>12</v>
      </c>
      <c r="C72" s="16">
        <v>18</v>
      </c>
      <c r="D72" s="17">
        <v>30</v>
      </c>
    </row>
    <row r="73" spans="1:4" ht="18" customHeight="1" x14ac:dyDescent="0.2">
      <c r="A73" s="14">
        <v>56</v>
      </c>
      <c r="B73" s="15">
        <v>15</v>
      </c>
      <c r="C73" s="16">
        <v>15</v>
      </c>
      <c r="D73" s="17">
        <v>30</v>
      </c>
    </row>
    <row r="74" spans="1:4" ht="18" customHeight="1" x14ac:dyDescent="0.2">
      <c r="A74" s="14">
        <v>57</v>
      </c>
      <c r="B74" s="15">
        <v>21</v>
      </c>
      <c r="C74" s="16">
        <v>18</v>
      </c>
      <c r="D74" s="17">
        <v>39</v>
      </c>
    </row>
    <row r="75" spans="1:4" ht="18" customHeight="1" x14ac:dyDescent="0.2">
      <c r="A75" s="14">
        <v>58</v>
      </c>
      <c r="B75" s="15">
        <v>23</v>
      </c>
      <c r="C75" s="16">
        <v>24</v>
      </c>
      <c r="D75" s="17">
        <v>47</v>
      </c>
    </row>
    <row r="76" spans="1:4" ht="18" customHeight="1" x14ac:dyDescent="0.2">
      <c r="A76" s="14">
        <v>59</v>
      </c>
      <c r="B76" s="15">
        <v>16</v>
      </c>
      <c r="C76" s="16">
        <v>23</v>
      </c>
      <c r="D76" s="17">
        <v>39</v>
      </c>
    </row>
    <row r="77" spans="1:4" ht="18" customHeight="1" x14ac:dyDescent="0.2">
      <c r="A77" s="18" t="s">
        <v>60</v>
      </c>
      <c r="B77" s="15">
        <v>87</v>
      </c>
      <c r="C77" s="16">
        <v>98</v>
      </c>
      <c r="D77" s="17">
        <v>185</v>
      </c>
    </row>
    <row r="78" spans="1:4" ht="18" customHeight="1" x14ac:dyDescent="0.2">
      <c r="A78" s="14">
        <v>60</v>
      </c>
      <c r="B78" s="15">
        <v>12</v>
      </c>
      <c r="C78" s="16">
        <v>17</v>
      </c>
      <c r="D78" s="17">
        <v>29</v>
      </c>
    </row>
    <row r="79" spans="1:4" ht="18" customHeight="1" x14ac:dyDescent="0.2">
      <c r="A79" s="14">
        <v>61</v>
      </c>
      <c r="B79" s="15">
        <v>14</v>
      </c>
      <c r="C79" s="16">
        <v>22</v>
      </c>
      <c r="D79" s="17">
        <v>36</v>
      </c>
    </row>
    <row r="80" spans="1:4" ht="18" customHeight="1" x14ac:dyDescent="0.2">
      <c r="A80" s="14">
        <v>62</v>
      </c>
      <c r="B80" s="15">
        <v>19</v>
      </c>
      <c r="C80" s="16">
        <v>16</v>
      </c>
      <c r="D80" s="17">
        <v>35</v>
      </c>
    </row>
    <row r="81" spans="1:4" ht="18" customHeight="1" x14ac:dyDescent="0.2">
      <c r="A81" s="14">
        <v>63</v>
      </c>
      <c r="B81" s="15">
        <v>23</v>
      </c>
      <c r="C81" s="16">
        <v>21</v>
      </c>
      <c r="D81" s="17">
        <v>44</v>
      </c>
    </row>
    <row r="82" spans="1:4" ht="18" customHeight="1" x14ac:dyDescent="0.2">
      <c r="A82" s="14">
        <v>64</v>
      </c>
      <c r="B82" s="15">
        <v>21</v>
      </c>
      <c r="C82" s="16">
        <v>31</v>
      </c>
      <c r="D82" s="17">
        <v>52</v>
      </c>
    </row>
    <row r="83" spans="1:4" ht="18" customHeight="1" x14ac:dyDescent="0.2">
      <c r="A83" s="18" t="s">
        <v>61</v>
      </c>
      <c r="B83" s="15">
        <v>89</v>
      </c>
      <c r="C83" s="16">
        <v>107</v>
      </c>
      <c r="D83" s="17">
        <v>196</v>
      </c>
    </row>
    <row r="84" spans="1:4" ht="18" customHeight="1" x14ac:dyDescent="0.2">
      <c r="A84" s="18" t="s">
        <v>62</v>
      </c>
      <c r="B84" s="15">
        <v>948</v>
      </c>
      <c r="C84" s="16">
        <v>865</v>
      </c>
      <c r="D84" s="17">
        <v>1813</v>
      </c>
    </row>
    <row r="85" spans="1:4" ht="18" customHeight="1" x14ac:dyDescent="0.2">
      <c r="A85" s="14">
        <v>65</v>
      </c>
      <c r="B85" s="15">
        <v>26</v>
      </c>
      <c r="C85" s="16">
        <v>22</v>
      </c>
      <c r="D85" s="17">
        <v>48</v>
      </c>
    </row>
    <row r="86" spans="1:4" ht="18" customHeight="1" x14ac:dyDescent="0.2">
      <c r="A86" s="14">
        <v>66</v>
      </c>
      <c r="B86" s="15">
        <v>19</v>
      </c>
      <c r="C86" s="16">
        <v>24</v>
      </c>
      <c r="D86" s="17">
        <v>43</v>
      </c>
    </row>
    <row r="87" spans="1:4" ht="18" customHeight="1" x14ac:dyDescent="0.2">
      <c r="A87" s="14">
        <v>67</v>
      </c>
      <c r="B87" s="15">
        <v>30</v>
      </c>
      <c r="C87" s="16">
        <v>36</v>
      </c>
      <c r="D87" s="17">
        <v>66</v>
      </c>
    </row>
    <row r="88" spans="1:4" ht="18" customHeight="1" x14ac:dyDescent="0.2">
      <c r="A88" s="14">
        <v>68</v>
      </c>
      <c r="B88" s="15">
        <v>22</v>
      </c>
      <c r="C88" s="16">
        <v>35</v>
      </c>
      <c r="D88" s="17">
        <v>57</v>
      </c>
    </row>
    <row r="89" spans="1:4" ht="18" customHeight="1" x14ac:dyDescent="0.2">
      <c r="A89" s="14">
        <v>69</v>
      </c>
      <c r="B89" s="15">
        <v>29</v>
      </c>
      <c r="C89" s="16">
        <v>30</v>
      </c>
      <c r="D89" s="17">
        <v>59</v>
      </c>
    </row>
    <row r="90" spans="1:4" ht="18" customHeight="1" x14ac:dyDescent="0.2">
      <c r="A90" s="18" t="s">
        <v>63</v>
      </c>
      <c r="B90" s="15">
        <v>126</v>
      </c>
      <c r="C90" s="16">
        <v>147</v>
      </c>
      <c r="D90" s="17">
        <v>273</v>
      </c>
    </row>
    <row r="91" spans="1:4" ht="18" customHeight="1" x14ac:dyDescent="0.2">
      <c r="A91" s="14">
        <v>70</v>
      </c>
      <c r="B91" s="15">
        <v>36</v>
      </c>
      <c r="C91" s="16">
        <v>42</v>
      </c>
      <c r="D91" s="17">
        <v>78</v>
      </c>
    </row>
    <row r="92" spans="1:4" ht="18" customHeight="1" x14ac:dyDescent="0.2">
      <c r="A92" s="14">
        <v>71</v>
      </c>
      <c r="B92" s="15">
        <v>44</v>
      </c>
      <c r="C92" s="16">
        <v>40</v>
      </c>
      <c r="D92" s="17">
        <v>84</v>
      </c>
    </row>
    <row r="93" spans="1:4" ht="18" customHeight="1" x14ac:dyDescent="0.2">
      <c r="A93" s="14">
        <v>72</v>
      </c>
      <c r="B93" s="15">
        <v>37</v>
      </c>
      <c r="C93" s="16">
        <v>25</v>
      </c>
      <c r="D93" s="17">
        <v>62</v>
      </c>
    </row>
    <row r="94" spans="1:4" ht="18" customHeight="1" x14ac:dyDescent="0.2">
      <c r="A94" s="14">
        <v>73</v>
      </c>
      <c r="B94" s="15">
        <v>35</v>
      </c>
      <c r="C94" s="16">
        <v>37</v>
      </c>
      <c r="D94" s="17">
        <v>72</v>
      </c>
    </row>
    <row r="95" spans="1:4" ht="18" customHeight="1" x14ac:dyDescent="0.2">
      <c r="A95" s="14">
        <v>74</v>
      </c>
      <c r="B95" s="15">
        <v>15</v>
      </c>
      <c r="C95" s="16">
        <v>19</v>
      </c>
      <c r="D95" s="17">
        <v>34</v>
      </c>
    </row>
    <row r="96" spans="1:4" ht="18" customHeight="1" x14ac:dyDescent="0.2">
      <c r="A96" s="18" t="s">
        <v>64</v>
      </c>
      <c r="B96" s="15">
        <v>167</v>
      </c>
      <c r="C96" s="16">
        <v>163</v>
      </c>
      <c r="D96" s="17">
        <v>330</v>
      </c>
    </row>
    <row r="97" spans="1:4" ht="18" customHeight="1" x14ac:dyDescent="0.2">
      <c r="A97" s="14">
        <v>75</v>
      </c>
      <c r="B97" s="15">
        <v>26</v>
      </c>
      <c r="C97" s="16">
        <v>21</v>
      </c>
      <c r="D97" s="17">
        <v>47</v>
      </c>
    </row>
    <row r="98" spans="1:4" ht="18" customHeight="1" x14ac:dyDescent="0.2">
      <c r="A98" s="14">
        <v>76</v>
      </c>
      <c r="B98" s="15">
        <v>25</v>
      </c>
      <c r="C98" s="16">
        <v>24</v>
      </c>
      <c r="D98" s="17">
        <v>49</v>
      </c>
    </row>
    <row r="99" spans="1:4" ht="18" customHeight="1" x14ac:dyDescent="0.2">
      <c r="A99" s="14">
        <v>77</v>
      </c>
      <c r="B99" s="15">
        <v>20</v>
      </c>
      <c r="C99" s="16">
        <v>19</v>
      </c>
      <c r="D99" s="17">
        <v>39</v>
      </c>
    </row>
    <row r="100" spans="1:4" ht="18" customHeight="1" x14ac:dyDescent="0.2">
      <c r="A100" s="14">
        <v>78</v>
      </c>
      <c r="B100" s="15">
        <v>27</v>
      </c>
      <c r="C100" s="16">
        <v>24</v>
      </c>
      <c r="D100" s="17">
        <v>51</v>
      </c>
    </row>
    <row r="101" spans="1:4" ht="18" customHeight="1" x14ac:dyDescent="0.2">
      <c r="A101" s="14">
        <v>79</v>
      </c>
      <c r="B101" s="15">
        <v>20</v>
      </c>
      <c r="C101" s="16">
        <v>17</v>
      </c>
      <c r="D101" s="17">
        <v>37</v>
      </c>
    </row>
    <row r="102" spans="1:4" ht="18" customHeight="1" x14ac:dyDescent="0.2">
      <c r="A102" s="18" t="s">
        <v>65</v>
      </c>
      <c r="B102" s="15">
        <v>118</v>
      </c>
      <c r="C102" s="16">
        <v>105</v>
      </c>
      <c r="D102" s="17">
        <v>223</v>
      </c>
    </row>
    <row r="103" spans="1:4" ht="18" customHeight="1" x14ac:dyDescent="0.2">
      <c r="A103" s="14">
        <v>80</v>
      </c>
      <c r="B103" s="15">
        <v>15</v>
      </c>
      <c r="C103" s="16">
        <v>17</v>
      </c>
      <c r="D103" s="17">
        <v>32</v>
      </c>
    </row>
    <row r="104" spans="1:4" ht="18" customHeight="1" x14ac:dyDescent="0.2">
      <c r="A104" s="14">
        <v>81</v>
      </c>
      <c r="B104" s="15">
        <v>10</v>
      </c>
      <c r="C104" s="16">
        <v>16</v>
      </c>
      <c r="D104" s="17">
        <v>26</v>
      </c>
    </row>
    <row r="105" spans="1:4" ht="18" customHeight="1" x14ac:dyDescent="0.2">
      <c r="A105" s="14">
        <v>82</v>
      </c>
      <c r="B105" s="15">
        <v>10</v>
      </c>
      <c r="C105" s="16">
        <v>19</v>
      </c>
      <c r="D105" s="17">
        <v>29</v>
      </c>
    </row>
    <row r="106" spans="1:4" ht="18" customHeight="1" x14ac:dyDescent="0.2">
      <c r="A106" s="14">
        <v>83</v>
      </c>
      <c r="B106" s="15">
        <v>11</v>
      </c>
      <c r="C106" s="16">
        <v>27</v>
      </c>
      <c r="D106" s="17">
        <v>38</v>
      </c>
    </row>
    <row r="107" spans="1:4" ht="18" customHeight="1" x14ac:dyDescent="0.2">
      <c r="A107" s="14">
        <v>84</v>
      </c>
      <c r="B107" s="15">
        <v>9</v>
      </c>
      <c r="C107" s="16">
        <v>9</v>
      </c>
      <c r="D107" s="17">
        <v>18</v>
      </c>
    </row>
    <row r="108" spans="1:4" ht="18" customHeight="1" x14ac:dyDescent="0.2">
      <c r="A108" s="18" t="s">
        <v>66</v>
      </c>
      <c r="B108" s="15">
        <v>55</v>
      </c>
      <c r="C108" s="16">
        <v>88</v>
      </c>
      <c r="D108" s="17">
        <v>143</v>
      </c>
    </row>
    <row r="109" spans="1:4" ht="18" customHeight="1" x14ac:dyDescent="0.2">
      <c r="A109" s="14">
        <v>85</v>
      </c>
      <c r="B109" s="15">
        <v>11</v>
      </c>
      <c r="C109" s="16">
        <v>13</v>
      </c>
      <c r="D109" s="17">
        <v>24</v>
      </c>
    </row>
    <row r="110" spans="1:4" ht="18" customHeight="1" x14ac:dyDescent="0.2">
      <c r="A110" s="14">
        <v>86</v>
      </c>
      <c r="B110" s="15">
        <v>5</v>
      </c>
      <c r="C110" s="16">
        <v>15</v>
      </c>
      <c r="D110" s="17">
        <v>20</v>
      </c>
    </row>
    <row r="111" spans="1:4" ht="18" customHeight="1" x14ac:dyDescent="0.2">
      <c r="A111" s="14">
        <v>87</v>
      </c>
      <c r="B111" s="15">
        <v>9</v>
      </c>
      <c r="C111" s="16">
        <v>12</v>
      </c>
      <c r="D111" s="17">
        <v>21</v>
      </c>
    </row>
    <row r="112" spans="1:4" ht="18" customHeight="1" x14ac:dyDescent="0.2">
      <c r="A112" s="14">
        <v>88</v>
      </c>
      <c r="B112" s="15">
        <v>3</v>
      </c>
      <c r="C112" s="16">
        <v>13</v>
      </c>
      <c r="D112" s="17">
        <v>16</v>
      </c>
    </row>
    <row r="113" spans="1:4" ht="18" customHeight="1" x14ac:dyDescent="0.2">
      <c r="A113" s="14">
        <v>89</v>
      </c>
      <c r="B113" s="15">
        <v>7</v>
      </c>
      <c r="C113" s="16">
        <v>12</v>
      </c>
      <c r="D113" s="17">
        <v>19</v>
      </c>
    </row>
    <row r="114" spans="1:4" ht="18" customHeight="1" x14ac:dyDescent="0.2">
      <c r="A114" s="18" t="s">
        <v>67</v>
      </c>
      <c r="B114" s="15">
        <v>35</v>
      </c>
      <c r="C114" s="16">
        <v>65</v>
      </c>
      <c r="D114" s="17">
        <v>100</v>
      </c>
    </row>
    <row r="115" spans="1:4" ht="18" customHeight="1" x14ac:dyDescent="0.2">
      <c r="A115" s="14">
        <v>90</v>
      </c>
      <c r="B115" s="15">
        <v>10</v>
      </c>
      <c r="C115" s="16">
        <v>7</v>
      </c>
      <c r="D115" s="17">
        <v>17</v>
      </c>
    </row>
    <row r="116" spans="1:4" ht="18" customHeight="1" x14ac:dyDescent="0.2">
      <c r="A116" s="14">
        <v>91</v>
      </c>
      <c r="B116" s="15">
        <v>4</v>
      </c>
      <c r="C116" s="16">
        <v>12</v>
      </c>
      <c r="D116" s="17">
        <v>16</v>
      </c>
    </row>
    <row r="117" spans="1:4" ht="18" customHeight="1" x14ac:dyDescent="0.2">
      <c r="A117" s="14">
        <v>92</v>
      </c>
      <c r="B117" s="15">
        <v>2</v>
      </c>
      <c r="C117" s="16">
        <v>4</v>
      </c>
      <c r="D117" s="17">
        <v>6</v>
      </c>
    </row>
    <row r="118" spans="1:4" ht="18" customHeight="1" x14ac:dyDescent="0.2">
      <c r="A118" s="14">
        <v>93</v>
      </c>
      <c r="B118" s="15">
        <v>1</v>
      </c>
      <c r="C118" s="16">
        <v>5</v>
      </c>
      <c r="D118" s="17">
        <v>6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68</v>
      </c>
      <c r="B120" s="15">
        <v>18</v>
      </c>
      <c r="C120" s="16">
        <v>34</v>
      </c>
      <c r="D120" s="17">
        <v>52</v>
      </c>
    </row>
    <row r="121" spans="1:4" ht="18" customHeight="1" x14ac:dyDescent="0.2">
      <c r="A121" s="14">
        <v>95</v>
      </c>
      <c r="B121" s="15">
        <v>2</v>
      </c>
      <c r="C121" s="16">
        <v>2</v>
      </c>
      <c r="D121" s="17">
        <v>4</v>
      </c>
    </row>
    <row r="122" spans="1:4" ht="18" customHeight="1" x14ac:dyDescent="0.2">
      <c r="A122" s="14">
        <v>96</v>
      </c>
      <c r="B122" s="15">
        <v>2</v>
      </c>
      <c r="C122" s="16">
        <v>5</v>
      </c>
      <c r="D122" s="17">
        <v>7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6</v>
      </c>
      <c r="C126" s="16">
        <v>11</v>
      </c>
      <c r="D126" s="17">
        <v>17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72</v>
      </c>
      <c r="B130" s="4">
        <v>526</v>
      </c>
      <c r="C130" s="5">
        <v>615</v>
      </c>
      <c r="D130" s="6">
        <v>1141</v>
      </c>
    </row>
    <row r="131" spans="1:4" ht="18" customHeight="1" x14ac:dyDescent="0.2">
      <c r="A131" s="20" t="s">
        <v>47</v>
      </c>
      <c r="B131" s="7">
        <v>1668</v>
      </c>
      <c r="C131" s="8">
        <v>1666</v>
      </c>
      <c r="D131" s="9">
        <v>333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5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0</v>
      </c>
      <c r="D5" s="13">
        <v>5</v>
      </c>
    </row>
    <row r="6" spans="1:4" ht="18" customHeight="1" x14ac:dyDescent="0.2">
      <c r="A6" s="14">
        <v>1</v>
      </c>
      <c r="B6" s="15">
        <v>1</v>
      </c>
      <c r="C6" s="16">
        <v>1</v>
      </c>
      <c r="D6" s="17">
        <v>2</v>
      </c>
    </row>
    <row r="7" spans="1:4" ht="18" customHeight="1" x14ac:dyDescent="0.2">
      <c r="A7" s="14">
        <v>2</v>
      </c>
      <c r="B7" s="15">
        <v>2</v>
      </c>
      <c r="C7" s="16">
        <v>4</v>
      </c>
      <c r="D7" s="17">
        <v>6</v>
      </c>
    </row>
    <row r="8" spans="1:4" ht="18" customHeight="1" x14ac:dyDescent="0.2">
      <c r="A8" s="14">
        <v>3</v>
      </c>
      <c r="B8" s="15">
        <v>4</v>
      </c>
      <c r="C8" s="16">
        <v>3</v>
      </c>
      <c r="D8" s="17">
        <v>7</v>
      </c>
    </row>
    <row r="9" spans="1:4" ht="18" customHeight="1" x14ac:dyDescent="0.2">
      <c r="A9" s="14">
        <v>4</v>
      </c>
      <c r="B9" s="15">
        <v>5</v>
      </c>
      <c r="C9" s="16">
        <v>3</v>
      </c>
      <c r="D9" s="17">
        <v>8</v>
      </c>
    </row>
    <row r="10" spans="1:4" ht="18" customHeight="1" x14ac:dyDescent="0.2">
      <c r="A10" s="18" t="s">
        <v>48</v>
      </c>
      <c r="B10" s="15">
        <v>17</v>
      </c>
      <c r="C10" s="16">
        <v>11</v>
      </c>
      <c r="D10" s="17">
        <v>28</v>
      </c>
    </row>
    <row r="11" spans="1:4" ht="18" customHeight="1" x14ac:dyDescent="0.2">
      <c r="A11" s="14">
        <v>5</v>
      </c>
      <c r="B11" s="15">
        <v>3</v>
      </c>
      <c r="C11" s="16">
        <v>5</v>
      </c>
      <c r="D11" s="17">
        <v>8</v>
      </c>
    </row>
    <row r="12" spans="1:4" ht="18" customHeight="1" x14ac:dyDescent="0.2">
      <c r="A12" s="14">
        <v>6</v>
      </c>
      <c r="B12" s="15">
        <v>3</v>
      </c>
      <c r="C12" s="16">
        <v>4</v>
      </c>
      <c r="D12" s="17">
        <v>7</v>
      </c>
    </row>
    <row r="13" spans="1:4" ht="18" customHeight="1" x14ac:dyDescent="0.2">
      <c r="A13" s="14">
        <v>7</v>
      </c>
      <c r="B13" s="15">
        <v>4</v>
      </c>
      <c r="C13" s="16">
        <v>5</v>
      </c>
      <c r="D13" s="17">
        <v>9</v>
      </c>
    </row>
    <row r="14" spans="1:4" ht="18" customHeight="1" x14ac:dyDescent="0.2">
      <c r="A14" s="14">
        <v>8</v>
      </c>
      <c r="B14" s="15">
        <v>5</v>
      </c>
      <c r="C14" s="16">
        <v>5</v>
      </c>
      <c r="D14" s="17">
        <v>10</v>
      </c>
    </row>
    <row r="15" spans="1:4" ht="18" customHeight="1" x14ac:dyDescent="0.2">
      <c r="A15" s="14">
        <v>9</v>
      </c>
      <c r="B15" s="15">
        <v>2</v>
      </c>
      <c r="C15" s="16">
        <v>2</v>
      </c>
      <c r="D15" s="17">
        <v>4</v>
      </c>
    </row>
    <row r="16" spans="1:4" ht="18" customHeight="1" x14ac:dyDescent="0.2">
      <c r="A16" s="18" t="s">
        <v>49</v>
      </c>
      <c r="B16" s="15">
        <v>17</v>
      </c>
      <c r="C16" s="16">
        <v>21</v>
      </c>
      <c r="D16" s="17">
        <v>38</v>
      </c>
    </row>
    <row r="17" spans="1:4" ht="18" customHeight="1" x14ac:dyDescent="0.2">
      <c r="A17" s="14">
        <v>10</v>
      </c>
      <c r="B17" s="15">
        <v>1</v>
      </c>
      <c r="C17" s="16">
        <v>3</v>
      </c>
      <c r="D17" s="17">
        <v>4</v>
      </c>
    </row>
    <row r="18" spans="1:4" ht="18" customHeight="1" x14ac:dyDescent="0.2">
      <c r="A18" s="14">
        <v>11</v>
      </c>
      <c r="B18" s="15">
        <v>5</v>
      </c>
      <c r="C18" s="16">
        <v>4</v>
      </c>
      <c r="D18" s="17">
        <v>9</v>
      </c>
    </row>
    <row r="19" spans="1:4" ht="18" customHeight="1" x14ac:dyDescent="0.2">
      <c r="A19" s="14">
        <v>12</v>
      </c>
      <c r="B19" s="15">
        <v>3</v>
      </c>
      <c r="C19" s="16">
        <v>6</v>
      </c>
      <c r="D19" s="17">
        <v>9</v>
      </c>
    </row>
    <row r="20" spans="1:4" ht="18" customHeight="1" x14ac:dyDescent="0.2">
      <c r="A20" s="14">
        <v>13</v>
      </c>
      <c r="B20" s="15">
        <v>7</v>
      </c>
      <c r="C20" s="16">
        <v>2</v>
      </c>
      <c r="D20" s="17">
        <v>9</v>
      </c>
    </row>
    <row r="21" spans="1:4" ht="18" customHeight="1" x14ac:dyDescent="0.2">
      <c r="A21" s="14">
        <v>14</v>
      </c>
      <c r="B21" s="15">
        <v>5</v>
      </c>
      <c r="C21" s="16">
        <v>0</v>
      </c>
      <c r="D21" s="17">
        <v>5</v>
      </c>
    </row>
    <row r="22" spans="1:4" ht="18" customHeight="1" x14ac:dyDescent="0.2">
      <c r="A22" s="18" t="s">
        <v>50</v>
      </c>
      <c r="B22" s="15">
        <v>21</v>
      </c>
      <c r="C22" s="16">
        <v>15</v>
      </c>
      <c r="D22" s="17">
        <v>36</v>
      </c>
    </row>
    <row r="23" spans="1:4" ht="18" customHeight="1" x14ac:dyDescent="0.2">
      <c r="A23" s="18" t="s">
        <v>51</v>
      </c>
      <c r="B23" s="15">
        <v>55</v>
      </c>
      <c r="C23" s="16">
        <v>47</v>
      </c>
      <c r="D23" s="17">
        <v>102</v>
      </c>
    </row>
    <row r="24" spans="1:4" ht="18" customHeight="1" x14ac:dyDescent="0.2">
      <c r="A24" s="14">
        <v>15</v>
      </c>
      <c r="B24" s="15">
        <v>2</v>
      </c>
      <c r="C24" s="16">
        <v>4</v>
      </c>
      <c r="D24" s="17">
        <v>6</v>
      </c>
    </row>
    <row r="25" spans="1:4" ht="18" customHeight="1" x14ac:dyDescent="0.2">
      <c r="A25" s="14">
        <v>16</v>
      </c>
      <c r="B25" s="15">
        <v>3</v>
      </c>
      <c r="C25" s="16">
        <v>8</v>
      </c>
      <c r="D25" s="17">
        <v>11</v>
      </c>
    </row>
    <row r="26" spans="1:4" ht="18" customHeight="1" x14ac:dyDescent="0.2">
      <c r="A26" s="14">
        <v>17</v>
      </c>
      <c r="B26" s="15">
        <v>5</v>
      </c>
      <c r="C26" s="16">
        <v>4</v>
      </c>
      <c r="D26" s="17">
        <v>9</v>
      </c>
    </row>
    <row r="27" spans="1:4" ht="18" customHeight="1" x14ac:dyDescent="0.2">
      <c r="A27" s="14">
        <v>18</v>
      </c>
      <c r="B27" s="15">
        <v>5</v>
      </c>
      <c r="C27" s="16">
        <v>6</v>
      </c>
      <c r="D27" s="17">
        <v>11</v>
      </c>
    </row>
    <row r="28" spans="1:4" ht="18" customHeight="1" x14ac:dyDescent="0.2">
      <c r="A28" s="14">
        <v>19</v>
      </c>
      <c r="B28" s="15">
        <v>5</v>
      </c>
      <c r="C28" s="16">
        <v>6</v>
      </c>
      <c r="D28" s="17">
        <v>11</v>
      </c>
    </row>
    <row r="29" spans="1:4" ht="18" customHeight="1" x14ac:dyDescent="0.2">
      <c r="A29" s="18" t="s">
        <v>52</v>
      </c>
      <c r="B29" s="15">
        <v>20</v>
      </c>
      <c r="C29" s="16">
        <v>28</v>
      </c>
      <c r="D29" s="17">
        <v>48</v>
      </c>
    </row>
    <row r="30" spans="1:4" ht="18" customHeight="1" x14ac:dyDescent="0.2">
      <c r="A30" s="14">
        <v>20</v>
      </c>
      <c r="B30" s="15">
        <v>3</v>
      </c>
      <c r="C30" s="16">
        <v>4</v>
      </c>
      <c r="D30" s="17">
        <v>7</v>
      </c>
    </row>
    <row r="31" spans="1:4" ht="18" customHeight="1" x14ac:dyDescent="0.2">
      <c r="A31" s="14">
        <v>21</v>
      </c>
      <c r="B31" s="15">
        <v>4</v>
      </c>
      <c r="C31" s="16">
        <v>4</v>
      </c>
      <c r="D31" s="17">
        <v>8</v>
      </c>
    </row>
    <row r="32" spans="1:4" ht="18" customHeight="1" x14ac:dyDescent="0.2">
      <c r="A32" s="14">
        <v>22</v>
      </c>
      <c r="B32" s="15">
        <v>6</v>
      </c>
      <c r="C32" s="16">
        <v>5</v>
      </c>
      <c r="D32" s="17">
        <v>11</v>
      </c>
    </row>
    <row r="33" spans="1:4" ht="18" customHeight="1" x14ac:dyDescent="0.2">
      <c r="A33" s="14">
        <v>23</v>
      </c>
      <c r="B33" s="15">
        <v>2</v>
      </c>
      <c r="C33" s="16">
        <v>6</v>
      </c>
      <c r="D33" s="17">
        <v>8</v>
      </c>
    </row>
    <row r="34" spans="1:4" ht="18" customHeight="1" x14ac:dyDescent="0.2">
      <c r="A34" s="14">
        <v>24</v>
      </c>
      <c r="B34" s="15">
        <v>5</v>
      </c>
      <c r="C34" s="16">
        <v>3</v>
      </c>
      <c r="D34" s="17">
        <v>8</v>
      </c>
    </row>
    <row r="35" spans="1:4" ht="18" customHeight="1" x14ac:dyDescent="0.2">
      <c r="A35" s="18" t="s">
        <v>53</v>
      </c>
      <c r="B35" s="15">
        <v>20</v>
      </c>
      <c r="C35" s="16">
        <v>22</v>
      </c>
      <c r="D35" s="17">
        <v>42</v>
      </c>
    </row>
    <row r="36" spans="1:4" ht="18" customHeight="1" x14ac:dyDescent="0.2">
      <c r="A36" s="14">
        <v>25</v>
      </c>
      <c r="B36" s="15">
        <v>7</v>
      </c>
      <c r="C36" s="16">
        <v>2</v>
      </c>
      <c r="D36" s="17">
        <v>9</v>
      </c>
    </row>
    <row r="37" spans="1:4" ht="18" customHeight="1" x14ac:dyDescent="0.2">
      <c r="A37" s="14">
        <v>26</v>
      </c>
      <c r="B37" s="15">
        <v>6</v>
      </c>
      <c r="C37" s="16">
        <v>4</v>
      </c>
      <c r="D37" s="17">
        <v>10</v>
      </c>
    </row>
    <row r="38" spans="1:4" ht="18" customHeight="1" x14ac:dyDescent="0.2">
      <c r="A38" s="14">
        <v>27</v>
      </c>
      <c r="B38" s="15">
        <v>6</v>
      </c>
      <c r="C38" s="16">
        <v>2</v>
      </c>
      <c r="D38" s="17">
        <v>8</v>
      </c>
    </row>
    <row r="39" spans="1:4" ht="18" customHeight="1" x14ac:dyDescent="0.2">
      <c r="A39" s="14">
        <v>28</v>
      </c>
      <c r="B39" s="15">
        <v>3</v>
      </c>
      <c r="C39" s="16">
        <v>5</v>
      </c>
      <c r="D39" s="17">
        <v>8</v>
      </c>
    </row>
    <row r="40" spans="1:4" ht="18" customHeight="1" x14ac:dyDescent="0.2">
      <c r="A40" s="14">
        <v>29</v>
      </c>
      <c r="B40" s="15">
        <v>5</v>
      </c>
      <c r="C40" s="16">
        <v>3</v>
      </c>
      <c r="D40" s="17">
        <v>8</v>
      </c>
    </row>
    <row r="41" spans="1:4" ht="18" customHeight="1" x14ac:dyDescent="0.2">
      <c r="A41" s="18" t="s">
        <v>54</v>
      </c>
      <c r="B41" s="15">
        <v>27</v>
      </c>
      <c r="C41" s="16">
        <v>16</v>
      </c>
      <c r="D41" s="17">
        <v>43</v>
      </c>
    </row>
    <row r="42" spans="1:4" ht="18" customHeight="1" x14ac:dyDescent="0.2">
      <c r="A42" s="14">
        <v>30</v>
      </c>
      <c r="B42" s="15">
        <v>3</v>
      </c>
      <c r="C42" s="16">
        <v>4</v>
      </c>
      <c r="D42" s="17">
        <v>7</v>
      </c>
    </row>
    <row r="43" spans="1:4" ht="18" customHeight="1" x14ac:dyDescent="0.2">
      <c r="A43" s="14">
        <v>31</v>
      </c>
      <c r="B43" s="15">
        <v>3</v>
      </c>
      <c r="C43" s="16">
        <v>5</v>
      </c>
      <c r="D43" s="17">
        <v>8</v>
      </c>
    </row>
    <row r="44" spans="1:4" ht="18" customHeight="1" x14ac:dyDescent="0.2">
      <c r="A44" s="14">
        <v>32</v>
      </c>
      <c r="B44" s="15">
        <v>4</v>
      </c>
      <c r="C44" s="16">
        <v>0</v>
      </c>
      <c r="D44" s="17">
        <v>4</v>
      </c>
    </row>
    <row r="45" spans="1:4" ht="18" customHeight="1" x14ac:dyDescent="0.2">
      <c r="A45" s="14">
        <v>33</v>
      </c>
      <c r="B45" s="15">
        <v>5</v>
      </c>
      <c r="C45" s="16">
        <v>4</v>
      </c>
      <c r="D45" s="17">
        <v>9</v>
      </c>
    </row>
    <row r="46" spans="1:4" ht="18" customHeight="1" x14ac:dyDescent="0.2">
      <c r="A46" s="14">
        <v>34</v>
      </c>
      <c r="B46" s="15">
        <v>2</v>
      </c>
      <c r="C46" s="16">
        <v>2</v>
      </c>
      <c r="D46" s="17">
        <v>4</v>
      </c>
    </row>
    <row r="47" spans="1:4" ht="18" customHeight="1" x14ac:dyDescent="0.2">
      <c r="A47" s="18" t="s">
        <v>55</v>
      </c>
      <c r="B47" s="15">
        <v>17</v>
      </c>
      <c r="C47" s="16">
        <v>15</v>
      </c>
      <c r="D47" s="17">
        <v>32</v>
      </c>
    </row>
    <row r="48" spans="1:4" ht="18" customHeight="1" x14ac:dyDescent="0.2">
      <c r="A48" s="14">
        <v>35</v>
      </c>
      <c r="B48" s="15">
        <v>2</v>
      </c>
      <c r="C48" s="16">
        <v>4</v>
      </c>
      <c r="D48" s="17">
        <v>6</v>
      </c>
    </row>
    <row r="49" spans="1:4" ht="18" customHeight="1" x14ac:dyDescent="0.2">
      <c r="A49" s="14">
        <v>36</v>
      </c>
      <c r="B49" s="15">
        <v>8</v>
      </c>
      <c r="C49" s="16">
        <v>10</v>
      </c>
      <c r="D49" s="17">
        <v>18</v>
      </c>
    </row>
    <row r="50" spans="1:4" ht="18" customHeight="1" x14ac:dyDescent="0.2">
      <c r="A50" s="14">
        <v>37</v>
      </c>
      <c r="B50" s="15">
        <v>6</v>
      </c>
      <c r="C50" s="16">
        <v>3</v>
      </c>
      <c r="D50" s="17">
        <v>9</v>
      </c>
    </row>
    <row r="51" spans="1:4" ht="18" customHeight="1" x14ac:dyDescent="0.2">
      <c r="A51" s="14">
        <v>38</v>
      </c>
      <c r="B51" s="15">
        <v>2</v>
      </c>
      <c r="C51" s="16">
        <v>10</v>
      </c>
      <c r="D51" s="17">
        <v>12</v>
      </c>
    </row>
    <row r="52" spans="1:4" ht="18" customHeight="1" x14ac:dyDescent="0.2">
      <c r="A52" s="14">
        <v>39</v>
      </c>
      <c r="B52" s="15">
        <v>6</v>
      </c>
      <c r="C52" s="16">
        <v>7</v>
      </c>
      <c r="D52" s="17">
        <v>13</v>
      </c>
    </row>
    <row r="53" spans="1:4" ht="18" customHeight="1" x14ac:dyDescent="0.2">
      <c r="A53" s="18" t="s">
        <v>56</v>
      </c>
      <c r="B53" s="15">
        <v>24</v>
      </c>
      <c r="C53" s="16">
        <v>34</v>
      </c>
      <c r="D53" s="17">
        <v>58</v>
      </c>
    </row>
    <row r="54" spans="1:4" ht="18" customHeight="1" x14ac:dyDescent="0.2">
      <c r="A54" s="14">
        <v>40</v>
      </c>
      <c r="B54" s="15">
        <v>6</v>
      </c>
      <c r="C54" s="16">
        <v>6</v>
      </c>
      <c r="D54" s="17">
        <v>12</v>
      </c>
    </row>
    <row r="55" spans="1:4" ht="18" customHeight="1" x14ac:dyDescent="0.2">
      <c r="A55" s="14">
        <v>41</v>
      </c>
      <c r="B55" s="15">
        <v>6</v>
      </c>
      <c r="C55" s="16">
        <v>9</v>
      </c>
      <c r="D55" s="17">
        <v>15</v>
      </c>
    </row>
    <row r="56" spans="1:4" ht="18" customHeight="1" x14ac:dyDescent="0.2">
      <c r="A56" s="14">
        <v>42</v>
      </c>
      <c r="B56" s="15">
        <v>6</v>
      </c>
      <c r="C56" s="16">
        <v>5</v>
      </c>
      <c r="D56" s="17">
        <v>11</v>
      </c>
    </row>
    <row r="57" spans="1:4" ht="18" customHeight="1" x14ac:dyDescent="0.2">
      <c r="A57" s="14">
        <v>43</v>
      </c>
      <c r="B57" s="15">
        <v>7</v>
      </c>
      <c r="C57" s="16">
        <v>3</v>
      </c>
      <c r="D57" s="17">
        <v>10</v>
      </c>
    </row>
    <row r="58" spans="1:4" ht="18" customHeight="1" x14ac:dyDescent="0.2">
      <c r="A58" s="14">
        <v>44</v>
      </c>
      <c r="B58" s="15">
        <v>7</v>
      </c>
      <c r="C58" s="16">
        <v>8</v>
      </c>
      <c r="D58" s="17">
        <v>15</v>
      </c>
    </row>
    <row r="59" spans="1:4" ht="18" customHeight="1" x14ac:dyDescent="0.2">
      <c r="A59" s="18" t="s">
        <v>57</v>
      </c>
      <c r="B59" s="15">
        <v>32</v>
      </c>
      <c r="C59" s="16">
        <v>31</v>
      </c>
      <c r="D59" s="17">
        <v>63</v>
      </c>
    </row>
    <row r="60" spans="1:4" ht="18" customHeight="1" x14ac:dyDescent="0.2">
      <c r="A60" s="14">
        <v>45</v>
      </c>
      <c r="B60" s="15">
        <v>9</v>
      </c>
      <c r="C60" s="16">
        <v>6</v>
      </c>
      <c r="D60" s="17">
        <v>15</v>
      </c>
    </row>
    <row r="61" spans="1:4" ht="18" customHeight="1" x14ac:dyDescent="0.2">
      <c r="A61" s="14">
        <v>46</v>
      </c>
      <c r="B61" s="15">
        <v>9</v>
      </c>
      <c r="C61" s="16">
        <v>7</v>
      </c>
      <c r="D61" s="17">
        <v>16</v>
      </c>
    </row>
    <row r="62" spans="1:4" ht="18" customHeight="1" x14ac:dyDescent="0.2">
      <c r="A62" s="14">
        <v>47</v>
      </c>
      <c r="B62" s="15">
        <v>11</v>
      </c>
      <c r="C62" s="16">
        <v>11</v>
      </c>
      <c r="D62" s="17">
        <v>22</v>
      </c>
    </row>
    <row r="63" spans="1:4" ht="18" customHeight="1" x14ac:dyDescent="0.2">
      <c r="A63" s="14">
        <v>48</v>
      </c>
      <c r="B63" s="15">
        <v>8</v>
      </c>
      <c r="C63" s="16">
        <v>7</v>
      </c>
      <c r="D63" s="17">
        <v>15</v>
      </c>
    </row>
    <row r="64" spans="1:4" ht="18" customHeight="1" x14ac:dyDescent="0.2">
      <c r="A64" s="14">
        <v>49</v>
      </c>
      <c r="B64" s="15">
        <v>5</v>
      </c>
      <c r="C64" s="16">
        <v>10</v>
      </c>
      <c r="D64" s="17">
        <v>15</v>
      </c>
    </row>
    <row r="65" spans="1:4" ht="18" customHeight="1" x14ac:dyDescent="0.2">
      <c r="A65" s="18" t="s">
        <v>58</v>
      </c>
      <c r="B65" s="15">
        <v>42</v>
      </c>
      <c r="C65" s="16">
        <v>41</v>
      </c>
      <c r="D65" s="17">
        <v>83</v>
      </c>
    </row>
    <row r="66" spans="1:4" ht="18" customHeight="1" x14ac:dyDescent="0.2">
      <c r="A66" s="14">
        <v>50</v>
      </c>
      <c r="B66" s="15">
        <v>8</v>
      </c>
      <c r="C66" s="16">
        <v>3</v>
      </c>
      <c r="D66" s="17">
        <v>11</v>
      </c>
    </row>
    <row r="67" spans="1:4" ht="18" customHeight="1" x14ac:dyDescent="0.2">
      <c r="A67" s="14">
        <v>51</v>
      </c>
      <c r="B67" s="15">
        <v>7</v>
      </c>
      <c r="C67" s="16">
        <v>4</v>
      </c>
      <c r="D67" s="17">
        <v>11</v>
      </c>
    </row>
    <row r="68" spans="1:4" ht="18" customHeight="1" x14ac:dyDescent="0.2">
      <c r="A68" s="14">
        <v>52</v>
      </c>
      <c r="B68" s="15">
        <v>4</v>
      </c>
      <c r="C68" s="16">
        <v>4</v>
      </c>
      <c r="D68" s="17">
        <v>8</v>
      </c>
    </row>
    <row r="69" spans="1:4" ht="18" customHeight="1" x14ac:dyDescent="0.2">
      <c r="A69" s="14">
        <v>53</v>
      </c>
      <c r="B69" s="15">
        <v>2</v>
      </c>
      <c r="C69" s="16">
        <v>8</v>
      </c>
      <c r="D69" s="17">
        <v>10</v>
      </c>
    </row>
    <row r="70" spans="1:4" ht="18" customHeight="1" x14ac:dyDescent="0.2">
      <c r="A70" s="14">
        <v>54</v>
      </c>
      <c r="B70" s="15">
        <v>6</v>
      </c>
      <c r="C70" s="16">
        <v>5</v>
      </c>
      <c r="D70" s="17">
        <v>11</v>
      </c>
    </row>
    <row r="71" spans="1:4" ht="18" customHeight="1" x14ac:dyDescent="0.2">
      <c r="A71" s="18" t="s">
        <v>59</v>
      </c>
      <c r="B71" s="15">
        <v>27</v>
      </c>
      <c r="C71" s="16">
        <v>24</v>
      </c>
      <c r="D71" s="17">
        <v>51</v>
      </c>
    </row>
    <row r="72" spans="1:4" ht="18" customHeight="1" x14ac:dyDescent="0.2">
      <c r="A72" s="14">
        <v>55</v>
      </c>
      <c r="B72" s="15">
        <v>4</v>
      </c>
      <c r="C72" s="16">
        <v>9</v>
      </c>
      <c r="D72" s="17">
        <v>13</v>
      </c>
    </row>
    <row r="73" spans="1:4" ht="18" customHeight="1" x14ac:dyDescent="0.2">
      <c r="A73" s="14">
        <v>56</v>
      </c>
      <c r="B73" s="15">
        <v>1</v>
      </c>
      <c r="C73" s="16">
        <v>4</v>
      </c>
      <c r="D73" s="17">
        <v>5</v>
      </c>
    </row>
    <row r="74" spans="1:4" ht="18" customHeight="1" x14ac:dyDescent="0.2">
      <c r="A74" s="14">
        <v>57</v>
      </c>
      <c r="B74" s="15">
        <v>6</v>
      </c>
      <c r="C74" s="16">
        <v>8</v>
      </c>
      <c r="D74" s="17">
        <v>14</v>
      </c>
    </row>
    <row r="75" spans="1:4" ht="18" customHeight="1" x14ac:dyDescent="0.2">
      <c r="A75" s="14">
        <v>58</v>
      </c>
      <c r="B75" s="15">
        <v>10</v>
      </c>
      <c r="C75" s="16">
        <v>7</v>
      </c>
      <c r="D75" s="17">
        <v>17</v>
      </c>
    </row>
    <row r="76" spans="1:4" ht="18" customHeight="1" x14ac:dyDescent="0.2">
      <c r="A76" s="14">
        <v>59</v>
      </c>
      <c r="B76" s="15">
        <v>7</v>
      </c>
      <c r="C76" s="16">
        <v>14</v>
      </c>
      <c r="D76" s="17">
        <v>21</v>
      </c>
    </row>
    <row r="77" spans="1:4" ht="18" customHeight="1" x14ac:dyDescent="0.2">
      <c r="A77" s="18" t="s">
        <v>60</v>
      </c>
      <c r="B77" s="15">
        <v>28</v>
      </c>
      <c r="C77" s="16">
        <v>42</v>
      </c>
      <c r="D77" s="17">
        <v>70</v>
      </c>
    </row>
    <row r="78" spans="1:4" ht="18" customHeight="1" x14ac:dyDescent="0.2">
      <c r="A78" s="14">
        <v>60</v>
      </c>
      <c r="B78" s="15">
        <v>8</v>
      </c>
      <c r="C78" s="16">
        <v>6</v>
      </c>
      <c r="D78" s="17">
        <v>14</v>
      </c>
    </row>
    <row r="79" spans="1:4" ht="18" customHeight="1" x14ac:dyDescent="0.2">
      <c r="A79" s="14">
        <v>61</v>
      </c>
      <c r="B79" s="15">
        <v>7</v>
      </c>
      <c r="C79" s="16">
        <v>4</v>
      </c>
      <c r="D79" s="17">
        <v>11</v>
      </c>
    </row>
    <row r="80" spans="1:4" ht="18" customHeight="1" x14ac:dyDescent="0.2">
      <c r="A80" s="14">
        <v>62</v>
      </c>
      <c r="B80" s="15">
        <v>5</v>
      </c>
      <c r="C80" s="16">
        <v>7</v>
      </c>
      <c r="D80" s="17">
        <v>12</v>
      </c>
    </row>
    <row r="81" spans="1:4" ht="18" customHeight="1" x14ac:dyDescent="0.2">
      <c r="A81" s="14">
        <v>63</v>
      </c>
      <c r="B81" s="15">
        <v>8</v>
      </c>
      <c r="C81" s="16">
        <v>5</v>
      </c>
      <c r="D81" s="17">
        <v>13</v>
      </c>
    </row>
    <row r="82" spans="1:4" ht="18" customHeight="1" x14ac:dyDescent="0.2">
      <c r="A82" s="14">
        <v>64</v>
      </c>
      <c r="B82" s="15">
        <v>5</v>
      </c>
      <c r="C82" s="16">
        <v>9</v>
      </c>
      <c r="D82" s="17">
        <v>14</v>
      </c>
    </row>
    <row r="83" spans="1:4" ht="18" customHeight="1" x14ac:dyDescent="0.2">
      <c r="A83" s="18" t="s">
        <v>61</v>
      </c>
      <c r="B83" s="15">
        <v>33</v>
      </c>
      <c r="C83" s="16">
        <v>31</v>
      </c>
      <c r="D83" s="17">
        <v>64</v>
      </c>
    </row>
    <row r="84" spans="1:4" ht="18" customHeight="1" x14ac:dyDescent="0.2">
      <c r="A84" s="18" t="s">
        <v>62</v>
      </c>
      <c r="B84" s="15">
        <v>270</v>
      </c>
      <c r="C84" s="16">
        <v>284</v>
      </c>
      <c r="D84" s="17">
        <v>554</v>
      </c>
    </row>
    <row r="85" spans="1:4" ht="18" customHeight="1" x14ac:dyDescent="0.2">
      <c r="A85" s="14">
        <v>65</v>
      </c>
      <c r="B85" s="15">
        <v>10</v>
      </c>
      <c r="C85" s="16">
        <v>5</v>
      </c>
      <c r="D85" s="17">
        <v>15</v>
      </c>
    </row>
    <row r="86" spans="1:4" ht="18" customHeight="1" x14ac:dyDescent="0.2">
      <c r="A86" s="14">
        <v>66</v>
      </c>
      <c r="B86" s="15">
        <v>4</v>
      </c>
      <c r="C86" s="16">
        <v>10</v>
      </c>
      <c r="D86" s="17">
        <v>14</v>
      </c>
    </row>
    <row r="87" spans="1:4" ht="18" customHeight="1" x14ac:dyDescent="0.2">
      <c r="A87" s="14">
        <v>67</v>
      </c>
      <c r="B87" s="15">
        <v>6</v>
      </c>
      <c r="C87" s="16">
        <v>9</v>
      </c>
      <c r="D87" s="17">
        <v>15</v>
      </c>
    </row>
    <row r="88" spans="1:4" ht="18" customHeight="1" x14ac:dyDescent="0.2">
      <c r="A88" s="14">
        <v>68</v>
      </c>
      <c r="B88" s="15">
        <v>11</v>
      </c>
      <c r="C88" s="16">
        <v>7</v>
      </c>
      <c r="D88" s="17">
        <v>18</v>
      </c>
    </row>
    <row r="89" spans="1:4" ht="18" customHeight="1" x14ac:dyDescent="0.2">
      <c r="A89" s="14">
        <v>69</v>
      </c>
      <c r="B89" s="15">
        <v>12</v>
      </c>
      <c r="C89" s="16">
        <v>12</v>
      </c>
      <c r="D89" s="17">
        <v>24</v>
      </c>
    </row>
    <row r="90" spans="1:4" ht="18" customHeight="1" x14ac:dyDescent="0.2">
      <c r="A90" s="18" t="s">
        <v>63</v>
      </c>
      <c r="B90" s="15">
        <v>43</v>
      </c>
      <c r="C90" s="16">
        <v>43</v>
      </c>
      <c r="D90" s="17">
        <v>86</v>
      </c>
    </row>
    <row r="91" spans="1:4" ht="18" customHeight="1" x14ac:dyDescent="0.2">
      <c r="A91" s="14">
        <v>70</v>
      </c>
      <c r="B91" s="15">
        <v>15</v>
      </c>
      <c r="C91" s="16">
        <v>14</v>
      </c>
      <c r="D91" s="17">
        <v>29</v>
      </c>
    </row>
    <row r="92" spans="1:4" ht="18" customHeight="1" x14ac:dyDescent="0.2">
      <c r="A92" s="14">
        <v>71</v>
      </c>
      <c r="B92" s="15">
        <v>16</v>
      </c>
      <c r="C92" s="16">
        <v>15</v>
      </c>
      <c r="D92" s="17">
        <v>31</v>
      </c>
    </row>
    <row r="93" spans="1:4" ht="18" customHeight="1" x14ac:dyDescent="0.2">
      <c r="A93" s="14">
        <v>72</v>
      </c>
      <c r="B93" s="15">
        <v>9</v>
      </c>
      <c r="C93" s="16">
        <v>14</v>
      </c>
      <c r="D93" s="17">
        <v>23</v>
      </c>
    </row>
    <row r="94" spans="1:4" ht="18" customHeight="1" x14ac:dyDescent="0.2">
      <c r="A94" s="14">
        <v>73</v>
      </c>
      <c r="B94" s="15">
        <v>7</v>
      </c>
      <c r="C94" s="16">
        <v>15</v>
      </c>
      <c r="D94" s="17">
        <v>22</v>
      </c>
    </row>
    <row r="95" spans="1:4" ht="18" customHeight="1" x14ac:dyDescent="0.2">
      <c r="A95" s="14">
        <v>74</v>
      </c>
      <c r="B95" s="15">
        <v>4</v>
      </c>
      <c r="C95" s="16">
        <v>3</v>
      </c>
      <c r="D95" s="17">
        <v>7</v>
      </c>
    </row>
    <row r="96" spans="1:4" ht="18" customHeight="1" x14ac:dyDescent="0.2">
      <c r="A96" s="18" t="s">
        <v>64</v>
      </c>
      <c r="B96" s="15">
        <v>51</v>
      </c>
      <c r="C96" s="16">
        <v>61</v>
      </c>
      <c r="D96" s="17">
        <v>112</v>
      </c>
    </row>
    <row r="97" spans="1:4" ht="18" customHeight="1" x14ac:dyDescent="0.2">
      <c r="A97" s="14">
        <v>75</v>
      </c>
      <c r="B97" s="15">
        <v>8</v>
      </c>
      <c r="C97" s="16">
        <v>4</v>
      </c>
      <c r="D97" s="17">
        <v>12</v>
      </c>
    </row>
    <row r="98" spans="1:4" ht="18" customHeight="1" x14ac:dyDescent="0.2">
      <c r="A98" s="14">
        <v>76</v>
      </c>
      <c r="B98" s="15">
        <v>8</v>
      </c>
      <c r="C98" s="16">
        <v>5</v>
      </c>
      <c r="D98" s="17">
        <v>13</v>
      </c>
    </row>
    <row r="99" spans="1:4" ht="18" customHeight="1" x14ac:dyDescent="0.2">
      <c r="A99" s="14">
        <v>77</v>
      </c>
      <c r="B99" s="15">
        <v>11</v>
      </c>
      <c r="C99" s="16">
        <v>4</v>
      </c>
      <c r="D99" s="17">
        <v>15</v>
      </c>
    </row>
    <row r="100" spans="1:4" ht="18" customHeight="1" x14ac:dyDescent="0.2">
      <c r="A100" s="14">
        <v>78</v>
      </c>
      <c r="B100" s="15">
        <v>11</v>
      </c>
      <c r="C100" s="16">
        <v>2</v>
      </c>
      <c r="D100" s="17">
        <v>13</v>
      </c>
    </row>
    <row r="101" spans="1:4" ht="18" customHeight="1" x14ac:dyDescent="0.2">
      <c r="A101" s="14">
        <v>79</v>
      </c>
      <c r="B101" s="15">
        <v>3</v>
      </c>
      <c r="C101" s="16">
        <v>10</v>
      </c>
      <c r="D101" s="17">
        <v>13</v>
      </c>
    </row>
    <row r="102" spans="1:4" ht="18" customHeight="1" x14ac:dyDescent="0.2">
      <c r="A102" s="18" t="s">
        <v>65</v>
      </c>
      <c r="B102" s="15">
        <v>41</v>
      </c>
      <c r="C102" s="16">
        <v>25</v>
      </c>
      <c r="D102" s="17">
        <v>66</v>
      </c>
    </row>
    <row r="103" spans="1:4" ht="18" customHeight="1" x14ac:dyDescent="0.2">
      <c r="A103" s="14">
        <v>80</v>
      </c>
      <c r="B103" s="15">
        <v>3</v>
      </c>
      <c r="C103" s="16">
        <v>6</v>
      </c>
      <c r="D103" s="17">
        <v>9</v>
      </c>
    </row>
    <row r="104" spans="1:4" ht="18" customHeight="1" x14ac:dyDescent="0.2">
      <c r="A104" s="14">
        <v>81</v>
      </c>
      <c r="B104" s="15">
        <v>2</v>
      </c>
      <c r="C104" s="16">
        <v>5</v>
      </c>
      <c r="D104" s="17">
        <v>7</v>
      </c>
    </row>
    <row r="105" spans="1:4" ht="18" customHeight="1" x14ac:dyDescent="0.2">
      <c r="A105" s="14">
        <v>82</v>
      </c>
      <c r="B105" s="15">
        <v>2</v>
      </c>
      <c r="C105" s="16">
        <v>6</v>
      </c>
      <c r="D105" s="17">
        <v>8</v>
      </c>
    </row>
    <row r="106" spans="1:4" ht="18" customHeight="1" x14ac:dyDescent="0.2">
      <c r="A106" s="14">
        <v>83</v>
      </c>
      <c r="B106" s="15">
        <v>4</v>
      </c>
      <c r="C106" s="16">
        <v>7</v>
      </c>
      <c r="D106" s="17">
        <v>11</v>
      </c>
    </row>
    <row r="107" spans="1:4" ht="18" customHeight="1" x14ac:dyDescent="0.2">
      <c r="A107" s="14">
        <v>84</v>
      </c>
      <c r="B107" s="15">
        <v>3</v>
      </c>
      <c r="C107" s="16">
        <v>8</v>
      </c>
      <c r="D107" s="17">
        <v>11</v>
      </c>
    </row>
    <row r="108" spans="1:4" ht="18" customHeight="1" x14ac:dyDescent="0.2">
      <c r="A108" s="18" t="s">
        <v>66</v>
      </c>
      <c r="B108" s="15">
        <v>14</v>
      </c>
      <c r="C108" s="16">
        <v>32</v>
      </c>
      <c r="D108" s="17">
        <v>46</v>
      </c>
    </row>
    <row r="109" spans="1:4" ht="18" customHeight="1" x14ac:dyDescent="0.2">
      <c r="A109" s="14">
        <v>85</v>
      </c>
      <c r="B109" s="15">
        <v>5</v>
      </c>
      <c r="C109" s="16">
        <v>6</v>
      </c>
      <c r="D109" s="17">
        <v>11</v>
      </c>
    </row>
    <row r="110" spans="1:4" ht="18" customHeight="1" x14ac:dyDescent="0.2">
      <c r="A110" s="14">
        <v>86</v>
      </c>
      <c r="B110" s="15">
        <v>4</v>
      </c>
      <c r="C110" s="16">
        <v>6</v>
      </c>
      <c r="D110" s="17">
        <v>10</v>
      </c>
    </row>
    <row r="111" spans="1:4" ht="18" customHeight="1" x14ac:dyDescent="0.2">
      <c r="A111" s="14">
        <v>87</v>
      </c>
      <c r="B111" s="15">
        <v>2</v>
      </c>
      <c r="C111" s="16">
        <v>3</v>
      </c>
      <c r="D111" s="17">
        <v>5</v>
      </c>
    </row>
    <row r="112" spans="1:4" ht="18" customHeight="1" x14ac:dyDescent="0.2">
      <c r="A112" s="14">
        <v>88</v>
      </c>
      <c r="B112" s="15">
        <v>0</v>
      </c>
      <c r="C112" s="16">
        <v>4</v>
      </c>
      <c r="D112" s="17">
        <v>4</v>
      </c>
    </row>
    <row r="113" spans="1:4" ht="18" customHeight="1" x14ac:dyDescent="0.2">
      <c r="A113" s="14">
        <v>89</v>
      </c>
      <c r="B113" s="15">
        <v>0</v>
      </c>
      <c r="C113" s="16">
        <v>4</v>
      </c>
      <c r="D113" s="17">
        <v>4</v>
      </c>
    </row>
    <row r="114" spans="1:4" ht="18" customHeight="1" x14ac:dyDescent="0.2">
      <c r="A114" s="18" t="s">
        <v>67</v>
      </c>
      <c r="B114" s="15">
        <v>11</v>
      </c>
      <c r="C114" s="16">
        <v>23</v>
      </c>
      <c r="D114" s="17">
        <v>34</v>
      </c>
    </row>
    <row r="115" spans="1:4" ht="18" customHeight="1" x14ac:dyDescent="0.2">
      <c r="A115" s="14">
        <v>90</v>
      </c>
      <c r="B115" s="15">
        <v>0</v>
      </c>
      <c r="C115" s="16">
        <v>4</v>
      </c>
      <c r="D115" s="17">
        <v>4</v>
      </c>
    </row>
    <row r="116" spans="1:4" ht="18" customHeight="1" x14ac:dyDescent="0.2">
      <c r="A116" s="14">
        <v>91</v>
      </c>
      <c r="B116" s="15">
        <v>2</v>
      </c>
      <c r="C116" s="16">
        <v>3</v>
      </c>
      <c r="D116" s="17">
        <v>5</v>
      </c>
    </row>
    <row r="117" spans="1:4" ht="18" customHeight="1" x14ac:dyDescent="0.2">
      <c r="A117" s="14">
        <v>92</v>
      </c>
      <c r="B117" s="15">
        <v>2</v>
      </c>
      <c r="C117" s="16">
        <v>4</v>
      </c>
      <c r="D117" s="17">
        <v>6</v>
      </c>
    </row>
    <row r="118" spans="1:4" ht="18" customHeight="1" x14ac:dyDescent="0.2">
      <c r="A118" s="14">
        <v>93</v>
      </c>
      <c r="B118" s="15">
        <v>0</v>
      </c>
      <c r="C118" s="16">
        <v>3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4</v>
      </c>
      <c r="C120" s="16">
        <v>16</v>
      </c>
      <c r="D120" s="17">
        <v>20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1</v>
      </c>
      <c r="C122" s="16">
        <v>0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1</v>
      </c>
      <c r="D126" s="17">
        <v>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66</v>
      </c>
      <c r="C130" s="5">
        <v>201</v>
      </c>
      <c r="D130" s="6">
        <v>367</v>
      </c>
    </row>
    <row r="131" spans="1:4" ht="18" customHeight="1" x14ac:dyDescent="0.2">
      <c r="A131" s="20" t="s">
        <v>47</v>
      </c>
      <c r="B131" s="7">
        <v>491</v>
      </c>
      <c r="C131" s="8">
        <v>532</v>
      </c>
      <c r="D131" s="9">
        <v>102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5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2</v>
      </c>
      <c r="C5" s="12">
        <v>5</v>
      </c>
      <c r="D5" s="13">
        <v>17</v>
      </c>
    </row>
    <row r="6" spans="1:4" ht="18" customHeight="1" x14ac:dyDescent="0.2">
      <c r="A6" s="14">
        <v>1</v>
      </c>
      <c r="B6" s="15">
        <v>6</v>
      </c>
      <c r="C6" s="16">
        <v>7</v>
      </c>
      <c r="D6" s="17">
        <v>13</v>
      </c>
    </row>
    <row r="7" spans="1:4" ht="18" customHeight="1" x14ac:dyDescent="0.2">
      <c r="A7" s="14">
        <v>2</v>
      </c>
      <c r="B7" s="15">
        <v>9</v>
      </c>
      <c r="C7" s="16">
        <v>8</v>
      </c>
      <c r="D7" s="17">
        <v>17</v>
      </c>
    </row>
    <row r="8" spans="1:4" ht="18" customHeight="1" x14ac:dyDescent="0.2">
      <c r="A8" s="14">
        <v>3</v>
      </c>
      <c r="B8" s="15">
        <v>8</v>
      </c>
      <c r="C8" s="16">
        <v>15</v>
      </c>
      <c r="D8" s="17">
        <v>23</v>
      </c>
    </row>
    <row r="9" spans="1:4" ht="18" customHeight="1" x14ac:dyDescent="0.2">
      <c r="A9" s="14">
        <v>4</v>
      </c>
      <c r="B9" s="15">
        <v>6</v>
      </c>
      <c r="C9" s="16">
        <v>7</v>
      </c>
      <c r="D9" s="17">
        <v>13</v>
      </c>
    </row>
    <row r="10" spans="1:4" ht="18" customHeight="1" x14ac:dyDescent="0.2">
      <c r="A10" s="18" t="s">
        <v>48</v>
      </c>
      <c r="B10" s="15">
        <v>41</v>
      </c>
      <c r="C10" s="16">
        <v>42</v>
      </c>
      <c r="D10" s="17">
        <v>83</v>
      </c>
    </row>
    <row r="11" spans="1:4" ht="18" customHeight="1" x14ac:dyDescent="0.2">
      <c r="A11" s="14">
        <v>5</v>
      </c>
      <c r="B11" s="15">
        <v>11</v>
      </c>
      <c r="C11" s="16">
        <v>12</v>
      </c>
      <c r="D11" s="17">
        <v>23</v>
      </c>
    </row>
    <row r="12" spans="1:4" ht="18" customHeight="1" x14ac:dyDescent="0.2">
      <c r="A12" s="14">
        <v>6</v>
      </c>
      <c r="B12" s="15">
        <v>17</v>
      </c>
      <c r="C12" s="16">
        <v>7</v>
      </c>
      <c r="D12" s="17">
        <v>24</v>
      </c>
    </row>
    <row r="13" spans="1:4" ht="18" customHeight="1" x14ac:dyDescent="0.2">
      <c r="A13" s="14">
        <v>7</v>
      </c>
      <c r="B13" s="15">
        <v>10</v>
      </c>
      <c r="C13" s="16">
        <v>11</v>
      </c>
      <c r="D13" s="17">
        <v>21</v>
      </c>
    </row>
    <row r="14" spans="1:4" ht="18" customHeight="1" x14ac:dyDescent="0.2">
      <c r="A14" s="14">
        <v>8</v>
      </c>
      <c r="B14" s="15">
        <v>13</v>
      </c>
      <c r="C14" s="16">
        <v>12</v>
      </c>
      <c r="D14" s="17">
        <v>25</v>
      </c>
    </row>
    <row r="15" spans="1:4" ht="18" customHeight="1" x14ac:dyDescent="0.2">
      <c r="A15" s="14">
        <v>9</v>
      </c>
      <c r="B15" s="15">
        <v>7</v>
      </c>
      <c r="C15" s="16">
        <v>13</v>
      </c>
      <c r="D15" s="17">
        <v>20</v>
      </c>
    </row>
    <row r="16" spans="1:4" ht="18" customHeight="1" x14ac:dyDescent="0.2">
      <c r="A16" s="18" t="s">
        <v>49</v>
      </c>
      <c r="B16" s="15">
        <v>58</v>
      </c>
      <c r="C16" s="16">
        <v>55</v>
      </c>
      <c r="D16" s="17">
        <v>113</v>
      </c>
    </row>
    <row r="17" spans="1:4" ht="18" customHeight="1" x14ac:dyDescent="0.2">
      <c r="A17" s="14">
        <v>10</v>
      </c>
      <c r="B17" s="15">
        <v>18</v>
      </c>
      <c r="C17" s="16">
        <v>10</v>
      </c>
      <c r="D17" s="17">
        <v>28</v>
      </c>
    </row>
    <row r="18" spans="1:4" ht="18" customHeight="1" x14ac:dyDescent="0.2">
      <c r="A18" s="14">
        <v>11</v>
      </c>
      <c r="B18" s="15">
        <v>5</v>
      </c>
      <c r="C18" s="16">
        <v>10</v>
      </c>
      <c r="D18" s="17">
        <v>15</v>
      </c>
    </row>
    <row r="19" spans="1:4" ht="18" customHeight="1" x14ac:dyDescent="0.2">
      <c r="A19" s="14">
        <v>12</v>
      </c>
      <c r="B19" s="15">
        <v>13</v>
      </c>
      <c r="C19" s="16">
        <v>17</v>
      </c>
      <c r="D19" s="17">
        <v>30</v>
      </c>
    </row>
    <row r="20" spans="1:4" ht="18" customHeight="1" x14ac:dyDescent="0.2">
      <c r="A20" s="14">
        <v>13</v>
      </c>
      <c r="B20" s="15">
        <v>16</v>
      </c>
      <c r="C20" s="16">
        <v>10</v>
      </c>
      <c r="D20" s="17">
        <v>26</v>
      </c>
    </row>
    <row r="21" spans="1:4" ht="18" customHeight="1" x14ac:dyDescent="0.2">
      <c r="A21" s="14">
        <v>14</v>
      </c>
      <c r="B21" s="15">
        <v>8</v>
      </c>
      <c r="C21" s="16">
        <v>8</v>
      </c>
      <c r="D21" s="17">
        <v>16</v>
      </c>
    </row>
    <row r="22" spans="1:4" ht="18" customHeight="1" x14ac:dyDescent="0.2">
      <c r="A22" s="18" t="s">
        <v>50</v>
      </c>
      <c r="B22" s="15">
        <v>60</v>
      </c>
      <c r="C22" s="16">
        <v>55</v>
      </c>
      <c r="D22" s="17">
        <v>115</v>
      </c>
    </row>
    <row r="23" spans="1:4" ht="18" customHeight="1" x14ac:dyDescent="0.2">
      <c r="A23" s="18" t="s">
        <v>51</v>
      </c>
      <c r="B23" s="15">
        <v>159</v>
      </c>
      <c r="C23" s="16">
        <v>152</v>
      </c>
      <c r="D23" s="17">
        <v>311</v>
      </c>
    </row>
    <row r="24" spans="1:4" ht="18" customHeight="1" x14ac:dyDescent="0.2">
      <c r="A24" s="14">
        <v>15</v>
      </c>
      <c r="B24" s="15">
        <v>12</v>
      </c>
      <c r="C24" s="16">
        <v>13</v>
      </c>
      <c r="D24" s="17">
        <v>25</v>
      </c>
    </row>
    <row r="25" spans="1:4" ht="18" customHeight="1" x14ac:dyDescent="0.2">
      <c r="A25" s="14">
        <v>16</v>
      </c>
      <c r="B25" s="15">
        <v>16</v>
      </c>
      <c r="C25" s="16">
        <v>18</v>
      </c>
      <c r="D25" s="17">
        <v>34</v>
      </c>
    </row>
    <row r="26" spans="1:4" ht="18" customHeight="1" x14ac:dyDescent="0.2">
      <c r="A26" s="14">
        <v>17</v>
      </c>
      <c r="B26" s="15">
        <v>18</v>
      </c>
      <c r="C26" s="16">
        <v>20</v>
      </c>
      <c r="D26" s="17">
        <v>38</v>
      </c>
    </row>
    <row r="27" spans="1:4" ht="18" customHeight="1" x14ac:dyDescent="0.2">
      <c r="A27" s="14">
        <v>18</v>
      </c>
      <c r="B27" s="15">
        <v>15</v>
      </c>
      <c r="C27" s="16">
        <v>16</v>
      </c>
      <c r="D27" s="17">
        <v>31</v>
      </c>
    </row>
    <row r="28" spans="1:4" ht="18" customHeight="1" x14ac:dyDescent="0.2">
      <c r="A28" s="14">
        <v>19</v>
      </c>
      <c r="B28" s="15">
        <v>10</v>
      </c>
      <c r="C28" s="16">
        <v>11</v>
      </c>
      <c r="D28" s="17">
        <v>21</v>
      </c>
    </row>
    <row r="29" spans="1:4" ht="18" customHeight="1" x14ac:dyDescent="0.2">
      <c r="A29" s="18" t="s">
        <v>52</v>
      </c>
      <c r="B29" s="15">
        <v>71</v>
      </c>
      <c r="C29" s="16">
        <v>78</v>
      </c>
      <c r="D29" s="17">
        <v>149</v>
      </c>
    </row>
    <row r="30" spans="1:4" ht="18" customHeight="1" x14ac:dyDescent="0.2">
      <c r="A30" s="14">
        <v>20</v>
      </c>
      <c r="B30" s="15">
        <v>12</v>
      </c>
      <c r="C30" s="16">
        <v>16</v>
      </c>
      <c r="D30" s="17">
        <v>28</v>
      </c>
    </row>
    <row r="31" spans="1:4" ht="18" customHeight="1" x14ac:dyDescent="0.2">
      <c r="A31" s="14">
        <v>21</v>
      </c>
      <c r="B31" s="15">
        <v>9</v>
      </c>
      <c r="C31" s="16">
        <v>12</v>
      </c>
      <c r="D31" s="17">
        <v>21</v>
      </c>
    </row>
    <row r="32" spans="1:4" ht="18" customHeight="1" x14ac:dyDescent="0.2">
      <c r="A32" s="14">
        <v>22</v>
      </c>
      <c r="B32" s="15">
        <v>20</v>
      </c>
      <c r="C32" s="16">
        <v>13</v>
      </c>
      <c r="D32" s="17">
        <v>33</v>
      </c>
    </row>
    <row r="33" spans="1:4" ht="18" customHeight="1" x14ac:dyDescent="0.2">
      <c r="A33" s="14">
        <v>23</v>
      </c>
      <c r="B33" s="15">
        <v>14</v>
      </c>
      <c r="C33" s="16">
        <v>19</v>
      </c>
      <c r="D33" s="17">
        <v>33</v>
      </c>
    </row>
    <row r="34" spans="1:4" ht="18" customHeight="1" x14ac:dyDescent="0.2">
      <c r="A34" s="14">
        <v>24</v>
      </c>
      <c r="B34" s="15">
        <v>20</v>
      </c>
      <c r="C34" s="16">
        <v>14</v>
      </c>
      <c r="D34" s="17">
        <v>34</v>
      </c>
    </row>
    <row r="35" spans="1:4" ht="18" customHeight="1" x14ac:dyDescent="0.2">
      <c r="A35" s="18" t="s">
        <v>53</v>
      </c>
      <c r="B35" s="15">
        <v>75</v>
      </c>
      <c r="C35" s="16">
        <v>74</v>
      </c>
      <c r="D35" s="17">
        <v>149</v>
      </c>
    </row>
    <row r="36" spans="1:4" ht="18" customHeight="1" x14ac:dyDescent="0.2">
      <c r="A36" s="14">
        <v>25</v>
      </c>
      <c r="B36" s="15">
        <v>23</v>
      </c>
      <c r="C36" s="16">
        <v>12</v>
      </c>
      <c r="D36" s="17">
        <v>35</v>
      </c>
    </row>
    <row r="37" spans="1:4" ht="18" customHeight="1" x14ac:dyDescent="0.2">
      <c r="A37" s="14">
        <v>26</v>
      </c>
      <c r="B37" s="15">
        <v>11</v>
      </c>
      <c r="C37" s="16">
        <v>13</v>
      </c>
      <c r="D37" s="17">
        <v>24</v>
      </c>
    </row>
    <row r="38" spans="1:4" ht="18" customHeight="1" x14ac:dyDescent="0.2">
      <c r="A38" s="14">
        <v>27</v>
      </c>
      <c r="B38" s="15">
        <v>15</v>
      </c>
      <c r="C38" s="16">
        <v>7</v>
      </c>
      <c r="D38" s="17">
        <v>22</v>
      </c>
    </row>
    <row r="39" spans="1:4" ht="18" customHeight="1" x14ac:dyDescent="0.2">
      <c r="A39" s="14">
        <v>28</v>
      </c>
      <c r="B39" s="15">
        <v>9</v>
      </c>
      <c r="C39" s="16">
        <v>13</v>
      </c>
      <c r="D39" s="17">
        <v>22</v>
      </c>
    </row>
    <row r="40" spans="1:4" ht="18" customHeight="1" x14ac:dyDescent="0.2">
      <c r="A40" s="14">
        <v>29</v>
      </c>
      <c r="B40" s="15">
        <v>13</v>
      </c>
      <c r="C40" s="16">
        <v>10</v>
      </c>
      <c r="D40" s="17">
        <v>23</v>
      </c>
    </row>
    <row r="41" spans="1:4" ht="18" customHeight="1" x14ac:dyDescent="0.2">
      <c r="A41" s="18" t="s">
        <v>54</v>
      </c>
      <c r="B41" s="15">
        <v>71</v>
      </c>
      <c r="C41" s="16">
        <v>55</v>
      </c>
      <c r="D41" s="17">
        <v>126</v>
      </c>
    </row>
    <row r="42" spans="1:4" ht="18" customHeight="1" x14ac:dyDescent="0.2">
      <c r="A42" s="14">
        <v>30</v>
      </c>
      <c r="B42" s="15">
        <v>12</v>
      </c>
      <c r="C42" s="16">
        <v>11</v>
      </c>
      <c r="D42" s="17">
        <v>23</v>
      </c>
    </row>
    <row r="43" spans="1:4" ht="18" customHeight="1" x14ac:dyDescent="0.2">
      <c r="A43" s="14">
        <v>31</v>
      </c>
      <c r="B43" s="15">
        <v>12</v>
      </c>
      <c r="C43" s="16">
        <v>8</v>
      </c>
      <c r="D43" s="17">
        <v>20</v>
      </c>
    </row>
    <row r="44" spans="1:4" ht="18" customHeight="1" x14ac:dyDescent="0.2">
      <c r="A44" s="14">
        <v>32</v>
      </c>
      <c r="B44" s="15">
        <v>9</v>
      </c>
      <c r="C44" s="16">
        <v>16</v>
      </c>
      <c r="D44" s="17">
        <v>25</v>
      </c>
    </row>
    <row r="45" spans="1:4" ht="18" customHeight="1" x14ac:dyDescent="0.2">
      <c r="A45" s="14">
        <v>33</v>
      </c>
      <c r="B45" s="15">
        <v>14</v>
      </c>
      <c r="C45" s="16">
        <v>10</v>
      </c>
      <c r="D45" s="17">
        <v>24</v>
      </c>
    </row>
    <row r="46" spans="1:4" ht="18" customHeight="1" x14ac:dyDescent="0.2">
      <c r="A46" s="14">
        <v>34</v>
      </c>
      <c r="B46" s="15">
        <v>11</v>
      </c>
      <c r="C46" s="16">
        <v>12</v>
      </c>
      <c r="D46" s="17">
        <v>23</v>
      </c>
    </row>
    <row r="47" spans="1:4" ht="18" customHeight="1" x14ac:dyDescent="0.2">
      <c r="A47" s="18" t="s">
        <v>55</v>
      </c>
      <c r="B47" s="15">
        <v>58</v>
      </c>
      <c r="C47" s="16">
        <v>57</v>
      </c>
      <c r="D47" s="17">
        <v>115</v>
      </c>
    </row>
    <row r="48" spans="1:4" ht="18" customHeight="1" x14ac:dyDescent="0.2">
      <c r="A48" s="14">
        <v>35</v>
      </c>
      <c r="B48" s="15">
        <v>16</v>
      </c>
      <c r="C48" s="16">
        <v>18</v>
      </c>
      <c r="D48" s="17">
        <v>34</v>
      </c>
    </row>
    <row r="49" spans="1:4" ht="18" customHeight="1" x14ac:dyDescent="0.2">
      <c r="A49" s="14">
        <v>36</v>
      </c>
      <c r="B49" s="15">
        <v>22</v>
      </c>
      <c r="C49" s="16">
        <v>11</v>
      </c>
      <c r="D49" s="17">
        <v>33</v>
      </c>
    </row>
    <row r="50" spans="1:4" ht="18" customHeight="1" x14ac:dyDescent="0.2">
      <c r="A50" s="14">
        <v>37</v>
      </c>
      <c r="B50" s="15">
        <v>11</v>
      </c>
      <c r="C50" s="16">
        <v>10</v>
      </c>
      <c r="D50" s="17">
        <v>21</v>
      </c>
    </row>
    <row r="51" spans="1:4" ht="18" customHeight="1" x14ac:dyDescent="0.2">
      <c r="A51" s="14">
        <v>38</v>
      </c>
      <c r="B51" s="15">
        <v>9</v>
      </c>
      <c r="C51" s="16">
        <v>15</v>
      </c>
      <c r="D51" s="17">
        <v>24</v>
      </c>
    </row>
    <row r="52" spans="1:4" ht="18" customHeight="1" x14ac:dyDescent="0.2">
      <c r="A52" s="14">
        <v>39</v>
      </c>
      <c r="B52" s="15">
        <v>18</v>
      </c>
      <c r="C52" s="16">
        <v>19</v>
      </c>
      <c r="D52" s="17">
        <v>37</v>
      </c>
    </row>
    <row r="53" spans="1:4" ht="18" customHeight="1" x14ac:dyDescent="0.2">
      <c r="A53" s="18" t="s">
        <v>56</v>
      </c>
      <c r="B53" s="15">
        <v>76</v>
      </c>
      <c r="C53" s="16">
        <v>73</v>
      </c>
      <c r="D53" s="17">
        <v>149</v>
      </c>
    </row>
    <row r="54" spans="1:4" ht="18" customHeight="1" x14ac:dyDescent="0.2">
      <c r="A54" s="14">
        <v>40</v>
      </c>
      <c r="B54" s="15">
        <v>13</v>
      </c>
      <c r="C54" s="16">
        <v>12</v>
      </c>
      <c r="D54" s="17">
        <v>25</v>
      </c>
    </row>
    <row r="55" spans="1:4" ht="18" customHeight="1" x14ac:dyDescent="0.2">
      <c r="A55" s="14">
        <v>41</v>
      </c>
      <c r="B55" s="15">
        <v>14</v>
      </c>
      <c r="C55" s="16">
        <v>17</v>
      </c>
      <c r="D55" s="17">
        <v>31</v>
      </c>
    </row>
    <row r="56" spans="1:4" ht="18" customHeight="1" x14ac:dyDescent="0.2">
      <c r="A56" s="14">
        <v>42</v>
      </c>
      <c r="B56" s="15">
        <v>22</v>
      </c>
      <c r="C56" s="16">
        <v>22</v>
      </c>
      <c r="D56" s="17">
        <v>44</v>
      </c>
    </row>
    <row r="57" spans="1:4" ht="18" customHeight="1" x14ac:dyDescent="0.2">
      <c r="A57" s="14">
        <v>43</v>
      </c>
      <c r="B57" s="15">
        <v>13</v>
      </c>
      <c r="C57" s="16">
        <v>14</v>
      </c>
      <c r="D57" s="17">
        <v>27</v>
      </c>
    </row>
    <row r="58" spans="1:4" ht="18" customHeight="1" x14ac:dyDescent="0.2">
      <c r="A58" s="14">
        <v>44</v>
      </c>
      <c r="B58" s="15">
        <v>25</v>
      </c>
      <c r="C58" s="16">
        <v>14</v>
      </c>
      <c r="D58" s="17">
        <v>39</v>
      </c>
    </row>
    <row r="59" spans="1:4" ht="18" customHeight="1" x14ac:dyDescent="0.2">
      <c r="A59" s="18" t="s">
        <v>57</v>
      </c>
      <c r="B59" s="15">
        <v>87</v>
      </c>
      <c r="C59" s="16">
        <v>79</v>
      </c>
      <c r="D59" s="17">
        <v>166</v>
      </c>
    </row>
    <row r="60" spans="1:4" ht="18" customHeight="1" x14ac:dyDescent="0.2">
      <c r="A60" s="14">
        <v>45</v>
      </c>
      <c r="B60" s="15">
        <v>26</v>
      </c>
      <c r="C60" s="16">
        <v>25</v>
      </c>
      <c r="D60" s="17">
        <v>51</v>
      </c>
    </row>
    <row r="61" spans="1:4" ht="18" customHeight="1" x14ac:dyDescent="0.2">
      <c r="A61" s="14">
        <v>46</v>
      </c>
      <c r="B61" s="15">
        <v>26</v>
      </c>
      <c r="C61" s="16">
        <v>17</v>
      </c>
      <c r="D61" s="17">
        <v>43</v>
      </c>
    </row>
    <row r="62" spans="1:4" ht="18" customHeight="1" x14ac:dyDescent="0.2">
      <c r="A62" s="14">
        <v>47</v>
      </c>
      <c r="B62" s="15">
        <v>27</v>
      </c>
      <c r="C62" s="16">
        <v>23</v>
      </c>
      <c r="D62" s="17">
        <v>50</v>
      </c>
    </row>
    <row r="63" spans="1:4" ht="18" customHeight="1" x14ac:dyDescent="0.2">
      <c r="A63" s="14">
        <v>48</v>
      </c>
      <c r="B63" s="15">
        <v>29</v>
      </c>
      <c r="C63" s="16">
        <v>32</v>
      </c>
      <c r="D63" s="17">
        <v>61</v>
      </c>
    </row>
    <row r="64" spans="1:4" ht="18" customHeight="1" x14ac:dyDescent="0.2">
      <c r="A64" s="14">
        <v>49</v>
      </c>
      <c r="B64" s="15">
        <v>33</v>
      </c>
      <c r="C64" s="16">
        <v>21</v>
      </c>
      <c r="D64" s="17">
        <v>54</v>
      </c>
    </row>
    <row r="65" spans="1:4" ht="18" customHeight="1" x14ac:dyDescent="0.2">
      <c r="A65" s="18" t="s">
        <v>58</v>
      </c>
      <c r="B65" s="15">
        <v>141</v>
      </c>
      <c r="C65" s="16">
        <v>118</v>
      </c>
      <c r="D65" s="17">
        <v>259</v>
      </c>
    </row>
    <row r="66" spans="1:4" ht="18" customHeight="1" x14ac:dyDescent="0.2">
      <c r="A66" s="14">
        <v>50</v>
      </c>
      <c r="B66" s="15">
        <v>24</v>
      </c>
      <c r="C66" s="16">
        <v>34</v>
      </c>
      <c r="D66" s="17">
        <v>58</v>
      </c>
    </row>
    <row r="67" spans="1:4" ht="18" customHeight="1" x14ac:dyDescent="0.2">
      <c r="A67" s="14">
        <v>51</v>
      </c>
      <c r="B67" s="15">
        <v>30</v>
      </c>
      <c r="C67" s="16">
        <v>19</v>
      </c>
      <c r="D67" s="17">
        <v>49</v>
      </c>
    </row>
    <row r="68" spans="1:4" ht="18" customHeight="1" x14ac:dyDescent="0.2">
      <c r="A68" s="14">
        <v>52</v>
      </c>
      <c r="B68" s="15">
        <v>26</v>
      </c>
      <c r="C68" s="16">
        <v>18</v>
      </c>
      <c r="D68" s="17">
        <v>44</v>
      </c>
    </row>
    <row r="69" spans="1:4" ht="18" customHeight="1" x14ac:dyDescent="0.2">
      <c r="A69" s="14">
        <v>53</v>
      </c>
      <c r="B69" s="15">
        <v>23</v>
      </c>
      <c r="C69" s="16">
        <v>28</v>
      </c>
      <c r="D69" s="17">
        <v>51</v>
      </c>
    </row>
    <row r="70" spans="1:4" ht="18" customHeight="1" x14ac:dyDescent="0.2">
      <c r="A70" s="14">
        <v>54</v>
      </c>
      <c r="B70" s="15">
        <v>16</v>
      </c>
      <c r="C70" s="16">
        <v>21</v>
      </c>
      <c r="D70" s="17">
        <v>37</v>
      </c>
    </row>
    <row r="71" spans="1:4" ht="18" customHeight="1" x14ac:dyDescent="0.2">
      <c r="A71" s="18" t="s">
        <v>59</v>
      </c>
      <c r="B71" s="15">
        <v>119</v>
      </c>
      <c r="C71" s="16">
        <v>120</v>
      </c>
      <c r="D71" s="17">
        <v>239</v>
      </c>
    </row>
    <row r="72" spans="1:4" ht="18" customHeight="1" x14ac:dyDescent="0.2">
      <c r="A72" s="14">
        <v>55</v>
      </c>
      <c r="B72" s="15">
        <v>20</v>
      </c>
      <c r="C72" s="16">
        <v>19</v>
      </c>
      <c r="D72" s="17">
        <v>39</v>
      </c>
    </row>
    <row r="73" spans="1:4" ht="18" customHeight="1" x14ac:dyDescent="0.2">
      <c r="A73" s="14">
        <v>56</v>
      </c>
      <c r="B73" s="15">
        <v>21</v>
      </c>
      <c r="C73" s="16">
        <v>15</v>
      </c>
      <c r="D73" s="17">
        <v>36</v>
      </c>
    </row>
    <row r="74" spans="1:4" ht="18" customHeight="1" x14ac:dyDescent="0.2">
      <c r="A74" s="14">
        <v>57</v>
      </c>
      <c r="B74" s="15">
        <v>13</v>
      </c>
      <c r="C74" s="16">
        <v>15</v>
      </c>
      <c r="D74" s="17">
        <v>28</v>
      </c>
    </row>
    <row r="75" spans="1:4" ht="18" customHeight="1" x14ac:dyDescent="0.2">
      <c r="A75" s="14">
        <v>58</v>
      </c>
      <c r="B75" s="15">
        <v>23</v>
      </c>
      <c r="C75" s="16">
        <v>17</v>
      </c>
      <c r="D75" s="17">
        <v>40</v>
      </c>
    </row>
    <row r="76" spans="1:4" ht="18" customHeight="1" x14ac:dyDescent="0.2">
      <c r="A76" s="14">
        <v>59</v>
      </c>
      <c r="B76" s="15">
        <v>11</v>
      </c>
      <c r="C76" s="16">
        <v>24</v>
      </c>
      <c r="D76" s="17">
        <v>35</v>
      </c>
    </row>
    <row r="77" spans="1:4" ht="18" customHeight="1" x14ac:dyDescent="0.2">
      <c r="A77" s="18" t="s">
        <v>60</v>
      </c>
      <c r="B77" s="15">
        <v>88</v>
      </c>
      <c r="C77" s="16">
        <v>90</v>
      </c>
      <c r="D77" s="17">
        <v>178</v>
      </c>
    </row>
    <row r="78" spans="1:4" ht="18" customHeight="1" x14ac:dyDescent="0.2">
      <c r="A78" s="14">
        <v>60</v>
      </c>
      <c r="B78" s="15">
        <v>9</v>
      </c>
      <c r="C78" s="16">
        <v>17</v>
      </c>
      <c r="D78" s="17">
        <v>26</v>
      </c>
    </row>
    <row r="79" spans="1:4" ht="18" customHeight="1" x14ac:dyDescent="0.2">
      <c r="A79" s="14">
        <v>61</v>
      </c>
      <c r="B79" s="15">
        <v>26</v>
      </c>
      <c r="C79" s="16">
        <v>33</v>
      </c>
      <c r="D79" s="17">
        <v>59</v>
      </c>
    </row>
    <row r="80" spans="1:4" ht="18" customHeight="1" x14ac:dyDescent="0.2">
      <c r="A80" s="14">
        <v>62</v>
      </c>
      <c r="B80" s="15">
        <v>22</v>
      </c>
      <c r="C80" s="16">
        <v>14</v>
      </c>
      <c r="D80" s="17">
        <v>36</v>
      </c>
    </row>
    <row r="81" spans="1:4" ht="18" customHeight="1" x14ac:dyDescent="0.2">
      <c r="A81" s="14">
        <v>63</v>
      </c>
      <c r="B81" s="15">
        <v>13</v>
      </c>
      <c r="C81" s="16">
        <v>26</v>
      </c>
      <c r="D81" s="17">
        <v>39</v>
      </c>
    </row>
    <row r="82" spans="1:4" ht="18" customHeight="1" x14ac:dyDescent="0.2">
      <c r="A82" s="14">
        <v>64</v>
      </c>
      <c r="B82" s="15">
        <v>28</v>
      </c>
      <c r="C82" s="16">
        <v>23</v>
      </c>
      <c r="D82" s="17">
        <v>51</v>
      </c>
    </row>
    <row r="83" spans="1:4" ht="18" customHeight="1" x14ac:dyDescent="0.2">
      <c r="A83" s="18" t="s">
        <v>61</v>
      </c>
      <c r="B83" s="15">
        <v>98</v>
      </c>
      <c r="C83" s="16">
        <v>113</v>
      </c>
      <c r="D83" s="17">
        <v>211</v>
      </c>
    </row>
    <row r="84" spans="1:4" ht="18" customHeight="1" x14ac:dyDescent="0.2">
      <c r="A84" s="18" t="s">
        <v>62</v>
      </c>
      <c r="B84" s="15">
        <v>884</v>
      </c>
      <c r="C84" s="16">
        <v>857</v>
      </c>
      <c r="D84" s="17">
        <v>1741</v>
      </c>
    </row>
    <row r="85" spans="1:4" ht="18" customHeight="1" x14ac:dyDescent="0.2">
      <c r="A85" s="14">
        <v>65</v>
      </c>
      <c r="B85" s="15">
        <v>32</v>
      </c>
      <c r="C85" s="16">
        <v>32</v>
      </c>
      <c r="D85" s="17">
        <v>64</v>
      </c>
    </row>
    <row r="86" spans="1:4" ht="18" customHeight="1" x14ac:dyDescent="0.2">
      <c r="A86" s="14">
        <v>66</v>
      </c>
      <c r="B86" s="15">
        <v>26</v>
      </c>
      <c r="C86" s="16">
        <v>32</v>
      </c>
      <c r="D86" s="17">
        <v>58</v>
      </c>
    </row>
    <row r="87" spans="1:4" ht="18" customHeight="1" x14ac:dyDescent="0.2">
      <c r="A87" s="14">
        <v>67</v>
      </c>
      <c r="B87" s="15">
        <v>27</v>
      </c>
      <c r="C87" s="16">
        <v>29</v>
      </c>
      <c r="D87" s="17">
        <v>56</v>
      </c>
    </row>
    <row r="88" spans="1:4" ht="18" customHeight="1" x14ac:dyDescent="0.2">
      <c r="A88" s="14">
        <v>68</v>
      </c>
      <c r="B88" s="15">
        <v>25</v>
      </c>
      <c r="C88" s="16">
        <v>30</v>
      </c>
      <c r="D88" s="17">
        <v>55</v>
      </c>
    </row>
    <row r="89" spans="1:4" ht="18" customHeight="1" x14ac:dyDescent="0.2">
      <c r="A89" s="14">
        <v>69</v>
      </c>
      <c r="B89" s="15">
        <v>33</v>
      </c>
      <c r="C89" s="16">
        <v>36</v>
      </c>
      <c r="D89" s="17">
        <v>69</v>
      </c>
    </row>
    <row r="90" spans="1:4" ht="18" customHeight="1" x14ac:dyDescent="0.2">
      <c r="A90" s="18" t="s">
        <v>63</v>
      </c>
      <c r="B90" s="15">
        <v>143</v>
      </c>
      <c r="C90" s="16">
        <v>159</v>
      </c>
      <c r="D90" s="17">
        <v>302</v>
      </c>
    </row>
    <row r="91" spans="1:4" ht="18" customHeight="1" x14ac:dyDescent="0.2">
      <c r="A91" s="14">
        <v>70</v>
      </c>
      <c r="B91" s="15">
        <v>46</v>
      </c>
      <c r="C91" s="16">
        <v>48</v>
      </c>
      <c r="D91" s="17">
        <v>94</v>
      </c>
    </row>
    <row r="92" spans="1:4" ht="18" customHeight="1" x14ac:dyDescent="0.2">
      <c r="A92" s="14">
        <v>71</v>
      </c>
      <c r="B92" s="15">
        <v>32</v>
      </c>
      <c r="C92" s="16">
        <v>51</v>
      </c>
      <c r="D92" s="17">
        <v>83</v>
      </c>
    </row>
    <row r="93" spans="1:4" ht="18" customHeight="1" x14ac:dyDescent="0.2">
      <c r="A93" s="14">
        <v>72</v>
      </c>
      <c r="B93" s="15">
        <v>45</v>
      </c>
      <c r="C93" s="16">
        <v>54</v>
      </c>
      <c r="D93" s="17">
        <v>99</v>
      </c>
    </row>
    <row r="94" spans="1:4" ht="18" customHeight="1" x14ac:dyDescent="0.2">
      <c r="A94" s="14">
        <v>73</v>
      </c>
      <c r="B94" s="15">
        <v>43</v>
      </c>
      <c r="C94" s="16">
        <v>45</v>
      </c>
      <c r="D94" s="17">
        <v>88</v>
      </c>
    </row>
    <row r="95" spans="1:4" ht="18" customHeight="1" x14ac:dyDescent="0.2">
      <c r="A95" s="14">
        <v>74</v>
      </c>
      <c r="B95" s="15">
        <v>14</v>
      </c>
      <c r="C95" s="16">
        <v>18</v>
      </c>
      <c r="D95" s="17">
        <v>32</v>
      </c>
    </row>
    <row r="96" spans="1:4" ht="18" customHeight="1" x14ac:dyDescent="0.2">
      <c r="A96" s="18" t="s">
        <v>64</v>
      </c>
      <c r="B96" s="15">
        <v>180</v>
      </c>
      <c r="C96" s="16">
        <v>216</v>
      </c>
      <c r="D96" s="17">
        <v>396</v>
      </c>
    </row>
    <row r="97" spans="1:4" ht="18" customHeight="1" x14ac:dyDescent="0.2">
      <c r="A97" s="14">
        <v>75</v>
      </c>
      <c r="B97" s="15">
        <v>32</v>
      </c>
      <c r="C97" s="16">
        <v>35</v>
      </c>
      <c r="D97" s="17">
        <v>67</v>
      </c>
    </row>
    <row r="98" spans="1:4" ht="18" customHeight="1" x14ac:dyDescent="0.2">
      <c r="A98" s="14">
        <v>76</v>
      </c>
      <c r="B98" s="15">
        <v>35</v>
      </c>
      <c r="C98" s="16">
        <v>39</v>
      </c>
      <c r="D98" s="17">
        <v>74</v>
      </c>
    </row>
    <row r="99" spans="1:4" ht="18" customHeight="1" x14ac:dyDescent="0.2">
      <c r="A99" s="14">
        <v>77</v>
      </c>
      <c r="B99" s="15">
        <v>26</v>
      </c>
      <c r="C99" s="16">
        <v>33</v>
      </c>
      <c r="D99" s="17">
        <v>59</v>
      </c>
    </row>
    <row r="100" spans="1:4" ht="18" customHeight="1" x14ac:dyDescent="0.2">
      <c r="A100" s="14">
        <v>78</v>
      </c>
      <c r="B100" s="15">
        <v>22</v>
      </c>
      <c r="C100" s="16">
        <v>52</v>
      </c>
      <c r="D100" s="17">
        <v>74</v>
      </c>
    </row>
    <row r="101" spans="1:4" ht="18" customHeight="1" x14ac:dyDescent="0.2">
      <c r="A101" s="14">
        <v>79</v>
      </c>
      <c r="B101" s="15">
        <v>35</v>
      </c>
      <c r="C101" s="16">
        <v>39</v>
      </c>
      <c r="D101" s="17">
        <v>74</v>
      </c>
    </row>
    <row r="102" spans="1:4" ht="18" customHeight="1" x14ac:dyDescent="0.2">
      <c r="A102" s="18" t="s">
        <v>65</v>
      </c>
      <c r="B102" s="15">
        <v>150</v>
      </c>
      <c r="C102" s="16">
        <v>198</v>
      </c>
      <c r="D102" s="17">
        <v>348</v>
      </c>
    </row>
    <row r="103" spans="1:4" ht="18" customHeight="1" x14ac:dyDescent="0.2">
      <c r="A103" s="14">
        <v>80</v>
      </c>
      <c r="B103" s="15">
        <v>24</v>
      </c>
      <c r="C103" s="16">
        <v>37</v>
      </c>
      <c r="D103" s="17">
        <v>61</v>
      </c>
    </row>
    <row r="104" spans="1:4" ht="18" customHeight="1" x14ac:dyDescent="0.2">
      <c r="A104" s="14">
        <v>81</v>
      </c>
      <c r="B104" s="15">
        <v>13</v>
      </c>
      <c r="C104" s="16">
        <v>31</v>
      </c>
      <c r="D104" s="17">
        <v>44</v>
      </c>
    </row>
    <row r="105" spans="1:4" ht="18" customHeight="1" x14ac:dyDescent="0.2">
      <c r="A105" s="14">
        <v>82</v>
      </c>
      <c r="B105" s="15">
        <v>11</v>
      </c>
      <c r="C105" s="16">
        <v>27</v>
      </c>
      <c r="D105" s="17">
        <v>38</v>
      </c>
    </row>
    <row r="106" spans="1:4" ht="18" customHeight="1" x14ac:dyDescent="0.2">
      <c r="A106" s="14">
        <v>83</v>
      </c>
      <c r="B106" s="15">
        <v>23</v>
      </c>
      <c r="C106" s="16">
        <v>19</v>
      </c>
      <c r="D106" s="17">
        <v>42</v>
      </c>
    </row>
    <row r="107" spans="1:4" ht="18" customHeight="1" x14ac:dyDescent="0.2">
      <c r="A107" s="14">
        <v>84</v>
      </c>
      <c r="B107" s="15">
        <v>19</v>
      </c>
      <c r="C107" s="16">
        <v>21</v>
      </c>
      <c r="D107" s="17">
        <v>40</v>
      </c>
    </row>
    <row r="108" spans="1:4" ht="18" customHeight="1" x14ac:dyDescent="0.2">
      <c r="A108" s="18" t="s">
        <v>66</v>
      </c>
      <c r="B108" s="15">
        <v>90</v>
      </c>
      <c r="C108" s="16">
        <v>135</v>
      </c>
      <c r="D108" s="17">
        <v>225</v>
      </c>
    </row>
    <row r="109" spans="1:4" ht="18" customHeight="1" x14ac:dyDescent="0.2">
      <c r="A109" s="14">
        <v>85</v>
      </c>
      <c r="B109" s="15">
        <v>11</v>
      </c>
      <c r="C109" s="16">
        <v>20</v>
      </c>
      <c r="D109" s="17">
        <v>31</v>
      </c>
    </row>
    <row r="110" spans="1:4" ht="18" customHeight="1" x14ac:dyDescent="0.2">
      <c r="A110" s="14">
        <v>86</v>
      </c>
      <c r="B110" s="15">
        <v>10</v>
      </c>
      <c r="C110" s="16">
        <v>20</v>
      </c>
      <c r="D110" s="17">
        <v>30</v>
      </c>
    </row>
    <row r="111" spans="1:4" ht="18" customHeight="1" x14ac:dyDescent="0.2">
      <c r="A111" s="14">
        <v>87</v>
      </c>
      <c r="B111" s="15">
        <v>8</v>
      </c>
      <c r="C111" s="16">
        <v>26</v>
      </c>
      <c r="D111" s="17">
        <v>34</v>
      </c>
    </row>
    <row r="112" spans="1:4" ht="18" customHeight="1" x14ac:dyDescent="0.2">
      <c r="A112" s="14">
        <v>88</v>
      </c>
      <c r="B112" s="15">
        <v>6</v>
      </c>
      <c r="C112" s="16">
        <v>19</v>
      </c>
      <c r="D112" s="17">
        <v>25</v>
      </c>
    </row>
    <row r="113" spans="1:4" ht="18" customHeight="1" x14ac:dyDescent="0.2">
      <c r="A113" s="14">
        <v>89</v>
      </c>
      <c r="B113" s="15">
        <v>4</v>
      </c>
      <c r="C113" s="16">
        <v>15</v>
      </c>
      <c r="D113" s="17">
        <v>19</v>
      </c>
    </row>
    <row r="114" spans="1:4" ht="18" customHeight="1" x14ac:dyDescent="0.2">
      <c r="A114" s="18" t="s">
        <v>67</v>
      </c>
      <c r="B114" s="15">
        <v>39</v>
      </c>
      <c r="C114" s="16">
        <v>100</v>
      </c>
      <c r="D114" s="17">
        <v>139</v>
      </c>
    </row>
    <row r="115" spans="1:4" ht="18" customHeight="1" x14ac:dyDescent="0.2">
      <c r="A115" s="14">
        <v>90</v>
      </c>
      <c r="B115" s="15">
        <v>4</v>
      </c>
      <c r="C115" s="16">
        <v>15</v>
      </c>
      <c r="D115" s="17">
        <v>19</v>
      </c>
    </row>
    <row r="116" spans="1:4" ht="18" customHeight="1" x14ac:dyDescent="0.2">
      <c r="A116" s="14">
        <v>91</v>
      </c>
      <c r="B116" s="15">
        <v>5</v>
      </c>
      <c r="C116" s="16">
        <v>18</v>
      </c>
      <c r="D116" s="17">
        <v>23</v>
      </c>
    </row>
    <row r="117" spans="1:4" ht="18" customHeight="1" x14ac:dyDescent="0.2">
      <c r="A117" s="14">
        <v>92</v>
      </c>
      <c r="B117" s="15">
        <v>4</v>
      </c>
      <c r="C117" s="16">
        <v>8</v>
      </c>
      <c r="D117" s="17">
        <v>12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16</v>
      </c>
      <c r="C120" s="16">
        <v>55</v>
      </c>
      <c r="D120" s="17">
        <v>71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6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2</v>
      </c>
      <c r="C126" s="16">
        <v>24</v>
      </c>
      <c r="D126" s="17">
        <v>26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621</v>
      </c>
      <c r="C130" s="5">
        <v>891</v>
      </c>
      <c r="D130" s="6">
        <v>1512</v>
      </c>
    </row>
    <row r="131" spans="1:4" ht="18" customHeight="1" x14ac:dyDescent="0.2">
      <c r="A131" s="20" t="s">
        <v>47</v>
      </c>
      <c r="B131" s="7">
        <v>1664</v>
      </c>
      <c r="C131" s="8">
        <v>1900</v>
      </c>
      <c r="D131" s="9">
        <v>356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5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2</v>
      </c>
      <c r="C5" s="12">
        <v>6</v>
      </c>
      <c r="D5" s="13">
        <v>18</v>
      </c>
    </row>
    <row r="6" spans="1:4" ht="18" customHeight="1" x14ac:dyDescent="0.2">
      <c r="A6" s="14">
        <v>1</v>
      </c>
      <c r="B6" s="15">
        <v>6</v>
      </c>
      <c r="C6" s="16">
        <v>14</v>
      </c>
      <c r="D6" s="17">
        <v>20</v>
      </c>
    </row>
    <row r="7" spans="1:4" ht="18" customHeight="1" x14ac:dyDescent="0.2">
      <c r="A7" s="14">
        <v>2</v>
      </c>
      <c r="B7" s="15">
        <v>11</v>
      </c>
      <c r="C7" s="16">
        <v>8</v>
      </c>
      <c r="D7" s="17">
        <v>19</v>
      </c>
    </row>
    <row r="8" spans="1:4" ht="18" customHeight="1" x14ac:dyDescent="0.2">
      <c r="A8" s="14">
        <v>3</v>
      </c>
      <c r="B8" s="15">
        <v>13</v>
      </c>
      <c r="C8" s="16">
        <v>8</v>
      </c>
      <c r="D8" s="17">
        <v>21</v>
      </c>
    </row>
    <row r="9" spans="1:4" ht="18" customHeight="1" x14ac:dyDescent="0.2">
      <c r="A9" s="14">
        <v>4</v>
      </c>
      <c r="B9" s="15">
        <v>14</v>
      </c>
      <c r="C9" s="16">
        <v>12</v>
      </c>
      <c r="D9" s="17">
        <v>26</v>
      </c>
    </row>
    <row r="10" spans="1:4" ht="18" customHeight="1" x14ac:dyDescent="0.2">
      <c r="A10" s="18" t="s">
        <v>48</v>
      </c>
      <c r="B10" s="15">
        <v>56</v>
      </c>
      <c r="C10" s="16">
        <v>48</v>
      </c>
      <c r="D10" s="17">
        <v>104</v>
      </c>
    </row>
    <row r="11" spans="1:4" ht="18" customHeight="1" x14ac:dyDescent="0.2">
      <c r="A11" s="14">
        <v>5</v>
      </c>
      <c r="B11" s="15">
        <v>9</v>
      </c>
      <c r="C11" s="16">
        <v>8</v>
      </c>
      <c r="D11" s="17">
        <v>17</v>
      </c>
    </row>
    <row r="12" spans="1:4" ht="18" customHeight="1" x14ac:dyDescent="0.2">
      <c r="A12" s="14">
        <v>6</v>
      </c>
      <c r="B12" s="15">
        <v>10</v>
      </c>
      <c r="C12" s="16">
        <v>9</v>
      </c>
      <c r="D12" s="17">
        <v>19</v>
      </c>
    </row>
    <row r="13" spans="1:4" ht="18" customHeight="1" x14ac:dyDescent="0.2">
      <c r="A13" s="14">
        <v>7</v>
      </c>
      <c r="B13" s="15">
        <v>16</v>
      </c>
      <c r="C13" s="16">
        <v>8</v>
      </c>
      <c r="D13" s="17">
        <v>24</v>
      </c>
    </row>
    <row r="14" spans="1:4" ht="18" customHeight="1" x14ac:dyDescent="0.2">
      <c r="A14" s="14">
        <v>8</v>
      </c>
      <c r="B14" s="15">
        <v>16</v>
      </c>
      <c r="C14" s="16">
        <v>10</v>
      </c>
      <c r="D14" s="17">
        <v>26</v>
      </c>
    </row>
    <row r="15" spans="1:4" ht="18" customHeight="1" x14ac:dyDescent="0.2">
      <c r="A15" s="14">
        <v>9</v>
      </c>
      <c r="B15" s="15">
        <v>11</v>
      </c>
      <c r="C15" s="16">
        <v>15</v>
      </c>
      <c r="D15" s="17">
        <v>26</v>
      </c>
    </row>
    <row r="16" spans="1:4" ht="18" customHeight="1" x14ac:dyDescent="0.2">
      <c r="A16" s="18" t="s">
        <v>49</v>
      </c>
      <c r="B16" s="15">
        <v>62</v>
      </c>
      <c r="C16" s="16">
        <v>50</v>
      </c>
      <c r="D16" s="17">
        <v>112</v>
      </c>
    </row>
    <row r="17" spans="1:4" ht="18" customHeight="1" x14ac:dyDescent="0.2">
      <c r="A17" s="14">
        <v>10</v>
      </c>
      <c r="B17" s="15">
        <v>11</v>
      </c>
      <c r="C17" s="16">
        <v>18</v>
      </c>
      <c r="D17" s="17">
        <v>29</v>
      </c>
    </row>
    <row r="18" spans="1:4" ht="18" customHeight="1" x14ac:dyDescent="0.2">
      <c r="A18" s="14">
        <v>11</v>
      </c>
      <c r="B18" s="15">
        <v>17</v>
      </c>
      <c r="C18" s="16">
        <v>8</v>
      </c>
      <c r="D18" s="17">
        <v>25</v>
      </c>
    </row>
    <row r="19" spans="1:4" ht="18" customHeight="1" x14ac:dyDescent="0.2">
      <c r="A19" s="14">
        <v>12</v>
      </c>
      <c r="B19" s="15">
        <v>13</v>
      </c>
      <c r="C19" s="16">
        <v>9</v>
      </c>
      <c r="D19" s="17">
        <v>22</v>
      </c>
    </row>
    <row r="20" spans="1:4" ht="18" customHeight="1" x14ac:dyDescent="0.2">
      <c r="A20" s="14">
        <v>13</v>
      </c>
      <c r="B20" s="15">
        <v>16</v>
      </c>
      <c r="C20" s="16">
        <v>19</v>
      </c>
      <c r="D20" s="17">
        <v>35</v>
      </c>
    </row>
    <row r="21" spans="1:4" ht="18" customHeight="1" x14ac:dyDescent="0.2">
      <c r="A21" s="14">
        <v>14</v>
      </c>
      <c r="B21" s="15">
        <v>11</v>
      </c>
      <c r="C21" s="16">
        <v>18</v>
      </c>
      <c r="D21" s="17">
        <v>29</v>
      </c>
    </row>
    <row r="22" spans="1:4" ht="18" customHeight="1" x14ac:dyDescent="0.2">
      <c r="A22" s="18" t="s">
        <v>50</v>
      </c>
      <c r="B22" s="15">
        <v>68</v>
      </c>
      <c r="C22" s="16">
        <v>72</v>
      </c>
      <c r="D22" s="17">
        <v>140</v>
      </c>
    </row>
    <row r="23" spans="1:4" ht="18" customHeight="1" x14ac:dyDescent="0.2">
      <c r="A23" s="18" t="s">
        <v>51</v>
      </c>
      <c r="B23" s="15">
        <v>186</v>
      </c>
      <c r="C23" s="16">
        <v>170</v>
      </c>
      <c r="D23" s="17">
        <v>356</v>
      </c>
    </row>
    <row r="24" spans="1:4" ht="18" customHeight="1" x14ac:dyDescent="0.2">
      <c r="A24" s="14">
        <v>15</v>
      </c>
      <c r="B24" s="15">
        <v>14</v>
      </c>
      <c r="C24" s="16">
        <v>14</v>
      </c>
      <c r="D24" s="17">
        <v>28</v>
      </c>
    </row>
    <row r="25" spans="1:4" ht="18" customHeight="1" x14ac:dyDescent="0.2">
      <c r="A25" s="14">
        <v>16</v>
      </c>
      <c r="B25" s="15">
        <v>16</v>
      </c>
      <c r="C25" s="16">
        <v>14</v>
      </c>
      <c r="D25" s="17">
        <v>30</v>
      </c>
    </row>
    <row r="26" spans="1:4" ht="18" customHeight="1" x14ac:dyDescent="0.2">
      <c r="A26" s="14">
        <v>17</v>
      </c>
      <c r="B26" s="15">
        <v>17</v>
      </c>
      <c r="C26" s="16">
        <v>14</v>
      </c>
      <c r="D26" s="17">
        <v>31</v>
      </c>
    </row>
    <row r="27" spans="1:4" ht="18" customHeight="1" x14ac:dyDescent="0.2">
      <c r="A27" s="14">
        <v>18</v>
      </c>
      <c r="B27" s="15">
        <v>17</v>
      </c>
      <c r="C27" s="16">
        <v>22</v>
      </c>
      <c r="D27" s="17">
        <v>39</v>
      </c>
    </row>
    <row r="28" spans="1:4" ht="18" customHeight="1" x14ac:dyDescent="0.2">
      <c r="A28" s="14">
        <v>19</v>
      </c>
      <c r="B28" s="15">
        <v>17</v>
      </c>
      <c r="C28" s="16">
        <v>20</v>
      </c>
      <c r="D28" s="17">
        <v>37</v>
      </c>
    </row>
    <row r="29" spans="1:4" ht="18" customHeight="1" x14ac:dyDescent="0.2">
      <c r="A29" s="18" t="s">
        <v>52</v>
      </c>
      <c r="B29" s="15">
        <v>81</v>
      </c>
      <c r="C29" s="16">
        <v>84</v>
      </c>
      <c r="D29" s="17">
        <v>165</v>
      </c>
    </row>
    <row r="30" spans="1:4" ht="18" customHeight="1" x14ac:dyDescent="0.2">
      <c r="A30" s="14">
        <v>20</v>
      </c>
      <c r="B30" s="15">
        <v>15</v>
      </c>
      <c r="C30" s="16">
        <v>16</v>
      </c>
      <c r="D30" s="17">
        <v>31</v>
      </c>
    </row>
    <row r="31" spans="1:4" ht="18" customHeight="1" x14ac:dyDescent="0.2">
      <c r="A31" s="14">
        <v>21</v>
      </c>
      <c r="B31" s="15">
        <v>20</v>
      </c>
      <c r="C31" s="16">
        <v>19</v>
      </c>
      <c r="D31" s="17">
        <v>39</v>
      </c>
    </row>
    <row r="32" spans="1:4" ht="18" customHeight="1" x14ac:dyDescent="0.2">
      <c r="A32" s="14">
        <v>22</v>
      </c>
      <c r="B32" s="15">
        <v>19</v>
      </c>
      <c r="C32" s="16">
        <v>10</v>
      </c>
      <c r="D32" s="17">
        <v>29</v>
      </c>
    </row>
    <row r="33" spans="1:4" ht="18" customHeight="1" x14ac:dyDescent="0.2">
      <c r="A33" s="14">
        <v>23</v>
      </c>
      <c r="B33" s="15">
        <v>13</v>
      </c>
      <c r="C33" s="16">
        <v>19</v>
      </c>
      <c r="D33" s="17">
        <v>32</v>
      </c>
    </row>
    <row r="34" spans="1:4" ht="18" customHeight="1" x14ac:dyDescent="0.2">
      <c r="A34" s="14">
        <v>24</v>
      </c>
      <c r="B34" s="15">
        <v>22</v>
      </c>
      <c r="C34" s="16">
        <v>24</v>
      </c>
      <c r="D34" s="17">
        <v>46</v>
      </c>
    </row>
    <row r="35" spans="1:4" ht="18" customHeight="1" x14ac:dyDescent="0.2">
      <c r="A35" s="18" t="s">
        <v>53</v>
      </c>
      <c r="B35" s="15">
        <v>89</v>
      </c>
      <c r="C35" s="16">
        <v>88</v>
      </c>
      <c r="D35" s="17">
        <v>177</v>
      </c>
    </row>
    <row r="36" spans="1:4" ht="18" customHeight="1" x14ac:dyDescent="0.2">
      <c r="A36" s="14">
        <v>25</v>
      </c>
      <c r="B36" s="15">
        <v>12</v>
      </c>
      <c r="C36" s="16">
        <v>18</v>
      </c>
      <c r="D36" s="17">
        <v>30</v>
      </c>
    </row>
    <row r="37" spans="1:4" ht="18" customHeight="1" x14ac:dyDescent="0.2">
      <c r="A37" s="14">
        <v>26</v>
      </c>
      <c r="B37" s="15">
        <v>19</v>
      </c>
      <c r="C37" s="16">
        <v>11</v>
      </c>
      <c r="D37" s="17">
        <v>30</v>
      </c>
    </row>
    <row r="38" spans="1:4" ht="18" customHeight="1" x14ac:dyDescent="0.2">
      <c r="A38" s="14">
        <v>27</v>
      </c>
      <c r="B38" s="15">
        <v>11</v>
      </c>
      <c r="C38" s="16">
        <v>6</v>
      </c>
      <c r="D38" s="17">
        <v>17</v>
      </c>
    </row>
    <row r="39" spans="1:4" ht="18" customHeight="1" x14ac:dyDescent="0.2">
      <c r="A39" s="14">
        <v>28</v>
      </c>
      <c r="B39" s="15">
        <v>14</v>
      </c>
      <c r="C39" s="16">
        <v>10</v>
      </c>
      <c r="D39" s="17">
        <v>24</v>
      </c>
    </row>
    <row r="40" spans="1:4" ht="18" customHeight="1" x14ac:dyDescent="0.2">
      <c r="A40" s="14">
        <v>29</v>
      </c>
      <c r="B40" s="15">
        <v>16</v>
      </c>
      <c r="C40" s="16">
        <v>7</v>
      </c>
      <c r="D40" s="17">
        <v>23</v>
      </c>
    </row>
    <row r="41" spans="1:4" ht="18" customHeight="1" x14ac:dyDescent="0.2">
      <c r="A41" s="18" t="s">
        <v>54</v>
      </c>
      <c r="B41" s="15">
        <v>72</v>
      </c>
      <c r="C41" s="16">
        <v>52</v>
      </c>
      <c r="D41" s="17">
        <v>124</v>
      </c>
    </row>
    <row r="42" spans="1:4" ht="18" customHeight="1" x14ac:dyDescent="0.2">
      <c r="A42" s="14">
        <v>30</v>
      </c>
      <c r="B42" s="15">
        <v>13</v>
      </c>
      <c r="C42" s="16">
        <v>13</v>
      </c>
      <c r="D42" s="17">
        <v>26</v>
      </c>
    </row>
    <row r="43" spans="1:4" ht="18" customHeight="1" x14ac:dyDescent="0.2">
      <c r="A43" s="14">
        <v>31</v>
      </c>
      <c r="B43" s="15">
        <v>16</v>
      </c>
      <c r="C43" s="16">
        <v>21</v>
      </c>
      <c r="D43" s="17">
        <v>37</v>
      </c>
    </row>
    <row r="44" spans="1:4" ht="18" customHeight="1" x14ac:dyDescent="0.2">
      <c r="A44" s="14">
        <v>32</v>
      </c>
      <c r="B44" s="15">
        <v>22</v>
      </c>
      <c r="C44" s="16">
        <v>9</v>
      </c>
      <c r="D44" s="17">
        <v>31</v>
      </c>
    </row>
    <row r="45" spans="1:4" ht="18" customHeight="1" x14ac:dyDescent="0.2">
      <c r="A45" s="14">
        <v>33</v>
      </c>
      <c r="B45" s="15">
        <v>21</v>
      </c>
      <c r="C45" s="16">
        <v>17</v>
      </c>
      <c r="D45" s="17">
        <v>38</v>
      </c>
    </row>
    <row r="46" spans="1:4" ht="18" customHeight="1" x14ac:dyDescent="0.2">
      <c r="A46" s="14">
        <v>34</v>
      </c>
      <c r="B46" s="15">
        <v>19</v>
      </c>
      <c r="C46" s="16">
        <v>11</v>
      </c>
      <c r="D46" s="17">
        <v>30</v>
      </c>
    </row>
    <row r="47" spans="1:4" ht="18" customHeight="1" x14ac:dyDescent="0.2">
      <c r="A47" s="18" t="s">
        <v>55</v>
      </c>
      <c r="B47" s="15">
        <v>91</v>
      </c>
      <c r="C47" s="16">
        <v>71</v>
      </c>
      <c r="D47" s="17">
        <v>162</v>
      </c>
    </row>
    <row r="48" spans="1:4" ht="18" customHeight="1" x14ac:dyDescent="0.2">
      <c r="A48" s="14">
        <v>35</v>
      </c>
      <c r="B48" s="15">
        <v>20</v>
      </c>
      <c r="C48" s="16">
        <v>27</v>
      </c>
      <c r="D48" s="17">
        <v>47</v>
      </c>
    </row>
    <row r="49" spans="1:4" ht="18" customHeight="1" x14ac:dyDescent="0.2">
      <c r="A49" s="14">
        <v>36</v>
      </c>
      <c r="B49" s="15">
        <v>9</v>
      </c>
      <c r="C49" s="16">
        <v>15</v>
      </c>
      <c r="D49" s="17">
        <v>24</v>
      </c>
    </row>
    <row r="50" spans="1:4" ht="18" customHeight="1" x14ac:dyDescent="0.2">
      <c r="A50" s="14">
        <v>37</v>
      </c>
      <c r="B50" s="15">
        <v>19</v>
      </c>
      <c r="C50" s="16">
        <v>18</v>
      </c>
      <c r="D50" s="17">
        <v>37</v>
      </c>
    </row>
    <row r="51" spans="1:4" ht="18" customHeight="1" x14ac:dyDescent="0.2">
      <c r="A51" s="14">
        <v>38</v>
      </c>
      <c r="B51" s="15">
        <v>21</v>
      </c>
      <c r="C51" s="16">
        <v>14</v>
      </c>
      <c r="D51" s="17">
        <v>35</v>
      </c>
    </row>
    <row r="52" spans="1:4" ht="18" customHeight="1" x14ac:dyDescent="0.2">
      <c r="A52" s="14">
        <v>39</v>
      </c>
      <c r="B52" s="15">
        <v>22</v>
      </c>
      <c r="C52" s="16">
        <v>13</v>
      </c>
      <c r="D52" s="17">
        <v>35</v>
      </c>
    </row>
    <row r="53" spans="1:4" ht="18" customHeight="1" x14ac:dyDescent="0.2">
      <c r="A53" s="18" t="s">
        <v>56</v>
      </c>
      <c r="B53" s="15">
        <v>91</v>
      </c>
      <c r="C53" s="16">
        <v>87</v>
      </c>
      <c r="D53" s="17">
        <v>178</v>
      </c>
    </row>
    <row r="54" spans="1:4" ht="18" customHeight="1" x14ac:dyDescent="0.2">
      <c r="A54" s="14">
        <v>40</v>
      </c>
      <c r="B54" s="15">
        <v>15</v>
      </c>
      <c r="C54" s="16">
        <v>26</v>
      </c>
      <c r="D54" s="17">
        <v>41</v>
      </c>
    </row>
    <row r="55" spans="1:4" ht="18" customHeight="1" x14ac:dyDescent="0.2">
      <c r="A55" s="14">
        <v>41</v>
      </c>
      <c r="B55" s="15">
        <v>27</v>
      </c>
      <c r="C55" s="16">
        <v>24</v>
      </c>
      <c r="D55" s="17">
        <v>51</v>
      </c>
    </row>
    <row r="56" spans="1:4" ht="18" customHeight="1" x14ac:dyDescent="0.2">
      <c r="A56" s="14">
        <v>42</v>
      </c>
      <c r="B56" s="15">
        <v>27</v>
      </c>
      <c r="C56" s="16">
        <v>18</v>
      </c>
      <c r="D56" s="17">
        <v>45</v>
      </c>
    </row>
    <row r="57" spans="1:4" ht="18" customHeight="1" x14ac:dyDescent="0.2">
      <c r="A57" s="14">
        <v>43</v>
      </c>
      <c r="B57" s="15">
        <v>30</v>
      </c>
      <c r="C57" s="16">
        <v>23</v>
      </c>
      <c r="D57" s="17">
        <v>53</v>
      </c>
    </row>
    <row r="58" spans="1:4" ht="18" customHeight="1" x14ac:dyDescent="0.2">
      <c r="A58" s="14">
        <v>44</v>
      </c>
      <c r="B58" s="15">
        <v>30</v>
      </c>
      <c r="C58" s="16">
        <v>28</v>
      </c>
      <c r="D58" s="17">
        <v>58</v>
      </c>
    </row>
    <row r="59" spans="1:4" ht="18" customHeight="1" x14ac:dyDescent="0.2">
      <c r="A59" s="18" t="s">
        <v>57</v>
      </c>
      <c r="B59" s="15">
        <v>129</v>
      </c>
      <c r="C59" s="16">
        <v>119</v>
      </c>
      <c r="D59" s="17">
        <v>248</v>
      </c>
    </row>
    <row r="60" spans="1:4" ht="18" customHeight="1" x14ac:dyDescent="0.2">
      <c r="A60" s="14">
        <v>45</v>
      </c>
      <c r="B60" s="15">
        <v>26</v>
      </c>
      <c r="C60" s="16">
        <v>25</v>
      </c>
      <c r="D60" s="17">
        <v>51</v>
      </c>
    </row>
    <row r="61" spans="1:4" ht="18" customHeight="1" x14ac:dyDescent="0.2">
      <c r="A61" s="14">
        <v>46</v>
      </c>
      <c r="B61" s="15">
        <v>31</v>
      </c>
      <c r="C61" s="16">
        <v>29</v>
      </c>
      <c r="D61" s="17">
        <v>60</v>
      </c>
    </row>
    <row r="62" spans="1:4" ht="18" customHeight="1" x14ac:dyDescent="0.2">
      <c r="A62" s="14">
        <v>47</v>
      </c>
      <c r="B62" s="15">
        <v>37</v>
      </c>
      <c r="C62" s="16">
        <v>46</v>
      </c>
      <c r="D62" s="17">
        <v>83</v>
      </c>
    </row>
    <row r="63" spans="1:4" ht="18" customHeight="1" x14ac:dyDescent="0.2">
      <c r="A63" s="14">
        <v>48</v>
      </c>
      <c r="B63" s="15">
        <v>37</v>
      </c>
      <c r="C63" s="16">
        <v>27</v>
      </c>
      <c r="D63" s="17">
        <v>64</v>
      </c>
    </row>
    <row r="64" spans="1:4" ht="18" customHeight="1" x14ac:dyDescent="0.2">
      <c r="A64" s="14">
        <v>49</v>
      </c>
      <c r="B64" s="15">
        <v>33</v>
      </c>
      <c r="C64" s="16">
        <v>36</v>
      </c>
      <c r="D64" s="17">
        <v>69</v>
      </c>
    </row>
    <row r="65" spans="1:4" ht="18" customHeight="1" x14ac:dyDescent="0.2">
      <c r="A65" s="18" t="s">
        <v>58</v>
      </c>
      <c r="B65" s="15">
        <v>164</v>
      </c>
      <c r="C65" s="16">
        <v>163</v>
      </c>
      <c r="D65" s="17">
        <v>327</v>
      </c>
    </row>
    <row r="66" spans="1:4" ht="18" customHeight="1" x14ac:dyDescent="0.2">
      <c r="A66" s="14">
        <v>50</v>
      </c>
      <c r="B66" s="15">
        <v>25</v>
      </c>
      <c r="C66" s="16">
        <v>31</v>
      </c>
      <c r="D66" s="17">
        <v>56</v>
      </c>
    </row>
    <row r="67" spans="1:4" ht="18" customHeight="1" x14ac:dyDescent="0.2">
      <c r="A67" s="14">
        <v>51</v>
      </c>
      <c r="B67" s="15">
        <v>43</v>
      </c>
      <c r="C67" s="16">
        <v>29</v>
      </c>
      <c r="D67" s="17">
        <v>72</v>
      </c>
    </row>
    <row r="68" spans="1:4" ht="18" customHeight="1" x14ac:dyDescent="0.2">
      <c r="A68" s="14">
        <v>52</v>
      </c>
      <c r="B68" s="15">
        <v>30</v>
      </c>
      <c r="C68" s="16">
        <v>28</v>
      </c>
      <c r="D68" s="17">
        <v>58</v>
      </c>
    </row>
    <row r="69" spans="1:4" ht="18" customHeight="1" x14ac:dyDescent="0.2">
      <c r="A69" s="14">
        <v>53</v>
      </c>
      <c r="B69" s="15">
        <v>25</v>
      </c>
      <c r="C69" s="16">
        <v>17</v>
      </c>
      <c r="D69" s="17">
        <v>42</v>
      </c>
    </row>
    <row r="70" spans="1:4" ht="18" customHeight="1" x14ac:dyDescent="0.2">
      <c r="A70" s="14">
        <v>54</v>
      </c>
      <c r="B70" s="15">
        <v>20</v>
      </c>
      <c r="C70" s="16">
        <v>14</v>
      </c>
      <c r="D70" s="17">
        <v>34</v>
      </c>
    </row>
    <row r="71" spans="1:4" ht="18" customHeight="1" x14ac:dyDescent="0.2">
      <c r="A71" s="18" t="s">
        <v>59</v>
      </c>
      <c r="B71" s="15">
        <v>143</v>
      </c>
      <c r="C71" s="16">
        <v>119</v>
      </c>
      <c r="D71" s="17">
        <v>262</v>
      </c>
    </row>
    <row r="72" spans="1:4" ht="18" customHeight="1" x14ac:dyDescent="0.2">
      <c r="A72" s="14">
        <v>55</v>
      </c>
      <c r="B72" s="15">
        <v>29</v>
      </c>
      <c r="C72" s="16">
        <v>27</v>
      </c>
      <c r="D72" s="17">
        <v>56</v>
      </c>
    </row>
    <row r="73" spans="1:4" ht="18" customHeight="1" x14ac:dyDescent="0.2">
      <c r="A73" s="14">
        <v>56</v>
      </c>
      <c r="B73" s="15">
        <v>17</v>
      </c>
      <c r="C73" s="16">
        <v>17</v>
      </c>
      <c r="D73" s="17">
        <v>34</v>
      </c>
    </row>
    <row r="74" spans="1:4" ht="18" customHeight="1" x14ac:dyDescent="0.2">
      <c r="A74" s="14">
        <v>57</v>
      </c>
      <c r="B74" s="15">
        <v>21</v>
      </c>
      <c r="C74" s="16">
        <v>23</v>
      </c>
      <c r="D74" s="17">
        <v>44</v>
      </c>
    </row>
    <row r="75" spans="1:4" ht="18" customHeight="1" x14ac:dyDescent="0.2">
      <c r="A75" s="14">
        <v>58</v>
      </c>
      <c r="B75" s="15">
        <v>23</v>
      </c>
      <c r="C75" s="16">
        <v>23</v>
      </c>
      <c r="D75" s="17">
        <v>46</v>
      </c>
    </row>
    <row r="76" spans="1:4" ht="18" customHeight="1" x14ac:dyDescent="0.2">
      <c r="A76" s="14">
        <v>59</v>
      </c>
      <c r="B76" s="15">
        <v>22</v>
      </c>
      <c r="C76" s="16">
        <v>25</v>
      </c>
      <c r="D76" s="17">
        <v>47</v>
      </c>
    </row>
    <row r="77" spans="1:4" ht="18" customHeight="1" x14ac:dyDescent="0.2">
      <c r="A77" s="18" t="s">
        <v>60</v>
      </c>
      <c r="B77" s="15">
        <v>112</v>
      </c>
      <c r="C77" s="16">
        <v>115</v>
      </c>
      <c r="D77" s="17">
        <v>227</v>
      </c>
    </row>
    <row r="78" spans="1:4" ht="18" customHeight="1" x14ac:dyDescent="0.2">
      <c r="A78" s="14">
        <v>60</v>
      </c>
      <c r="B78" s="15">
        <v>29</v>
      </c>
      <c r="C78" s="16">
        <v>21</v>
      </c>
      <c r="D78" s="17">
        <v>50</v>
      </c>
    </row>
    <row r="79" spans="1:4" ht="18" customHeight="1" x14ac:dyDescent="0.2">
      <c r="A79" s="14">
        <v>61</v>
      </c>
      <c r="B79" s="15">
        <v>13</v>
      </c>
      <c r="C79" s="16">
        <v>25</v>
      </c>
      <c r="D79" s="17">
        <v>38</v>
      </c>
    </row>
    <row r="80" spans="1:4" ht="18" customHeight="1" x14ac:dyDescent="0.2">
      <c r="A80" s="14">
        <v>62</v>
      </c>
      <c r="B80" s="15">
        <v>17</v>
      </c>
      <c r="C80" s="16">
        <v>26</v>
      </c>
      <c r="D80" s="17">
        <v>43</v>
      </c>
    </row>
    <row r="81" spans="1:4" ht="18" customHeight="1" x14ac:dyDescent="0.2">
      <c r="A81" s="14">
        <v>63</v>
      </c>
      <c r="B81" s="15">
        <v>31</v>
      </c>
      <c r="C81" s="16">
        <v>30</v>
      </c>
      <c r="D81" s="17">
        <v>61</v>
      </c>
    </row>
    <row r="82" spans="1:4" ht="18" customHeight="1" x14ac:dyDescent="0.2">
      <c r="A82" s="14">
        <v>64</v>
      </c>
      <c r="B82" s="15">
        <v>20</v>
      </c>
      <c r="C82" s="16">
        <v>23</v>
      </c>
      <c r="D82" s="17">
        <v>43</v>
      </c>
    </row>
    <row r="83" spans="1:4" ht="18" customHeight="1" x14ac:dyDescent="0.2">
      <c r="A83" s="18" t="s">
        <v>61</v>
      </c>
      <c r="B83" s="15">
        <v>110</v>
      </c>
      <c r="C83" s="16">
        <v>125</v>
      </c>
      <c r="D83" s="17">
        <v>235</v>
      </c>
    </row>
    <row r="84" spans="1:4" ht="18" customHeight="1" x14ac:dyDescent="0.2">
      <c r="A84" s="18" t="s">
        <v>62</v>
      </c>
      <c r="B84" s="15">
        <v>1082</v>
      </c>
      <c r="C84" s="16">
        <v>1023</v>
      </c>
      <c r="D84" s="17">
        <v>2105</v>
      </c>
    </row>
    <row r="85" spans="1:4" ht="18" customHeight="1" x14ac:dyDescent="0.2">
      <c r="A85" s="14">
        <v>65</v>
      </c>
      <c r="B85" s="15">
        <v>32</v>
      </c>
      <c r="C85" s="16">
        <v>26</v>
      </c>
      <c r="D85" s="17">
        <v>58</v>
      </c>
    </row>
    <row r="86" spans="1:4" ht="18" customHeight="1" x14ac:dyDescent="0.2">
      <c r="A86" s="14">
        <v>66</v>
      </c>
      <c r="B86" s="15">
        <v>21</v>
      </c>
      <c r="C86" s="16">
        <v>30</v>
      </c>
      <c r="D86" s="17">
        <v>51</v>
      </c>
    </row>
    <row r="87" spans="1:4" ht="18" customHeight="1" x14ac:dyDescent="0.2">
      <c r="A87" s="14">
        <v>67</v>
      </c>
      <c r="B87" s="15">
        <v>31</v>
      </c>
      <c r="C87" s="16">
        <v>24</v>
      </c>
      <c r="D87" s="17">
        <v>55</v>
      </c>
    </row>
    <row r="88" spans="1:4" ht="18" customHeight="1" x14ac:dyDescent="0.2">
      <c r="A88" s="14">
        <v>68</v>
      </c>
      <c r="B88" s="15">
        <v>26</v>
      </c>
      <c r="C88" s="16">
        <v>30</v>
      </c>
      <c r="D88" s="17">
        <v>56</v>
      </c>
    </row>
    <row r="89" spans="1:4" ht="18" customHeight="1" x14ac:dyDescent="0.2">
      <c r="A89" s="14">
        <v>69</v>
      </c>
      <c r="B89" s="15">
        <v>28</v>
      </c>
      <c r="C89" s="16">
        <v>50</v>
      </c>
      <c r="D89" s="17">
        <v>78</v>
      </c>
    </row>
    <row r="90" spans="1:4" ht="18" customHeight="1" x14ac:dyDescent="0.2">
      <c r="A90" s="18" t="s">
        <v>63</v>
      </c>
      <c r="B90" s="15">
        <v>138</v>
      </c>
      <c r="C90" s="16">
        <v>160</v>
      </c>
      <c r="D90" s="17">
        <v>298</v>
      </c>
    </row>
    <row r="91" spans="1:4" ht="18" customHeight="1" x14ac:dyDescent="0.2">
      <c r="A91" s="14">
        <v>70</v>
      </c>
      <c r="B91" s="15">
        <v>33</v>
      </c>
      <c r="C91" s="16">
        <v>44</v>
      </c>
      <c r="D91" s="17">
        <v>77</v>
      </c>
    </row>
    <row r="92" spans="1:4" ht="18" customHeight="1" x14ac:dyDescent="0.2">
      <c r="A92" s="14">
        <v>71</v>
      </c>
      <c r="B92" s="15">
        <v>38</v>
      </c>
      <c r="C92" s="16">
        <v>45</v>
      </c>
      <c r="D92" s="17">
        <v>83</v>
      </c>
    </row>
    <row r="93" spans="1:4" ht="18" customHeight="1" x14ac:dyDescent="0.2">
      <c r="A93" s="14">
        <v>72</v>
      </c>
      <c r="B93" s="15">
        <v>39</v>
      </c>
      <c r="C93" s="16">
        <v>57</v>
      </c>
      <c r="D93" s="17">
        <v>96</v>
      </c>
    </row>
    <row r="94" spans="1:4" ht="18" customHeight="1" x14ac:dyDescent="0.2">
      <c r="A94" s="14">
        <v>73</v>
      </c>
      <c r="B94" s="15">
        <v>42</v>
      </c>
      <c r="C94" s="16">
        <v>42</v>
      </c>
      <c r="D94" s="17">
        <v>84</v>
      </c>
    </row>
    <row r="95" spans="1:4" ht="18" customHeight="1" x14ac:dyDescent="0.2">
      <c r="A95" s="14">
        <v>74</v>
      </c>
      <c r="B95" s="15">
        <v>26</v>
      </c>
      <c r="C95" s="16">
        <v>24</v>
      </c>
      <c r="D95" s="17">
        <v>50</v>
      </c>
    </row>
    <row r="96" spans="1:4" ht="18" customHeight="1" x14ac:dyDescent="0.2">
      <c r="A96" s="18" t="s">
        <v>64</v>
      </c>
      <c r="B96" s="15">
        <v>178</v>
      </c>
      <c r="C96" s="16">
        <v>212</v>
      </c>
      <c r="D96" s="17">
        <v>390</v>
      </c>
    </row>
    <row r="97" spans="1:4" ht="18" customHeight="1" x14ac:dyDescent="0.2">
      <c r="A97" s="14">
        <v>75</v>
      </c>
      <c r="B97" s="15">
        <v>28</v>
      </c>
      <c r="C97" s="16">
        <v>35</v>
      </c>
      <c r="D97" s="17">
        <v>63</v>
      </c>
    </row>
    <row r="98" spans="1:4" ht="18" customHeight="1" x14ac:dyDescent="0.2">
      <c r="A98" s="14">
        <v>76</v>
      </c>
      <c r="B98" s="15">
        <v>27</v>
      </c>
      <c r="C98" s="16">
        <v>43</v>
      </c>
      <c r="D98" s="17">
        <v>70</v>
      </c>
    </row>
    <row r="99" spans="1:4" ht="18" customHeight="1" x14ac:dyDescent="0.2">
      <c r="A99" s="14">
        <v>77</v>
      </c>
      <c r="B99" s="15">
        <v>42</v>
      </c>
      <c r="C99" s="16">
        <v>31</v>
      </c>
      <c r="D99" s="17">
        <v>73</v>
      </c>
    </row>
    <row r="100" spans="1:4" ht="18" customHeight="1" x14ac:dyDescent="0.2">
      <c r="A100" s="14">
        <v>78</v>
      </c>
      <c r="B100" s="15">
        <v>40</v>
      </c>
      <c r="C100" s="16">
        <v>47</v>
      </c>
      <c r="D100" s="17">
        <v>87</v>
      </c>
    </row>
    <row r="101" spans="1:4" ht="18" customHeight="1" x14ac:dyDescent="0.2">
      <c r="A101" s="14">
        <v>79</v>
      </c>
      <c r="B101" s="15">
        <v>27</v>
      </c>
      <c r="C101" s="16">
        <v>22</v>
      </c>
      <c r="D101" s="17">
        <v>49</v>
      </c>
    </row>
    <row r="102" spans="1:4" ht="18" customHeight="1" x14ac:dyDescent="0.2">
      <c r="A102" s="18" t="s">
        <v>65</v>
      </c>
      <c r="B102" s="15">
        <v>164</v>
      </c>
      <c r="C102" s="16">
        <v>178</v>
      </c>
      <c r="D102" s="17">
        <v>342</v>
      </c>
    </row>
    <row r="103" spans="1:4" ht="18" customHeight="1" x14ac:dyDescent="0.2">
      <c r="A103" s="14">
        <v>80</v>
      </c>
      <c r="B103" s="15">
        <v>15</v>
      </c>
      <c r="C103" s="16">
        <v>30</v>
      </c>
      <c r="D103" s="17">
        <v>45</v>
      </c>
    </row>
    <row r="104" spans="1:4" ht="18" customHeight="1" x14ac:dyDescent="0.2">
      <c r="A104" s="14">
        <v>81</v>
      </c>
      <c r="B104" s="15">
        <v>12</v>
      </c>
      <c r="C104" s="16">
        <v>22</v>
      </c>
      <c r="D104" s="17">
        <v>34</v>
      </c>
    </row>
    <row r="105" spans="1:4" ht="18" customHeight="1" x14ac:dyDescent="0.2">
      <c r="A105" s="14">
        <v>82</v>
      </c>
      <c r="B105" s="15">
        <v>21</v>
      </c>
      <c r="C105" s="16">
        <v>24</v>
      </c>
      <c r="D105" s="17">
        <v>45</v>
      </c>
    </row>
    <row r="106" spans="1:4" ht="18" customHeight="1" x14ac:dyDescent="0.2">
      <c r="A106" s="14">
        <v>83</v>
      </c>
      <c r="B106" s="15">
        <v>16</v>
      </c>
      <c r="C106" s="16">
        <v>27</v>
      </c>
      <c r="D106" s="17">
        <v>43</v>
      </c>
    </row>
    <row r="107" spans="1:4" ht="18" customHeight="1" x14ac:dyDescent="0.2">
      <c r="A107" s="14">
        <v>84</v>
      </c>
      <c r="B107" s="15">
        <v>17</v>
      </c>
      <c r="C107" s="16">
        <v>27</v>
      </c>
      <c r="D107" s="17">
        <v>44</v>
      </c>
    </row>
    <row r="108" spans="1:4" ht="18" customHeight="1" x14ac:dyDescent="0.2">
      <c r="A108" s="18" t="s">
        <v>66</v>
      </c>
      <c r="B108" s="15">
        <v>81</v>
      </c>
      <c r="C108" s="16">
        <v>130</v>
      </c>
      <c r="D108" s="17">
        <v>211</v>
      </c>
    </row>
    <row r="109" spans="1:4" ht="18" customHeight="1" x14ac:dyDescent="0.2">
      <c r="A109" s="14">
        <v>85</v>
      </c>
      <c r="B109" s="15">
        <v>14</v>
      </c>
      <c r="C109" s="16">
        <v>26</v>
      </c>
      <c r="D109" s="17">
        <v>40</v>
      </c>
    </row>
    <row r="110" spans="1:4" ht="18" customHeight="1" x14ac:dyDescent="0.2">
      <c r="A110" s="14">
        <v>86</v>
      </c>
      <c r="B110" s="15">
        <v>10</v>
      </c>
      <c r="C110" s="16">
        <v>15</v>
      </c>
      <c r="D110" s="17">
        <v>25</v>
      </c>
    </row>
    <row r="111" spans="1:4" ht="18" customHeight="1" x14ac:dyDescent="0.2">
      <c r="A111" s="14">
        <v>87</v>
      </c>
      <c r="B111" s="15">
        <v>6</v>
      </c>
      <c r="C111" s="16">
        <v>18</v>
      </c>
      <c r="D111" s="17">
        <v>24</v>
      </c>
    </row>
    <row r="112" spans="1:4" ht="18" customHeight="1" x14ac:dyDescent="0.2">
      <c r="A112" s="14">
        <v>88</v>
      </c>
      <c r="B112" s="15">
        <v>10</v>
      </c>
      <c r="C112" s="16">
        <v>22</v>
      </c>
      <c r="D112" s="17">
        <v>32</v>
      </c>
    </row>
    <row r="113" spans="1:4" ht="18" customHeight="1" x14ac:dyDescent="0.2">
      <c r="A113" s="14">
        <v>89</v>
      </c>
      <c r="B113" s="15">
        <v>8</v>
      </c>
      <c r="C113" s="16">
        <v>16</v>
      </c>
      <c r="D113" s="17">
        <v>24</v>
      </c>
    </row>
    <row r="114" spans="1:4" ht="18" customHeight="1" x14ac:dyDescent="0.2">
      <c r="A114" s="18" t="s">
        <v>67</v>
      </c>
      <c r="B114" s="15">
        <v>48</v>
      </c>
      <c r="C114" s="16">
        <v>97</v>
      </c>
      <c r="D114" s="17">
        <v>145</v>
      </c>
    </row>
    <row r="115" spans="1:4" ht="18" customHeight="1" x14ac:dyDescent="0.2">
      <c r="A115" s="14">
        <v>90</v>
      </c>
      <c r="B115" s="15">
        <v>7</v>
      </c>
      <c r="C115" s="16">
        <v>10</v>
      </c>
      <c r="D115" s="17">
        <v>17</v>
      </c>
    </row>
    <row r="116" spans="1:4" ht="18" customHeight="1" x14ac:dyDescent="0.2">
      <c r="A116" s="14">
        <v>91</v>
      </c>
      <c r="B116" s="15">
        <v>6</v>
      </c>
      <c r="C116" s="16">
        <v>11</v>
      </c>
      <c r="D116" s="17">
        <v>17</v>
      </c>
    </row>
    <row r="117" spans="1:4" ht="18" customHeight="1" x14ac:dyDescent="0.2">
      <c r="A117" s="14">
        <v>92</v>
      </c>
      <c r="B117" s="15">
        <v>5</v>
      </c>
      <c r="C117" s="16">
        <v>11</v>
      </c>
      <c r="D117" s="17">
        <v>16</v>
      </c>
    </row>
    <row r="118" spans="1:4" ht="18" customHeight="1" x14ac:dyDescent="0.2">
      <c r="A118" s="14">
        <v>93</v>
      </c>
      <c r="B118" s="15">
        <v>5</v>
      </c>
      <c r="C118" s="16">
        <v>6</v>
      </c>
      <c r="D118" s="17">
        <v>11</v>
      </c>
    </row>
    <row r="119" spans="1:4" ht="18" customHeight="1" x14ac:dyDescent="0.2">
      <c r="A119" s="14">
        <v>94</v>
      </c>
      <c r="B119" s="15">
        <v>5</v>
      </c>
      <c r="C119" s="16">
        <v>7</v>
      </c>
      <c r="D119" s="17">
        <v>12</v>
      </c>
    </row>
    <row r="120" spans="1:4" ht="18" customHeight="1" x14ac:dyDescent="0.2">
      <c r="A120" s="18" t="s">
        <v>68</v>
      </c>
      <c r="B120" s="15">
        <v>28</v>
      </c>
      <c r="C120" s="16">
        <v>45</v>
      </c>
      <c r="D120" s="17">
        <v>73</v>
      </c>
    </row>
    <row r="121" spans="1:4" ht="18" customHeight="1" x14ac:dyDescent="0.2">
      <c r="A121" s="14">
        <v>95</v>
      </c>
      <c r="B121" s="15">
        <v>2</v>
      </c>
      <c r="C121" s="16">
        <v>9</v>
      </c>
      <c r="D121" s="17">
        <v>11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2</v>
      </c>
      <c r="C126" s="16">
        <v>21</v>
      </c>
      <c r="D126" s="17">
        <v>23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639</v>
      </c>
      <c r="C130" s="5">
        <v>849</v>
      </c>
      <c r="D130" s="6">
        <v>1488</v>
      </c>
    </row>
    <row r="131" spans="1:4" ht="18" customHeight="1" x14ac:dyDescent="0.2">
      <c r="A131" s="20" t="s">
        <v>47</v>
      </c>
      <c r="B131" s="7">
        <v>1907</v>
      </c>
      <c r="C131" s="8">
        <v>2042</v>
      </c>
      <c r="D131" s="9">
        <v>394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5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</v>
      </c>
      <c r="C5" s="12">
        <v>4</v>
      </c>
      <c r="D5" s="13">
        <v>7</v>
      </c>
    </row>
    <row r="6" spans="1:4" ht="18" customHeight="1" x14ac:dyDescent="0.2">
      <c r="A6" s="14">
        <v>1</v>
      </c>
      <c r="B6" s="15">
        <v>4</v>
      </c>
      <c r="C6" s="16">
        <v>2</v>
      </c>
      <c r="D6" s="17">
        <v>6</v>
      </c>
    </row>
    <row r="7" spans="1:4" ht="18" customHeight="1" x14ac:dyDescent="0.2">
      <c r="A7" s="14">
        <v>2</v>
      </c>
      <c r="B7" s="15">
        <v>6</v>
      </c>
      <c r="C7" s="16">
        <v>0</v>
      </c>
      <c r="D7" s="17">
        <v>6</v>
      </c>
    </row>
    <row r="8" spans="1:4" ht="18" customHeight="1" x14ac:dyDescent="0.2">
      <c r="A8" s="14">
        <v>3</v>
      </c>
      <c r="B8" s="15">
        <v>6</v>
      </c>
      <c r="C8" s="16">
        <v>1</v>
      </c>
      <c r="D8" s="17">
        <v>7</v>
      </c>
    </row>
    <row r="9" spans="1:4" ht="18" customHeight="1" x14ac:dyDescent="0.2">
      <c r="A9" s="14">
        <v>4</v>
      </c>
      <c r="B9" s="15">
        <v>5</v>
      </c>
      <c r="C9" s="16">
        <v>10</v>
      </c>
      <c r="D9" s="17">
        <v>15</v>
      </c>
    </row>
    <row r="10" spans="1:4" ht="18" customHeight="1" x14ac:dyDescent="0.2">
      <c r="A10" s="18" t="s">
        <v>48</v>
      </c>
      <c r="B10" s="15">
        <v>24</v>
      </c>
      <c r="C10" s="16">
        <v>17</v>
      </c>
      <c r="D10" s="17">
        <v>41</v>
      </c>
    </row>
    <row r="11" spans="1:4" ht="18" customHeight="1" x14ac:dyDescent="0.2">
      <c r="A11" s="14">
        <v>5</v>
      </c>
      <c r="B11" s="15">
        <v>1</v>
      </c>
      <c r="C11" s="16">
        <v>4</v>
      </c>
      <c r="D11" s="17">
        <v>5</v>
      </c>
    </row>
    <row r="12" spans="1:4" ht="18" customHeight="1" x14ac:dyDescent="0.2">
      <c r="A12" s="14">
        <v>6</v>
      </c>
      <c r="B12" s="15">
        <v>5</v>
      </c>
      <c r="C12" s="16">
        <v>7</v>
      </c>
      <c r="D12" s="17">
        <v>12</v>
      </c>
    </row>
    <row r="13" spans="1:4" ht="18" customHeight="1" x14ac:dyDescent="0.2">
      <c r="A13" s="14">
        <v>7</v>
      </c>
      <c r="B13" s="15">
        <v>7</v>
      </c>
      <c r="C13" s="16">
        <v>4</v>
      </c>
      <c r="D13" s="17">
        <v>11</v>
      </c>
    </row>
    <row r="14" spans="1:4" ht="18" customHeight="1" x14ac:dyDescent="0.2">
      <c r="A14" s="14">
        <v>8</v>
      </c>
      <c r="B14" s="15">
        <v>5</v>
      </c>
      <c r="C14" s="16">
        <v>9</v>
      </c>
      <c r="D14" s="17">
        <v>14</v>
      </c>
    </row>
    <row r="15" spans="1:4" ht="18" customHeight="1" x14ac:dyDescent="0.2">
      <c r="A15" s="14">
        <v>9</v>
      </c>
      <c r="B15" s="15">
        <v>7</v>
      </c>
      <c r="C15" s="16">
        <v>3</v>
      </c>
      <c r="D15" s="17">
        <v>10</v>
      </c>
    </row>
    <row r="16" spans="1:4" ht="18" customHeight="1" x14ac:dyDescent="0.2">
      <c r="A16" s="18" t="s">
        <v>49</v>
      </c>
      <c r="B16" s="15">
        <v>25</v>
      </c>
      <c r="C16" s="16">
        <v>27</v>
      </c>
      <c r="D16" s="17">
        <v>52</v>
      </c>
    </row>
    <row r="17" spans="1:4" ht="18" customHeight="1" x14ac:dyDescent="0.2">
      <c r="A17" s="14">
        <v>10</v>
      </c>
      <c r="B17" s="15">
        <v>6</v>
      </c>
      <c r="C17" s="16">
        <v>6</v>
      </c>
      <c r="D17" s="17">
        <v>12</v>
      </c>
    </row>
    <row r="18" spans="1:4" ht="18" customHeight="1" x14ac:dyDescent="0.2">
      <c r="A18" s="14">
        <v>11</v>
      </c>
      <c r="B18" s="15">
        <v>7</v>
      </c>
      <c r="C18" s="16">
        <v>10</v>
      </c>
      <c r="D18" s="17">
        <v>17</v>
      </c>
    </row>
    <row r="19" spans="1:4" ht="18" customHeight="1" x14ac:dyDescent="0.2">
      <c r="A19" s="14">
        <v>12</v>
      </c>
      <c r="B19" s="15">
        <v>6</v>
      </c>
      <c r="C19" s="16">
        <v>2</v>
      </c>
      <c r="D19" s="17">
        <v>8</v>
      </c>
    </row>
    <row r="20" spans="1:4" ht="18" customHeight="1" x14ac:dyDescent="0.2">
      <c r="A20" s="14">
        <v>13</v>
      </c>
      <c r="B20" s="15">
        <v>10</v>
      </c>
      <c r="C20" s="16">
        <v>4</v>
      </c>
      <c r="D20" s="17">
        <v>14</v>
      </c>
    </row>
    <row r="21" spans="1:4" ht="18" customHeight="1" x14ac:dyDescent="0.2">
      <c r="A21" s="14">
        <v>14</v>
      </c>
      <c r="B21" s="15">
        <v>8</v>
      </c>
      <c r="C21" s="16">
        <v>6</v>
      </c>
      <c r="D21" s="17">
        <v>14</v>
      </c>
    </row>
    <row r="22" spans="1:4" ht="18" customHeight="1" x14ac:dyDescent="0.2">
      <c r="A22" s="18" t="s">
        <v>50</v>
      </c>
      <c r="B22" s="15">
        <v>37</v>
      </c>
      <c r="C22" s="16">
        <v>28</v>
      </c>
      <c r="D22" s="17">
        <v>65</v>
      </c>
    </row>
    <row r="23" spans="1:4" ht="18" customHeight="1" x14ac:dyDescent="0.2">
      <c r="A23" s="18" t="s">
        <v>51</v>
      </c>
      <c r="B23" s="15">
        <v>86</v>
      </c>
      <c r="C23" s="16">
        <v>72</v>
      </c>
      <c r="D23" s="17">
        <v>158</v>
      </c>
    </row>
    <row r="24" spans="1:4" ht="18" customHeight="1" x14ac:dyDescent="0.2">
      <c r="A24" s="14">
        <v>15</v>
      </c>
      <c r="B24" s="15">
        <v>6</v>
      </c>
      <c r="C24" s="16">
        <v>4</v>
      </c>
      <c r="D24" s="17">
        <v>10</v>
      </c>
    </row>
    <row r="25" spans="1:4" ht="18" customHeight="1" x14ac:dyDescent="0.2">
      <c r="A25" s="14">
        <v>16</v>
      </c>
      <c r="B25" s="15">
        <v>6</v>
      </c>
      <c r="C25" s="16">
        <v>9</v>
      </c>
      <c r="D25" s="17">
        <v>15</v>
      </c>
    </row>
    <row r="26" spans="1:4" ht="18" customHeight="1" x14ac:dyDescent="0.2">
      <c r="A26" s="14">
        <v>17</v>
      </c>
      <c r="B26" s="15">
        <v>7</v>
      </c>
      <c r="C26" s="16">
        <v>7</v>
      </c>
      <c r="D26" s="17">
        <v>14</v>
      </c>
    </row>
    <row r="27" spans="1:4" ht="18" customHeight="1" x14ac:dyDescent="0.2">
      <c r="A27" s="14">
        <v>18</v>
      </c>
      <c r="B27" s="15">
        <v>5</v>
      </c>
      <c r="C27" s="16">
        <v>3</v>
      </c>
      <c r="D27" s="17">
        <v>8</v>
      </c>
    </row>
    <row r="28" spans="1:4" ht="18" customHeight="1" x14ac:dyDescent="0.2">
      <c r="A28" s="14">
        <v>19</v>
      </c>
      <c r="B28" s="15">
        <v>8</v>
      </c>
      <c r="C28" s="16">
        <v>4</v>
      </c>
      <c r="D28" s="17">
        <v>12</v>
      </c>
    </row>
    <row r="29" spans="1:4" ht="18" customHeight="1" x14ac:dyDescent="0.2">
      <c r="A29" s="18" t="s">
        <v>52</v>
      </c>
      <c r="B29" s="15">
        <v>32</v>
      </c>
      <c r="C29" s="16">
        <v>27</v>
      </c>
      <c r="D29" s="17">
        <v>59</v>
      </c>
    </row>
    <row r="30" spans="1:4" ht="18" customHeight="1" x14ac:dyDescent="0.2">
      <c r="A30" s="14">
        <v>20</v>
      </c>
      <c r="B30" s="15">
        <v>7</v>
      </c>
      <c r="C30" s="16">
        <v>9</v>
      </c>
      <c r="D30" s="17">
        <v>16</v>
      </c>
    </row>
    <row r="31" spans="1:4" ht="18" customHeight="1" x14ac:dyDescent="0.2">
      <c r="A31" s="14">
        <v>21</v>
      </c>
      <c r="B31" s="15">
        <v>6</v>
      </c>
      <c r="C31" s="16">
        <v>4</v>
      </c>
      <c r="D31" s="17">
        <v>10</v>
      </c>
    </row>
    <row r="32" spans="1:4" ht="18" customHeight="1" x14ac:dyDescent="0.2">
      <c r="A32" s="14">
        <v>22</v>
      </c>
      <c r="B32" s="15">
        <v>8</v>
      </c>
      <c r="C32" s="16">
        <v>4</v>
      </c>
      <c r="D32" s="17">
        <v>12</v>
      </c>
    </row>
    <row r="33" spans="1:4" ht="18" customHeight="1" x14ac:dyDescent="0.2">
      <c r="A33" s="14">
        <v>23</v>
      </c>
      <c r="B33" s="15">
        <v>7</v>
      </c>
      <c r="C33" s="16">
        <v>6</v>
      </c>
      <c r="D33" s="17">
        <v>13</v>
      </c>
    </row>
    <row r="34" spans="1:4" ht="18" customHeight="1" x14ac:dyDescent="0.2">
      <c r="A34" s="14">
        <v>24</v>
      </c>
      <c r="B34" s="15">
        <v>20</v>
      </c>
      <c r="C34" s="16">
        <v>6</v>
      </c>
      <c r="D34" s="17">
        <v>26</v>
      </c>
    </row>
    <row r="35" spans="1:4" ht="18" customHeight="1" x14ac:dyDescent="0.2">
      <c r="A35" s="18" t="s">
        <v>53</v>
      </c>
      <c r="B35" s="15">
        <v>48</v>
      </c>
      <c r="C35" s="16">
        <v>29</v>
      </c>
      <c r="D35" s="17">
        <v>77</v>
      </c>
    </row>
    <row r="36" spans="1:4" ht="18" customHeight="1" x14ac:dyDescent="0.2">
      <c r="A36" s="14">
        <v>25</v>
      </c>
      <c r="B36" s="15">
        <v>6</v>
      </c>
      <c r="C36" s="16">
        <v>6</v>
      </c>
      <c r="D36" s="17">
        <v>12</v>
      </c>
    </row>
    <row r="37" spans="1:4" ht="18" customHeight="1" x14ac:dyDescent="0.2">
      <c r="A37" s="14">
        <v>26</v>
      </c>
      <c r="B37" s="15">
        <v>5</v>
      </c>
      <c r="C37" s="16">
        <v>2</v>
      </c>
      <c r="D37" s="17">
        <v>7</v>
      </c>
    </row>
    <row r="38" spans="1:4" ht="18" customHeight="1" x14ac:dyDescent="0.2">
      <c r="A38" s="14">
        <v>27</v>
      </c>
      <c r="B38" s="15">
        <v>5</v>
      </c>
      <c r="C38" s="16">
        <v>8</v>
      </c>
      <c r="D38" s="17">
        <v>13</v>
      </c>
    </row>
    <row r="39" spans="1:4" ht="18" customHeight="1" x14ac:dyDescent="0.2">
      <c r="A39" s="14">
        <v>28</v>
      </c>
      <c r="B39" s="15">
        <v>8</v>
      </c>
      <c r="C39" s="16">
        <v>7</v>
      </c>
      <c r="D39" s="17">
        <v>15</v>
      </c>
    </row>
    <row r="40" spans="1:4" ht="18" customHeight="1" x14ac:dyDescent="0.2">
      <c r="A40" s="14">
        <v>29</v>
      </c>
      <c r="B40" s="15">
        <v>5</v>
      </c>
      <c r="C40" s="16">
        <v>6</v>
      </c>
      <c r="D40" s="17">
        <v>11</v>
      </c>
    </row>
    <row r="41" spans="1:4" ht="18" customHeight="1" x14ac:dyDescent="0.2">
      <c r="A41" s="18" t="s">
        <v>54</v>
      </c>
      <c r="B41" s="15">
        <v>29</v>
      </c>
      <c r="C41" s="16">
        <v>29</v>
      </c>
      <c r="D41" s="17">
        <v>58</v>
      </c>
    </row>
    <row r="42" spans="1:4" ht="18" customHeight="1" x14ac:dyDescent="0.2">
      <c r="A42" s="14">
        <v>30</v>
      </c>
      <c r="B42" s="15">
        <v>11</v>
      </c>
      <c r="C42" s="16">
        <v>10</v>
      </c>
      <c r="D42" s="17">
        <v>21</v>
      </c>
    </row>
    <row r="43" spans="1:4" ht="18" customHeight="1" x14ac:dyDescent="0.2">
      <c r="A43" s="14">
        <v>31</v>
      </c>
      <c r="B43" s="15">
        <v>5</v>
      </c>
      <c r="C43" s="16">
        <v>6</v>
      </c>
      <c r="D43" s="17">
        <v>11</v>
      </c>
    </row>
    <row r="44" spans="1:4" ht="18" customHeight="1" x14ac:dyDescent="0.2">
      <c r="A44" s="14">
        <v>32</v>
      </c>
      <c r="B44" s="15">
        <v>9</v>
      </c>
      <c r="C44" s="16">
        <v>4</v>
      </c>
      <c r="D44" s="17">
        <v>13</v>
      </c>
    </row>
    <row r="45" spans="1:4" ht="18" customHeight="1" x14ac:dyDescent="0.2">
      <c r="A45" s="14">
        <v>33</v>
      </c>
      <c r="B45" s="15">
        <v>13</v>
      </c>
      <c r="C45" s="16">
        <v>5</v>
      </c>
      <c r="D45" s="17">
        <v>18</v>
      </c>
    </row>
    <row r="46" spans="1:4" ht="18" customHeight="1" x14ac:dyDescent="0.2">
      <c r="A46" s="14">
        <v>34</v>
      </c>
      <c r="B46" s="15">
        <v>11</v>
      </c>
      <c r="C46" s="16">
        <v>10</v>
      </c>
      <c r="D46" s="17">
        <v>21</v>
      </c>
    </row>
    <row r="47" spans="1:4" ht="18" customHeight="1" x14ac:dyDescent="0.2">
      <c r="A47" s="18" t="s">
        <v>55</v>
      </c>
      <c r="B47" s="15">
        <v>49</v>
      </c>
      <c r="C47" s="16">
        <v>35</v>
      </c>
      <c r="D47" s="17">
        <v>84</v>
      </c>
    </row>
    <row r="48" spans="1:4" ht="18" customHeight="1" x14ac:dyDescent="0.2">
      <c r="A48" s="14">
        <v>35</v>
      </c>
      <c r="B48" s="15">
        <v>9</v>
      </c>
      <c r="C48" s="16">
        <v>11</v>
      </c>
      <c r="D48" s="17">
        <v>20</v>
      </c>
    </row>
    <row r="49" spans="1:4" ht="18" customHeight="1" x14ac:dyDescent="0.2">
      <c r="A49" s="14">
        <v>36</v>
      </c>
      <c r="B49" s="15">
        <v>12</v>
      </c>
      <c r="C49" s="16">
        <v>3</v>
      </c>
      <c r="D49" s="17">
        <v>15</v>
      </c>
    </row>
    <row r="50" spans="1:4" ht="18" customHeight="1" x14ac:dyDescent="0.2">
      <c r="A50" s="14">
        <v>37</v>
      </c>
      <c r="B50" s="15">
        <v>5</v>
      </c>
      <c r="C50" s="16">
        <v>5</v>
      </c>
      <c r="D50" s="17">
        <v>10</v>
      </c>
    </row>
    <row r="51" spans="1:4" ht="18" customHeight="1" x14ac:dyDescent="0.2">
      <c r="A51" s="14">
        <v>38</v>
      </c>
      <c r="B51" s="15">
        <v>11</v>
      </c>
      <c r="C51" s="16">
        <v>7</v>
      </c>
      <c r="D51" s="17">
        <v>18</v>
      </c>
    </row>
    <row r="52" spans="1:4" ht="18" customHeight="1" x14ac:dyDescent="0.2">
      <c r="A52" s="14">
        <v>39</v>
      </c>
      <c r="B52" s="15">
        <v>7</v>
      </c>
      <c r="C52" s="16">
        <v>8</v>
      </c>
      <c r="D52" s="17">
        <v>15</v>
      </c>
    </row>
    <row r="53" spans="1:4" ht="18" customHeight="1" x14ac:dyDescent="0.2">
      <c r="A53" s="18" t="s">
        <v>56</v>
      </c>
      <c r="B53" s="15">
        <v>44</v>
      </c>
      <c r="C53" s="16">
        <v>34</v>
      </c>
      <c r="D53" s="17">
        <v>78</v>
      </c>
    </row>
    <row r="54" spans="1:4" ht="18" customHeight="1" x14ac:dyDescent="0.2">
      <c r="A54" s="14">
        <v>40</v>
      </c>
      <c r="B54" s="15">
        <v>7</v>
      </c>
      <c r="C54" s="16">
        <v>6</v>
      </c>
      <c r="D54" s="17">
        <v>13</v>
      </c>
    </row>
    <row r="55" spans="1:4" ht="18" customHeight="1" x14ac:dyDescent="0.2">
      <c r="A55" s="14">
        <v>41</v>
      </c>
      <c r="B55" s="15">
        <v>18</v>
      </c>
      <c r="C55" s="16">
        <v>11</v>
      </c>
      <c r="D55" s="17">
        <v>29</v>
      </c>
    </row>
    <row r="56" spans="1:4" ht="18" customHeight="1" x14ac:dyDescent="0.2">
      <c r="A56" s="14">
        <v>42</v>
      </c>
      <c r="B56" s="15">
        <v>7</v>
      </c>
      <c r="C56" s="16">
        <v>14</v>
      </c>
      <c r="D56" s="17">
        <v>21</v>
      </c>
    </row>
    <row r="57" spans="1:4" ht="18" customHeight="1" x14ac:dyDescent="0.2">
      <c r="A57" s="14">
        <v>43</v>
      </c>
      <c r="B57" s="15">
        <v>12</v>
      </c>
      <c r="C57" s="16">
        <v>8</v>
      </c>
      <c r="D57" s="17">
        <v>20</v>
      </c>
    </row>
    <row r="58" spans="1:4" ht="18" customHeight="1" x14ac:dyDescent="0.2">
      <c r="A58" s="14">
        <v>44</v>
      </c>
      <c r="B58" s="15">
        <v>13</v>
      </c>
      <c r="C58" s="16">
        <v>8</v>
      </c>
      <c r="D58" s="17">
        <v>21</v>
      </c>
    </row>
    <row r="59" spans="1:4" ht="18" customHeight="1" x14ac:dyDescent="0.2">
      <c r="A59" s="18" t="s">
        <v>57</v>
      </c>
      <c r="B59" s="15">
        <v>57</v>
      </c>
      <c r="C59" s="16">
        <v>47</v>
      </c>
      <c r="D59" s="17">
        <v>104</v>
      </c>
    </row>
    <row r="60" spans="1:4" ht="18" customHeight="1" x14ac:dyDescent="0.2">
      <c r="A60" s="14">
        <v>45</v>
      </c>
      <c r="B60" s="15">
        <v>14</v>
      </c>
      <c r="C60" s="16">
        <v>13</v>
      </c>
      <c r="D60" s="17">
        <v>27</v>
      </c>
    </row>
    <row r="61" spans="1:4" ht="18" customHeight="1" x14ac:dyDescent="0.2">
      <c r="A61" s="14">
        <v>46</v>
      </c>
      <c r="B61" s="15">
        <v>18</v>
      </c>
      <c r="C61" s="16">
        <v>20</v>
      </c>
      <c r="D61" s="17">
        <v>38</v>
      </c>
    </row>
    <row r="62" spans="1:4" ht="18" customHeight="1" x14ac:dyDescent="0.2">
      <c r="A62" s="14">
        <v>47</v>
      </c>
      <c r="B62" s="15">
        <v>16</v>
      </c>
      <c r="C62" s="16">
        <v>13</v>
      </c>
      <c r="D62" s="17">
        <v>29</v>
      </c>
    </row>
    <row r="63" spans="1:4" ht="18" customHeight="1" x14ac:dyDescent="0.2">
      <c r="A63" s="14">
        <v>48</v>
      </c>
      <c r="B63" s="15">
        <v>12</v>
      </c>
      <c r="C63" s="16">
        <v>6</v>
      </c>
      <c r="D63" s="17">
        <v>18</v>
      </c>
    </row>
    <row r="64" spans="1:4" ht="18" customHeight="1" x14ac:dyDescent="0.2">
      <c r="A64" s="14">
        <v>49</v>
      </c>
      <c r="B64" s="15">
        <v>14</v>
      </c>
      <c r="C64" s="16">
        <v>18</v>
      </c>
      <c r="D64" s="17">
        <v>32</v>
      </c>
    </row>
    <row r="65" spans="1:4" ht="18" customHeight="1" x14ac:dyDescent="0.2">
      <c r="A65" s="18" t="s">
        <v>58</v>
      </c>
      <c r="B65" s="15">
        <v>74</v>
      </c>
      <c r="C65" s="16">
        <v>70</v>
      </c>
      <c r="D65" s="17">
        <v>144</v>
      </c>
    </row>
    <row r="66" spans="1:4" ht="18" customHeight="1" x14ac:dyDescent="0.2">
      <c r="A66" s="14">
        <v>50</v>
      </c>
      <c r="B66" s="15">
        <v>9</v>
      </c>
      <c r="C66" s="16">
        <v>9</v>
      </c>
      <c r="D66" s="17">
        <v>18</v>
      </c>
    </row>
    <row r="67" spans="1:4" ht="18" customHeight="1" x14ac:dyDescent="0.2">
      <c r="A67" s="14">
        <v>51</v>
      </c>
      <c r="B67" s="15">
        <v>14</v>
      </c>
      <c r="C67" s="16">
        <v>7</v>
      </c>
      <c r="D67" s="17">
        <v>21</v>
      </c>
    </row>
    <row r="68" spans="1:4" ht="18" customHeight="1" x14ac:dyDescent="0.2">
      <c r="A68" s="14">
        <v>52</v>
      </c>
      <c r="B68" s="15">
        <v>14</v>
      </c>
      <c r="C68" s="16">
        <v>7</v>
      </c>
      <c r="D68" s="17">
        <v>21</v>
      </c>
    </row>
    <row r="69" spans="1:4" ht="18" customHeight="1" x14ac:dyDescent="0.2">
      <c r="A69" s="14">
        <v>53</v>
      </c>
      <c r="B69" s="15">
        <v>9</v>
      </c>
      <c r="C69" s="16">
        <v>13</v>
      </c>
      <c r="D69" s="17">
        <v>22</v>
      </c>
    </row>
    <row r="70" spans="1:4" ht="18" customHeight="1" x14ac:dyDescent="0.2">
      <c r="A70" s="14">
        <v>54</v>
      </c>
      <c r="B70" s="15">
        <v>8</v>
      </c>
      <c r="C70" s="16">
        <v>13</v>
      </c>
      <c r="D70" s="17">
        <v>21</v>
      </c>
    </row>
    <row r="71" spans="1:4" ht="18" customHeight="1" x14ac:dyDescent="0.2">
      <c r="A71" s="18" t="s">
        <v>59</v>
      </c>
      <c r="B71" s="15">
        <v>54</v>
      </c>
      <c r="C71" s="16">
        <v>49</v>
      </c>
      <c r="D71" s="17">
        <v>103</v>
      </c>
    </row>
    <row r="72" spans="1:4" ht="18" customHeight="1" x14ac:dyDescent="0.2">
      <c r="A72" s="14">
        <v>55</v>
      </c>
      <c r="B72" s="15">
        <v>14</v>
      </c>
      <c r="C72" s="16">
        <v>12</v>
      </c>
      <c r="D72" s="17">
        <v>26</v>
      </c>
    </row>
    <row r="73" spans="1:4" ht="18" customHeight="1" x14ac:dyDescent="0.2">
      <c r="A73" s="14">
        <v>56</v>
      </c>
      <c r="B73" s="15">
        <v>4</v>
      </c>
      <c r="C73" s="16">
        <v>14</v>
      </c>
      <c r="D73" s="17">
        <v>18</v>
      </c>
    </row>
    <row r="74" spans="1:4" ht="18" customHeight="1" x14ac:dyDescent="0.2">
      <c r="A74" s="14">
        <v>57</v>
      </c>
      <c r="B74" s="15">
        <v>10</v>
      </c>
      <c r="C74" s="16">
        <v>11</v>
      </c>
      <c r="D74" s="17">
        <v>21</v>
      </c>
    </row>
    <row r="75" spans="1:4" ht="18" customHeight="1" x14ac:dyDescent="0.2">
      <c r="A75" s="14">
        <v>58</v>
      </c>
      <c r="B75" s="15">
        <v>9</v>
      </c>
      <c r="C75" s="16">
        <v>13</v>
      </c>
      <c r="D75" s="17">
        <v>22</v>
      </c>
    </row>
    <row r="76" spans="1:4" ht="18" customHeight="1" x14ac:dyDescent="0.2">
      <c r="A76" s="14">
        <v>59</v>
      </c>
      <c r="B76" s="15">
        <v>15</v>
      </c>
      <c r="C76" s="16">
        <v>10</v>
      </c>
      <c r="D76" s="17">
        <v>25</v>
      </c>
    </row>
    <row r="77" spans="1:4" ht="18" customHeight="1" x14ac:dyDescent="0.2">
      <c r="A77" s="18" t="s">
        <v>60</v>
      </c>
      <c r="B77" s="15">
        <v>52</v>
      </c>
      <c r="C77" s="16">
        <v>60</v>
      </c>
      <c r="D77" s="17">
        <v>112</v>
      </c>
    </row>
    <row r="78" spans="1:4" ht="18" customHeight="1" x14ac:dyDescent="0.2">
      <c r="A78" s="14">
        <v>60</v>
      </c>
      <c r="B78" s="15">
        <v>12</v>
      </c>
      <c r="C78" s="16">
        <v>13</v>
      </c>
      <c r="D78" s="17">
        <v>25</v>
      </c>
    </row>
    <row r="79" spans="1:4" ht="18" customHeight="1" x14ac:dyDescent="0.2">
      <c r="A79" s="14">
        <v>61</v>
      </c>
      <c r="B79" s="15">
        <v>16</v>
      </c>
      <c r="C79" s="16">
        <v>10</v>
      </c>
      <c r="D79" s="17">
        <v>26</v>
      </c>
    </row>
    <row r="80" spans="1:4" ht="18" customHeight="1" x14ac:dyDescent="0.2">
      <c r="A80" s="14">
        <v>62</v>
      </c>
      <c r="B80" s="15">
        <v>14</v>
      </c>
      <c r="C80" s="16">
        <v>17</v>
      </c>
      <c r="D80" s="17">
        <v>31</v>
      </c>
    </row>
    <row r="81" spans="1:4" ht="18" customHeight="1" x14ac:dyDescent="0.2">
      <c r="A81" s="14">
        <v>63</v>
      </c>
      <c r="B81" s="15">
        <v>8</v>
      </c>
      <c r="C81" s="16">
        <v>12</v>
      </c>
      <c r="D81" s="17">
        <v>20</v>
      </c>
    </row>
    <row r="82" spans="1:4" ht="18" customHeight="1" x14ac:dyDescent="0.2">
      <c r="A82" s="14">
        <v>64</v>
      </c>
      <c r="B82" s="15">
        <v>14</v>
      </c>
      <c r="C82" s="16">
        <v>10</v>
      </c>
      <c r="D82" s="17">
        <v>24</v>
      </c>
    </row>
    <row r="83" spans="1:4" ht="18" customHeight="1" x14ac:dyDescent="0.2">
      <c r="A83" s="18" t="s">
        <v>61</v>
      </c>
      <c r="B83" s="15">
        <v>64</v>
      </c>
      <c r="C83" s="16">
        <v>62</v>
      </c>
      <c r="D83" s="17">
        <v>126</v>
      </c>
    </row>
    <row r="84" spans="1:4" ht="18" customHeight="1" x14ac:dyDescent="0.2">
      <c r="A84" s="18" t="s">
        <v>62</v>
      </c>
      <c r="B84" s="15">
        <v>503</v>
      </c>
      <c r="C84" s="16">
        <v>442</v>
      </c>
      <c r="D84" s="17">
        <v>945</v>
      </c>
    </row>
    <row r="85" spans="1:4" ht="18" customHeight="1" x14ac:dyDescent="0.2">
      <c r="A85" s="14">
        <v>65</v>
      </c>
      <c r="B85" s="15">
        <v>14</v>
      </c>
      <c r="C85" s="16">
        <v>17</v>
      </c>
      <c r="D85" s="17">
        <v>31</v>
      </c>
    </row>
    <row r="86" spans="1:4" ht="18" customHeight="1" x14ac:dyDescent="0.2">
      <c r="A86" s="14">
        <v>66</v>
      </c>
      <c r="B86" s="15">
        <v>11</v>
      </c>
      <c r="C86" s="16">
        <v>12</v>
      </c>
      <c r="D86" s="17">
        <v>23</v>
      </c>
    </row>
    <row r="87" spans="1:4" ht="18" customHeight="1" x14ac:dyDescent="0.2">
      <c r="A87" s="14">
        <v>67</v>
      </c>
      <c r="B87" s="15">
        <v>15</v>
      </c>
      <c r="C87" s="16">
        <v>19</v>
      </c>
      <c r="D87" s="17">
        <v>34</v>
      </c>
    </row>
    <row r="88" spans="1:4" ht="18" customHeight="1" x14ac:dyDescent="0.2">
      <c r="A88" s="14">
        <v>68</v>
      </c>
      <c r="B88" s="15">
        <v>19</v>
      </c>
      <c r="C88" s="16">
        <v>18</v>
      </c>
      <c r="D88" s="17">
        <v>37</v>
      </c>
    </row>
    <row r="89" spans="1:4" ht="18" customHeight="1" x14ac:dyDescent="0.2">
      <c r="A89" s="14">
        <v>69</v>
      </c>
      <c r="B89" s="15">
        <v>24</v>
      </c>
      <c r="C89" s="16">
        <v>20</v>
      </c>
      <c r="D89" s="17">
        <v>44</v>
      </c>
    </row>
    <row r="90" spans="1:4" ht="18" customHeight="1" x14ac:dyDescent="0.2">
      <c r="A90" s="18" t="s">
        <v>63</v>
      </c>
      <c r="B90" s="15">
        <v>83</v>
      </c>
      <c r="C90" s="16">
        <v>86</v>
      </c>
      <c r="D90" s="17">
        <v>169</v>
      </c>
    </row>
    <row r="91" spans="1:4" ht="18" customHeight="1" x14ac:dyDescent="0.2">
      <c r="A91" s="14">
        <v>70</v>
      </c>
      <c r="B91" s="15">
        <v>20</v>
      </c>
      <c r="C91" s="16">
        <v>26</v>
      </c>
      <c r="D91" s="17">
        <v>46</v>
      </c>
    </row>
    <row r="92" spans="1:4" ht="18" customHeight="1" x14ac:dyDescent="0.2">
      <c r="A92" s="14">
        <v>71</v>
      </c>
      <c r="B92" s="15">
        <v>25</v>
      </c>
      <c r="C92" s="16">
        <v>26</v>
      </c>
      <c r="D92" s="17">
        <v>51</v>
      </c>
    </row>
    <row r="93" spans="1:4" ht="18" customHeight="1" x14ac:dyDescent="0.2">
      <c r="A93" s="14">
        <v>72</v>
      </c>
      <c r="B93" s="15">
        <v>20</v>
      </c>
      <c r="C93" s="16">
        <v>30</v>
      </c>
      <c r="D93" s="17">
        <v>50</v>
      </c>
    </row>
    <row r="94" spans="1:4" ht="18" customHeight="1" x14ac:dyDescent="0.2">
      <c r="A94" s="14">
        <v>73</v>
      </c>
      <c r="B94" s="15">
        <v>33</v>
      </c>
      <c r="C94" s="16">
        <v>37</v>
      </c>
      <c r="D94" s="17">
        <v>70</v>
      </c>
    </row>
    <row r="95" spans="1:4" ht="18" customHeight="1" x14ac:dyDescent="0.2">
      <c r="A95" s="14">
        <v>74</v>
      </c>
      <c r="B95" s="15">
        <v>12</v>
      </c>
      <c r="C95" s="16">
        <v>14</v>
      </c>
      <c r="D95" s="17">
        <v>26</v>
      </c>
    </row>
    <row r="96" spans="1:4" ht="18" customHeight="1" x14ac:dyDescent="0.2">
      <c r="A96" s="18" t="s">
        <v>64</v>
      </c>
      <c r="B96" s="15">
        <v>110</v>
      </c>
      <c r="C96" s="16">
        <v>133</v>
      </c>
      <c r="D96" s="17">
        <v>243</v>
      </c>
    </row>
    <row r="97" spans="1:4" ht="18" customHeight="1" x14ac:dyDescent="0.2">
      <c r="A97" s="14">
        <v>75</v>
      </c>
      <c r="B97" s="15">
        <v>10</v>
      </c>
      <c r="C97" s="16">
        <v>17</v>
      </c>
      <c r="D97" s="17">
        <v>27</v>
      </c>
    </row>
    <row r="98" spans="1:4" ht="18" customHeight="1" x14ac:dyDescent="0.2">
      <c r="A98" s="14">
        <v>76</v>
      </c>
      <c r="B98" s="15">
        <v>23</v>
      </c>
      <c r="C98" s="16">
        <v>15</v>
      </c>
      <c r="D98" s="17">
        <v>38</v>
      </c>
    </row>
    <row r="99" spans="1:4" ht="18" customHeight="1" x14ac:dyDescent="0.2">
      <c r="A99" s="14">
        <v>77</v>
      </c>
      <c r="B99" s="15">
        <v>14</v>
      </c>
      <c r="C99" s="16">
        <v>18</v>
      </c>
      <c r="D99" s="17">
        <v>32</v>
      </c>
    </row>
    <row r="100" spans="1:4" ht="18" customHeight="1" x14ac:dyDescent="0.2">
      <c r="A100" s="14">
        <v>78</v>
      </c>
      <c r="B100" s="15">
        <v>19</v>
      </c>
      <c r="C100" s="16">
        <v>12</v>
      </c>
      <c r="D100" s="17">
        <v>31</v>
      </c>
    </row>
    <row r="101" spans="1:4" ht="18" customHeight="1" x14ac:dyDescent="0.2">
      <c r="A101" s="14">
        <v>79</v>
      </c>
      <c r="B101" s="15">
        <v>9</v>
      </c>
      <c r="C101" s="16">
        <v>14</v>
      </c>
      <c r="D101" s="17">
        <v>23</v>
      </c>
    </row>
    <row r="102" spans="1:4" ht="18" customHeight="1" x14ac:dyDescent="0.2">
      <c r="A102" s="18" t="s">
        <v>65</v>
      </c>
      <c r="B102" s="15">
        <v>75</v>
      </c>
      <c r="C102" s="16">
        <v>76</v>
      </c>
      <c r="D102" s="17">
        <v>151</v>
      </c>
    </row>
    <row r="103" spans="1:4" ht="18" customHeight="1" x14ac:dyDescent="0.2">
      <c r="A103" s="14">
        <v>80</v>
      </c>
      <c r="B103" s="15">
        <v>14</v>
      </c>
      <c r="C103" s="16">
        <v>16</v>
      </c>
      <c r="D103" s="17">
        <v>30</v>
      </c>
    </row>
    <row r="104" spans="1:4" ht="18" customHeight="1" x14ac:dyDescent="0.2">
      <c r="A104" s="14">
        <v>81</v>
      </c>
      <c r="B104" s="15">
        <v>6</v>
      </c>
      <c r="C104" s="16">
        <v>11</v>
      </c>
      <c r="D104" s="17">
        <v>17</v>
      </c>
    </row>
    <row r="105" spans="1:4" ht="18" customHeight="1" x14ac:dyDescent="0.2">
      <c r="A105" s="14">
        <v>82</v>
      </c>
      <c r="B105" s="15">
        <v>7</v>
      </c>
      <c r="C105" s="16">
        <v>15</v>
      </c>
      <c r="D105" s="17">
        <v>22</v>
      </c>
    </row>
    <row r="106" spans="1:4" ht="18" customHeight="1" x14ac:dyDescent="0.2">
      <c r="A106" s="14">
        <v>83</v>
      </c>
      <c r="B106" s="15">
        <v>14</v>
      </c>
      <c r="C106" s="16">
        <v>19</v>
      </c>
      <c r="D106" s="17">
        <v>33</v>
      </c>
    </row>
    <row r="107" spans="1:4" ht="18" customHeight="1" x14ac:dyDescent="0.2">
      <c r="A107" s="14">
        <v>84</v>
      </c>
      <c r="B107" s="15">
        <v>6</v>
      </c>
      <c r="C107" s="16">
        <v>11</v>
      </c>
      <c r="D107" s="17">
        <v>17</v>
      </c>
    </row>
    <row r="108" spans="1:4" ht="18" customHeight="1" x14ac:dyDescent="0.2">
      <c r="A108" s="18" t="s">
        <v>66</v>
      </c>
      <c r="B108" s="15">
        <v>47</v>
      </c>
      <c r="C108" s="16">
        <v>72</v>
      </c>
      <c r="D108" s="17">
        <v>119</v>
      </c>
    </row>
    <row r="109" spans="1:4" ht="18" customHeight="1" x14ac:dyDescent="0.2">
      <c r="A109" s="14">
        <v>85</v>
      </c>
      <c r="B109" s="15">
        <v>4</v>
      </c>
      <c r="C109" s="16">
        <v>7</v>
      </c>
      <c r="D109" s="17">
        <v>11</v>
      </c>
    </row>
    <row r="110" spans="1:4" ht="18" customHeight="1" x14ac:dyDescent="0.2">
      <c r="A110" s="14">
        <v>86</v>
      </c>
      <c r="B110" s="15">
        <v>9</v>
      </c>
      <c r="C110" s="16">
        <v>10</v>
      </c>
      <c r="D110" s="17">
        <v>19</v>
      </c>
    </row>
    <row r="111" spans="1:4" ht="18" customHeight="1" x14ac:dyDescent="0.2">
      <c r="A111" s="14">
        <v>87</v>
      </c>
      <c r="B111" s="15">
        <v>3</v>
      </c>
      <c r="C111" s="16">
        <v>11</v>
      </c>
      <c r="D111" s="17">
        <v>14</v>
      </c>
    </row>
    <row r="112" spans="1:4" ht="18" customHeight="1" x14ac:dyDescent="0.2">
      <c r="A112" s="14">
        <v>88</v>
      </c>
      <c r="B112" s="15">
        <v>5</v>
      </c>
      <c r="C112" s="16">
        <v>8</v>
      </c>
      <c r="D112" s="17">
        <v>13</v>
      </c>
    </row>
    <row r="113" spans="1:4" ht="18" customHeight="1" x14ac:dyDescent="0.2">
      <c r="A113" s="14">
        <v>89</v>
      </c>
      <c r="B113" s="15">
        <v>4</v>
      </c>
      <c r="C113" s="16">
        <v>10</v>
      </c>
      <c r="D113" s="17">
        <v>14</v>
      </c>
    </row>
    <row r="114" spans="1:4" ht="18" customHeight="1" x14ac:dyDescent="0.2">
      <c r="A114" s="18" t="s">
        <v>67</v>
      </c>
      <c r="B114" s="15">
        <v>25</v>
      </c>
      <c r="C114" s="16">
        <v>46</v>
      </c>
      <c r="D114" s="17">
        <v>71</v>
      </c>
    </row>
    <row r="115" spans="1:4" ht="18" customHeight="1" x14ac:dyDescent="0.2">
      <c r="A115" s="14">
        <v>90</v>
      </c>
      <c r="B115" s="15">
        <v>3</v>
      </c>
      <c r="C115" s="16">
        <v>5</v>
      </c>
      <c r="D115" s="17">
        <v>8</v>
      </c>
    </row>
    <row r="116" spans="1:4" ht="18" customHeight="1" x14ac:dyDescent="0.2">
      <c r="A116" s="14">
        <v>91</v>
      </c>
      <c r="B116" s="15">
        <v>2</v>
      </c>
      <c r="C116" s="16">
        <v>2</v>
      </c>
      <c r="D116" s="17">
        <v>4</v>
      </c>
    </row>
    <row r="117" spans="1:4" ht="18" customHeight="1" x14ac:dyDescent="0.2">
      <c r="A117" s="14">
        <v>92</v>
      </c>
      <c r="B117" s="15">
        <v>4</v>
      </c>
      <c r="C117" s="16">
        <v>3</v>
      </c>
      <c r="D117" s="17">
        <v>7</v>
      </c>
    </row>
    <row r="118" spans="1:4" ht="18" customHeight="1" x14ac:dyDescent="0.2">
      <c r="A118" s="14">
        <v>93</v>
      </c>
      <c r="B118" s="15">
        <v>0</v>
      </c>
      <c r="C118" s="16">
        <v>9</v>
      </c>
      <c r="D118" s="17">
        <v>9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9</v>
      </c>
      <c r="C120" s="16">
        <v>22</v>
      </c>
      <c r="D120" s="17">
        <v>31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7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50</v>
      </c>
      <c r="C130" s="5">
        <v>444</v>
      </c>
      <c r="D130" s="6">
        <v>794</v>
      </c>
    </row>
    <row r="131" spans="1:4" ht="18" customHeight="1" x14ac:dyDescent="0.2">
      <c r="A131" s="20" t="s">
        <v>47</v>
      </c>
      <c r="B131" s="7">
        <v>939</v>
      </c>
      <c r="C131" s="8">
        <v>958</v>
      </c>
      <c r="D131" s="9">
        <v>189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5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6</v>
      </c>
      <c r="D5" s="13">
        <v>16</v>
      </c>
    </row>
    <row r="6" spans="1:4" ht="18" customHeight="1" x14ac:dyDescent="0.2">
      <c r="A6" s="14">
        <v>1</v>
      </c>
      <c r="B6" s="15">
        <v>6</v>
      </c>
      <c r="C6" s="16">
        <v>10</v>
      </c>
      <c r="D6" s="17">
        <v>16</v>
      </c>
    </row>
    <row r="7" spans="1:4" ht="18" customHeight="1" x14ac:dyDescent="0.2">
      <c r="A7" s="14">
        <v>2</v>
      </c>
      <c r="B7" s="15">
        <v>16</v>
      </c>
      <c r="C7" s="16">
        <v>7</v>
      </c>
      <c r="D7" s="17">
        <v>23</v>
      </c>
    </row>
    <row r="8" spans="1:4" ht="18" customHeight="1" x14ac:dyDescent="0.2">
      <c r="A8" s="14">
        <v>3</v>
      </c>
      <c r="B8" s="15">
        <v>9</v>
      </c>
      <c r="C8" s="16">
        <v>12</v>
      </c>
      <c r="D8" s="17">
        <v>21</v>
      </c>
    </row>
    <row r="9" spans="1:4" ht="18" customHeight="1" x14ac:dyDescent="0.2">
      <c r="A9" s="14">
        <v>4</v>
      </c>
      <c r="B9" s="15">
        <v>11</v>
      </c>
      <c r="C9" s="16">
        <v>11</v>
      </c>
      <c r="D9" s="17">
        <v>22</v>
      </c>
    </row>
    <row r="10" spans="1:4" ht="18" customHeight="1" x14ac:dyDescent="0.2">
      <c r="A10" s="18" t="s">
        <v>48</v>
      </c>
      <c r="B10" s="15">
        <v>52</v>
      </c>
      <c r="C10" s="16">
        <v>46</v>
      </c>
      <c r="D10" s="17">
        <v>98</v>
      </c>
    </row>
    <row r="11" spans="1:4" ht="18" customHeight="1" x14ac:dyDescent="0.2">
      <c r="A11" s="14">
        <v>5</v>
      </c>
      <c r="B11" s="15">
        <v>16</v>
      </c>
      <c r="C11" s="16">
        <v>8</v>
      </c>
      <c r="D11" s="17">
        <v>24</v>
      </c>
    </row>
    <row r="12" spans="1:4" ht="18" customHeight="1" x14ac:dyDescent="0.2">
      <c r="A12" s="14">
        <v>6</v>
      </c>
      <c r="B12" s="15">
        <v>11</v>
      </c>
      <c r="C12" s="16">
        <v>9</v>
      </c>
      <c r="D12" s="17">
        <v>20</v>
      </c>
    </row>
    <row r="13" spans="1:4" ht="18" customHeight="1" x14ac:dyDescent="0.2">
      <c r="A13" s="14">
        <v>7</v>
      </c>
      <c r="B13" s="15">
        <v>7</v>
      </c>
      <c r="C13" s="16">
        <v>11</v>
      </c>
      <c r="D13" s="17">
        <v>18</v>
      </c>
    </row>
    <row r="14" spans="1:4" ht="18" customHeight="1" x14ac:dyDescent="0.2">
      <c r="A14" s="14">
        <v>8</v>
      </c>
      <c r="B14" s="15">
        <v>14</v>
      </c>
      <c r="C14" s="16">
        <v>8</v>
      </c>
      <c r="D14" s="17">
        <v>22</v>
      </c>
    </row>
    <row r="15" spans="1:4" ht="18" customHeight="1" x14ac:dyDescent="0.2">
      <c r="A15" s="14">
        <v>9</v>
      </c>
      <c r="B15" s="15">
        <v>15</v>
      </c>
      <c r="C15" s="16">
        <v>10</v>
      </c>
      <c r="D15" s="17">
        <v>25</v>
      </c>
    </row>
    <row r="16" spans="1:4" ht="18" customHeight="1" x14ac:dyDescent="0.2">
      <c r="A16" s="18" t="s">
        <v>49</v>
      </c>
      <c r="B16" s="15">
        <v>63</v>
      </c>
      <c r="C16" s="16">
        <v>46</v>
      </c>
      <c r="D16" s="17">
        <v>109</v>
      </c>
    </row>
    <row r="17" spans="1:4" ht="18" customHeight="1" x14ac:dyDescent="0.2">
      <c r="A17" s="14">
        <v>10</v>
      </c>
      <c r="B17" s="15">
        <v>12</v>
      </c>
      <c r="C17" s="16">
        <v>11</v>
      </c>
      <c r="D17" s="17">
        <v>23</v>
      </c>
    </row>
    <row r="18" spans="1:4" ht="18" customHeight="1" x14ac:dyDescent="0.2">
      <c r="A18" s="14">
        <v>11</v>
      </c>
      <c r="B18" s="15">
        <v>8</v>
      </c>
      <c r="C18" s="16">
        <v>20</v>
      </c>
      <c r="D18" s="17">
        <v>28</v>
      </c>
    </row>
    <row r="19" spans="1:4" ht="18" customHeight="1" x14ac:dyDescent="0.2">
      <c r="A19" s="14">
        <v>12</v>
      </c>
      <c r="B19" s="15">
        <v>16</v>
      </c>
      <c r="C19" s="16">
        <v>14</v>
      </c>
      <c r="D19" s="17">
        <v>30</v>
      </c>
    </row>
    <row r="20" spans="1:4" ht="18" customHeight="1" x14ac:dyDescent="0.2">
      <c r="A20" s="14">
        <v>13</v>
      </c>
      <c r="B20" s="15">
        <v>15</v>
      </c>
      <c r="C20" s="16">
        <v>14</v>
      </c>
      <c r="D20" s="17">
        <v>29</v>
      </c>
    </row>
    <row r="21" spans="1:4" ht="18" customHeight="1" x14ac:dyDescent="0.2">
      <c r="A21" s="14">
        <v>14</v>
      </c>
      <c r="B21" s="15">
        <v>16</v>
      </c>
      <c r="C21" s="16">
        <v>13</v>
      </c>
      <c r="D21" s="17">
        <v>29</v>
      </c>
    </row>
    <row r="22" spans="1:4" ht="18" customHeight="1" x14ac:dyDescent="0.2">
      <c r="A22" s="18" t="s">
        <v>50</v>
      </c>
      <c r="B22" s="15">
        <v>67</v>
      </c>
      <c r="C22" s="16">
        <v>72</v>
      </c>
      <c r="D22" s="17">
        <v>139</v>
      </c>
    </row>
    <row r="23" spans="1:4" ht="18" customHeight="1" x14ac:dyDescent="0.2">
      <c r="A23" s="18" t="s">
        <v>51</v>
      </c>
      <c r="B23" s="15">
        <v>182</v>
      </c>
      <c r="C23" s="16">
        <v>164</v>
      </c>
      <c r="D23" s="17">
        <v>346</v>
      </c>
    </row>
    <row r="24" spans="1:4" ht="18" customHeight="1" x14ac:dyDescent="0.2">
      <c r="A24" s="14">
        <v>15</v>
      </c>
      <c r="B24" s="15">
        <v>16</v>
      </c>
      <c r="C24" s="16">
        <v>19</v>
      </c>
      <c r="D24" s="17">
        <v>35</v>
      </c>
    </row>
    <row r="25" spans="1:4" ht="18" customHeight="1" x14ac:dyDescent="0.2">
      <c r="A25" s="14">
        <v>16</v>
      </c>
      <c r="B25" s="15">
        <v>17</v>
      </c>
      <c r="C25" s="16">
        <v>15</v>
      </c>
      <c r="D25" s="17">
        <v>32</v>
      </c>
    </row>
    <row r="26" spans="1:4" ht="18" customHeight="1" x14ac:dyDescent="0.2">
      <c r="A26" s="14">
        <v>17</v>
      </c>
      <c r="B26" s="15">
        <v>14</v>
      </c>
      <c r="C26" s="16">
        <v>22</v>
      </c>
      <c r="D26" s="17">
        <v>36</v>
      </c>
    </row>
    <row r="27" spans="1:4" ht="18" customHeight="1" x14ac:dyDescent="0.2">
      <c r="A27" s="14">
        <v>18</v>
      </c>
      <c r="B27" s="15">
        <v>14</v>
      </c>
      <c r="C27" s="16">
        <v>20</v>
      </c>
      <c r="D27" s="17">
        <v>34</v>
      </c>
    </row>
    <row r="28" spans="1:4" ht="18" customHeight="1" x14ac:dyDescent="0.2">
      <c r="A28" s="14">
        <v>19</v>
      </c>
      <c r="B28" s="15">
        <v>16</v>
      </c>
      <c r="C28" s="16">
        <v>18</v>
      </c>
      <c r="D28" s="17">
        <v>34</v>
      </c>
    </row>
    <row r="29" spans="1:4" ht="18" customHeight="1" x14ac:dyDescent="0.2">
      <c r="A29" s="18" t="s">
        <v>52</v>
      </c>
      <c r="B29" s="15">
        <v>77</v>
      </c>
      <c r="C29" s="16">
        <v>94</v>
      </c>
      <c r="D29" s="17">
        <v>171</v>
      </c>
    </row>
    <row r="30" spans="1:4" ht="18" customHeight="1" x14ac:dyDescent="0.2">
      <c r="A30" s="14">
        <v>20</v>
      </c>
      <c r="B30" s="15">
        <v>24</v>
      </c>
      <c r="C30" s="16">
        <v>13</v>
      </c>
      <c r="D30" s="17">
        <v>37</v>
      </c>
    </row>
    <row r="31" spans="1:4" ht="18" customHeight="1" x14ac:dyDescent="0.2">
      <c r="A31" s="14">
        <v>21</v>
      </c>
      <c r="B31" s="15">
        <v>21</v>
      </c>
      <c r="C31" s="16">
        <v>17</v>
      </c>
      <c r="D31" s="17">
        <v>38</v>
      </c>
    </row>
    <row r="32" spans="1:4" ht="18" customHeight="1" x14ac:dyDescent="0.2">
      <c r="A32" s="14">
        <v>22</v>
      </c>
      <c r="B32" s="15">
        <v>18</v>
      </c>
      <c r="C32" s="16">
        <v>9</v>
      </c>
      <c r="D32" s="17">
        <v>27</v>
      </c>
    </row>
    <row r="33" spans="1:4" ht="18" customHeight="1" x14ac:dyDescent="0.2">
      <c r="A33" s="14">
        <v>23</v>
      </c>
      <c r="B33" s="15">
        <v>23</v>
      </c>
      <c r="C33" s="16">
        <v>9</v>
      </c>
      <c r="D33" s="17">
        <v>32</v>
      </c>
    </row>
    <row r="34" spans="1:4" ht="18" customHeight="1" x14ac:dyDescent="0.2">
      <c r="A34" s="14">
        <v>24</v>
      </c>
      <c r="B34" s="15">
        <v>12</v>
      </c>
      <c r="C34" s="16">
        <v>18</v>
      </c>
      <c r="D34" s="17">
        <v>30</v>
      </c>
    </row>
    <row r="35" spans="1:4" ht="18" customHeight="1" x14ac:dyDescent="0.2">
      <c r="A35" s="18" t="s">
        <v>53</v>
      </c>
      <c r="B35" s="15">
        <v>98</v>
      </c>
      <c r="C35" s="16">
        <v>66</v>
      </c>
      <c r="D35" s="17">
        <v>164</v>
      </c>
    </row>
    <row r="36" spans="1:4" ht="18" customHeight="1" x14ac:dyDescent="0.2">
      <c r="A36" s="14">
        <v>25</v>
      </c>
      <c r="B36" s="15">
        <v>15</v>
      </c>
      <c r="C36" s="16">
        <v>10</v>
      </c>
      <c r="D36" s="17">
        <v>25</v>
      </c>
    </row>
    <row r="37" spans="1:4" ht="18" customHeight="1" x14ac:dyDescent="0.2">
      <c r="A37" s="14">
        <v>26</v>
      </c>
      <c r="B37" s="15">
        <v>13</v>
      </c>
      <c r="C37" s="16">
        <v>17</v>
      </c>
      <c r="D37" s="17">
        <v>30</v>
      </c>
    </row>
    <row r="38" spans="1:4" ht="18" customHeight="1" x14ac:dyDescent="0.2">
      <c r="A38" s="14">
        <v>27</v>
      </c>
      <c r="B38" s="15">
        <v>16</v>
      </c>
      <c r="C38" s="16">
        <v>14</v>
      </c>
      <c r="D38" s="17">
        <v>30</v>
      </c>
    </row>
    <row r="39" spans="1:4" ht="18" customHeight="1" x14ac:dyDescent="0.2">
      <c r="A39" s="14">
        <v>28</v>
      </c>
      <c r="B39" s="15">
        <v>18</v>
      </c>
      <c r="C39" s="16">
        <v>22</v>
      </c>
      <c r="D39" s="17">
        <v>40</v>
      </c>
    </row>
    <row r="40" spans="1:4" ht="18" customHeight="1" x14ac:dyDescent="0.2">
      <c r="A40" s="14">
        <v>29</v>
      </c>
      <c r="B40" s="15">
        <v>13</v>
      </c>
      <c r="C40" s="16">
        <v>15</v>
      </c>
      <c r="D40" s="17">
        <v>28</v>
      </c>
    </row>
    <row r="41" spans="1:4" ht="18" customHeight="1" x14ac:dyDescent="0.2">
      <c r="A41" s="18" t="s">
        <v>54</v>
      </c>
      <c r="B41" s="15">
        <v>75</v>
      </c>
      <c r="C41" s="16">
        <v>78</v>
      </c>
      <c r="D41" s="17">
        <v>153</v>
      </c>
    </row>
    <row r="42" spans="1:4" ht="18" customHeight="1" x14ac:dyDescent="0.2">
      <c r="A42" s="14">
        <v>30</v>
      </c>
      <c r="B42" s="15">
        <v>14</v>
      </c>
      <c r="C42" s="16">
        <v>12</v>
      </c>
      <c r="D42" s="17">
        <v>26</v>
      </c>
    </row>
    <row r="43" spans="1:4" ht="18" customHeight="1" x14ac:dyDescent="0.2">
      <c r="A43" s="14">
        <v>31</v>
      </c>
      <c r="B43" s="15">
        <v>19</v>
      </c>
      <c r="C43" s="16">
        <v>16</v>
      </c>
      <c r="D43" s="17">
        <v>35</v>
      </c>
    </row>
    <row r="44" spans="1:4" ht="18" customHeight="1" x14ac:dyDescent="0.2">
      <c r="A44" s="14">
        <v>32</v>
      </c>
      <c r="B44" s="15">
        <v>21</v>
      </c>
      <c r="C44" s="16">
        <v>26</v>
      </c>
      <c r="D44" s="17">
        <v>47</v>
      </c>
    </row>
    <row r="45" spans="1:4" ht="18" customHeight="1" x14ac:dyDescent="0.2">
      <c r="A45" s="14">
        <v>33</v>
      </c>
      <c r="B45" s="15">
        <v>16</v>
      </c>
      <c r="C45" s="16">
        <v>16</v>
      </c>
      <c r="D45" s="17">
        <v>32</v>
      </c>
    </row>
    <row r="46" spans="1:4" ht="18" customHeight="1" x14ac:dyDescent="0.2">
      <c r="A46" s="14">
        <v>34</v>
      </c>
      <c r="B46" s="15">
        <v>24</v>
      </c>
      <c r="C46" s="16">
        <v>17</v>
      </c>
      <c r="D46" s="17">
        <v>41</v>
      </c>
    </row>
    <row r="47" spans="1:4" ht="18" customHeight="1" x14ac:dyDescent="0.2">
      <c r="A47" s="18" t="s">
        <v>55</v>
      </c>
      <c r="B47" s="15">
        <v>94</v>
      </c>
      <c r="C47" s="16">
        <v>87</v>
      </c>
      <c r="D47" s="17">
        <v>181</v>
      </c>
    </row>
    <row r="48" spans="1:4" ht="18" customHeight="1" x14ac:dyDescent="0.2">
      <c r="A48" s="14">
        <v>35</v>
      </c>
      <c r="B48" s="15">
        <v>20</v>
      </c>
      <c r="C48" s="16">
        <v>12</v>
      </c>
      <c r="D48" s="17">
        <v>32</v>
      </c>
    </row>
    <row r="49" spans="1:4" ht="18" customHeight="1" x14ac:dyDescent="0.2">
      <c r="A49" s="14">
        <v>36</v>
      </c>
      <c r="B49" s="15">
        <v>21</v>
      </c>
      <c r="C49" s="16">
        <v>18</v>
      </c>
      <c r="D49" s="17">
        <v>39</v>
      </c>
    </row>
    <row r="50" spans="1:4" ht="18" customHeight="1" x14ac:dyDescent="0.2">
      <c r="A50" s="14">
        <v>37</v>
      </c>
      <c r="B50" s="15">
        <v>20</v>
      </c>
      <c r="C50" s="16">
        <v>20</v>
      </c>
      <c r="D50" s="17">
        <v>40</v>
      </c>
    </row>
    <row r="51" spans="1:4" ht="18" customHeight="1" x14ac:dyDescent="0.2">
      <c r="A51" s="14">
        <v>38</v>
      </c>
      <c r="B51" s="15">
        <v>18</v>
      </c>
      <c r="C51" s="16">
        <v>17</v>
      </c>
      <c r="D51" s="17">
        <v>35</v>
      </c>
    </row>
    <row r="52" spans="1:4" ht="18" customHeight="1" x14ac:dyDescent="0.2">
      <c r="A52" s="14">
        <v>39</v>
      </c>
      <c r="B52" s="15">
        <v>29</v>
      </c>
      <c r="C52" s="16">
        <v>13</v>
      </c>
      <c r="D52" s="17">
        <v>42</v>
      </c>
    </row>
    <row r="53" spans="1:4" ht="18" customHeight="1" x14ac:dyDescent="0.2">
      <c r="A53" s="18" t="s">
        <v>56</v>
      </c>
      <c r="B53" s="15">
        <v>108</v>
      </c>
      <c r="C53" s="16">
        <v>80</v>
      </c>
      <c r="D53" s="17">
        <v>188</v>
      </c>
    </row>
    <row r="54" spans="1:4" ht="18" customHeight="1" x14ac:dyDescent="0.2">
      <c r="A54" s="14">
        <v>40</v>
      </c>
      <c r="B54" s="15">
        <v>29</v>
      </c>
      <c r="C54" s="16">
        <v>15</v>
      </c>
      <c r="D54" s="17">
        <v>44</v>
      </c>
    </row>
    <row r="55" spans="1:4" ht="18" customHeight="1" x14ac:dyDescent="0.2">
      <c r="A55" s="14">
        <v>41</v>
      </c>
      <c r="B55" s="15">
        <v>20</v>
      </c>
      <c r="C55" s="16">
        <v>12</v>
      </c>
      <c r="D55" s="17">
        <v>32</v>
      </c>
    </row>
    <row r="56" spans="1:4" ht="18" customHeight="1" x14ac:dyDescent="0.2">
      <c r="A56" s="14">
        <v>42</v>
      </c>
      <c r="B56" s="15">
        <v>31</v>
      </c>
      <c r="C56" s="16">
        <v>22</v>
      </c>
      <c r="D56" s="17">
        <v>53</v>
      </c>
    </row>
    <row r="57" spans="1:4" ht="18" customHeight="1" x14ac:dyDescent="0.2">
      <c r="A57" s="14">
        <v>43</v>
      </c>
      <c r="B57" s="15">
        <v>26</v>
      </c>
      <c r="C57" s="16">
        <v>25</v>
      </c>
      <c r="D57" s="17">
        <v>51</v>
      </c>
    </row>
    <row r="58" spans="1:4" ht="18" customHeight="1" x14ac:dyDescent="0.2">
      <c r="A58" s="14">
        <v>44</v>
      </c>
      <c r="B58" s="15">
        <v>30</v>
      </c>
      <c r="C58" s="16">
        <v>25</v>
      </c>
      <c r="D58" s="17">
        <v>55</v>
      </c>
    </row>
    <row r="59" spans="1:4" ht="18" customHeight="1" x14ac:dyDescent="0.2">
      <c r="A59" s="18" t="s">
        <v>57</v>
      </c>
      <c r="B59" s="15">
        <v>136</v>
      </c>
      <c r="C59" s="16">
        <v>99</v>
      </c>
      <c r="D59" s="17">
        <v>235</v>
      </c>
    </row>
    <row r="60" spans="1:4" ht="18" customHeight="1" x14ac:dyDescent="0.2">
      <c r="A60" s="14">
        <v>45</v>
      </c>
      <c r="B60" s="15">
        <v>41</v>
      </c>
      <c r="C60" s="16">
        <v>19</v>
      </c>
      <c r="D60" s="17">
        <v>60</v>
      </c>
    </row>
    <row r="61" spans="1:4" ht="18" customHeight="1" x14ac:dyDescent="0.2">
      <c r="A61" s="14">
        <v>46</v>
      </c>
      <c r="B61" s="15">
        <v>34</v>
      </c>
      <c r="C61" s="16">
        <v>28</v>
      </c>
      <c r="D61" s="17">
        <v>62</v>
      </c>
    </row>
    <row r="62" spans="1:4" ht="18" customHeight="1" x14ac:dyDescent="0.2">
      <c r="A62" s="14">
        <v>47</v>
      </c>
      <c r="B62" s="15">
        <v>33</v>
      </c>
      <c r="C62" s="16">
        <v>27</v>
      </c>
      <c r="D62" s="17">
        <v>60</v>
      </c>
    </row>
    <row r="63" spans="1:4" ht="18" customHeight="1" x14ac:dyDescent="0.2">
      <c r="A63" s="14">
        <v>48</v>
      </c>
      <c r="B63" s="15">
        <v>20</v>
      </c>
      <c r="C63" s="16">
        <v>15</v>
      </c>
      <c r="D63" s="17">
        <v>35</v>
      </c>
    </row>
    <row r="64" spans="1:4" ht="18" customHeight="1" x14ac:dyDescent="0.2">
      <c r="A64" s="14">
        <v>49</v>
      </c>
      <c r="B64" s="15">
        <v>36</v>
      </c>
      <c r="C64" s="16">
        <v>32</v>
      </c>
      <c r="D64" s="17">
        <v>68</v>
      </c>
    </row>
    <row r="65" spans="1:4" ht="18" customHeight="1" x14ac:dyDescent="0.2">
      <c r="A65" s="18" t="s">
        <v>58</v>
      </c>
      <c r="B65" s="15">
        <v>164</v>
      </c>
      <c r="C65" s="16">
        <v>121</v>
      </c>
      <c r="D65" s="17">
        <v>285</v>
      </c>
    </row>
    <row r="66" spans="1:4" ht="18" customHeight="1" x14ac:dyDescent="0.2">
      <c r="A66" s="14">
        <v>50</v>
      </c>
      <c r="B66" s="15">
        <v>30</v>
      </c>
      <c r="C66" s="16">
        <v>23</v>
      </c>
      <c r="D66" s="17">
        <v>53</v>
      </c>
    </row>
    <row r="67" spans="1:4" ht="18" customHeight="1" x14ac:dyDescent="0.2">
      <c r="A67" s="14">
        <v>51</v>
      </c>
      <c r="B67" s="15">
        <v>23</v>
      </c>
      <c r="C67" s="16">
        <v>17</v>
      </c>
      <c r="D67" s="17">
        <v>40</v>
      </c>
    </row>
    <row r="68" spans="1:4" ht="18" customHeight="1" x14ac:dyDescent="0.2">
      <c r="A68" s="14">
        <v>52</v>
      </c>
      <c r="B68" s="15">
        <v>19</v>
      </c>
      <c r="C68" s="16">
        <v>23</v>
      </c>
      <c r="D68" s="17">
        <v>42</v>
      </c>
    </row>
    <row r="69" spans="1:4" ht="18" customHeight="1" x14ac:dyDescent="0.2">
      <c r="A69" s="14">
        <v>53</v>
      </c>
      <c r="B69" s="15">
        <v>26</v>
      </c>
      <c r="C69" s="16">
        <v>22</v>
      </c>
      <c r="D69" s="17">
        <v>48</v>
      </c>
    </row>
    <row r="70" spans="1:4" ht="18" customHeight="1" x14ac:dyDescent="0.2">
      <c r="A70" s="14">
        <v>54</v>
      </c>
      <c r="B70" s="15">
        <v>17</v>
      </c>
      <c r="C70" s="16">
        <v>17</v>
      </c>
      <c r="D70" s="17">
        <v>34</v>
      </c>
    </row>
    <row r="71" spans="1:4" ht="18" customHeight="1" x14ac:dyDescent="0.2">
      <c r="A71" s="18" t="s">
        <v>59</v>
      </c>
      <c r="B71" s="15">
        <v>115</v>
      </c>
      <c r="C71" s="16">
        <v>102</v>
      </c>
      <c r="D71" s="17">
        <v>217</v>
      </c>
    </row>
    <row r="72" spans="1:4" ht="18" customHeight="1" x14ac:dyDescent="0.2">
      <c r="A72" s="14">
        <v>55</v>
      </c>
      <c r="B72" s="15">
        <v>26</v>
      </c>
      <c r="C72" s="16">
        <v>23</v>
      </c>
      <c r="D72" s="17">
        <v>49</v>
      </c>
    </row>
    <row r="73" spans="1:4" ht="18" customHeight="1" x14ac:dyDescent="0.2">
      <c r="A73" s="14">
        <v>56</v>
      </c>
      <c r="B73" s="15">
        <v>25</v>
      </c>
      <c r="C73" s="16">
        <v>16</v>
      </c>
      <c r="D73" s="17">
        <v>41</v>
      </c>
    </row>
    <row r="74" spans="1:4" ht="18" customHeight="1" x14ac:dyDescent="0.2">
      <c r="A74" s="14">
        <v>57</v>
      </c>
      <c r="B74" s="15">
        <v>23</v>
      </c>
      <c r="C74" s="16">
        <v>26</v>
      </c>
      <c r="D74" s="17">
        <v>49</v>
      </c>
    </row>
    <row r="75" spans="1:4" ht="18" customHeight="1" x14ac:dyDescent="0.2">
      <c r="A75" s="14">
        <v>58</v>
      </c>
      <c r="B75" s="15">
        <v>27</v>
      </c>
      <c r="C75" s="16">
        <v>26</v>
      </c>
      <c r="D75" s="17">
        <v>53</v>
      </c>
    </row>
    <row r="76" spans="1:4" ht="18" customHeight="1" x14ac:dyDescent="0.2">
      <c r="A76" s="14">
        <v>59</v>
      </c>
      <c r="B76" s="15">
        <v>20</v>
      </c>
      <c r="C76" s="16">
        <v>24</v>
      </c>
      <c r="D76" s="17">
        <v>44</v>
      </c>
    </row>
    <row r="77" spans="1:4" ht="18" customHeight="1" x14ac:dyDescent="0.2">
      <c r="A77" s="18" t="s">
        <v>60</v>
      </c>
      <c r="B77" s="15">
        <v>121</v>
      </c>
      <c r="C77" s="16">
        <v>115</v>
      </c>
      <c r="D77" s="17">
        <v>236</v>
      </c>
    </row>
    <row r="78" spans="1:4" ht="18" customHeight="1" x14ac:dyDescent="0.2">
      <c r="A78" s="14">
        <v>60</v>
      </c>
      <c r="B78" s="15">
        <v>25</v>
      </c>
      <c r="C78" s="16">
        <v>20</v>
      </c>
      <c r="D78" s="17">
        <v>45</v>
      </c>
    </row>
    <row r="79" spans="1:4" ht="18" customHeight="1" x14ac:dyDescent="0.2">
      <c r="A79" s="14">
        <v>61</v>
      </c>
      <c r="B79" s="15">
        <v>29</v>
      </c>
      <c r="C79" s="16">
        <v>35</v>
      </c>
      <c r="D79" s="17">
        <v>64</v>
      </c>
    </row>
    <row r="80" spans="1:4" ht="18" customHeight="1" x14ac:dyDescent="0.2">
      <c r="A80" s="14">
        <v>62</v>
      </c>
      <c r="B80" s="15">
        <v>18</v>
      </c>
      <c r="C80" s="16">
        <v>22</v>
      </c>
      <c r="D80" s="17">
        <v>40</v>
      </c>
    </row>
    <row r="81" spans="1:4" ht="18" customHeight="1" x14ac:dyDescent="0.2">
      <c r="A81" s="14">
        <v>63</v>
      </c>
      <c r="B81" s="15">
        <v>24</v>
      </c>
      <c r="C81" s="16">
        <v>34</v>
      </c>
      <c r="D81" s="17">
        <v>58</v>
      </c>
    </row>
    <row r="82" spans="1:4" ht="18" customHeight="1" x14ac:dyDescent="0.2">
      <c r="A82" s="14">
        <v>64</v>
      </c>
      <c r="B82" s="15">
        <v>29</v>
      </c>
      <c r="C82" s="16">
        <v>34</v>
      </c>
      <c r="D82" s="17">
        <v>63</v>
      </c>
    </row>
    <row r="83" spans="1:4" ht="18" customHeight="1" x14ac:dyDescent="0.2">
      <c r="A83" s="18" t="s">
        <v>61</v>
      </c>
      <c r="B83" s="15">
        <v>125</v>
      </c>
      <c r="C83" s="16">
        <v>145</v>
      </c>
      <c r="D83" s="17">
        <v>270</v>
      </c>
    </row>
    <row r="84" spans="1:4" ht="18" customHeight="1" x14ac:dyDescent="0.2">
      <c r="A84" s="18" t="s">
        <v>62</v>
      </c>
      <c r="B84" s="15">
        <v>1113</v>
      </c>
      <c r="C84" s="16">
        <v>987</v>
      </c>
      <c r="D84" s="17">
        <v>2100</v>
      </c>
    </row>
    <row r="85" spans="1:4" ht="18" customHeight="1" x14ac:dyDescent="0.2">
      <c r="A85" s="14">
        <v>65</v>
      </c>
      <c r="B85" s="15">
        <v>34</v>
      </c>
      <c r="C85" s="16">
        <v>35</v>
      </c>
      <c r="D85" s="17">
        <v>69</v>
      </c>
    </row>
    <row r="86" spans="1:4" ht="18" customHeight="1" x14ac:dyDescent="0.2">
      <c r="A86" s="14">
        <v>66</v>
      </c>
      <c r="B86" s="15">
        <v>30</v>
      </c>
      <c r="C86" s="16">
        <v>27</v>
      </c>
      <c r="D86" s="17">
        <v>57</v>
      </c>
    </row>
    <row r="87" spans="1:4" ht="18" customHeight="1" x14ac:dyDescent="0.2">
      <c r="A87" s="14">
        <v>67</v>
      </c>
      <c r="B87" s="15">
        <v>30</v>
      </c>
      <c r="C87" s="16">
        <v>35</v>
      </c>
      <c r="D87" s="17">
        <v>65</v>
      </c>
    </row>
    <row r="88" spans="1:4" ht="18" customHeight="1" x14ac:dyDescent="0.2">
      <c r="A88" s="14">
        <v>68</v>
      </c>
      <c r="B88" s="15">
        <v>38</v>
      </c>
      <c r="C88" s="16">
        <v>32</v>
      </c>
      <c r="D88" s="17">
        <v>70</v>
      </c>
    </row>
    <row r="89" spans="1:4" ht="18" customHeight="1" x14ac:dyDescent="0.2">
      <c r="A89" s="14">
        <v>69</v>
      </c>
      <c r="B89" s="15">
        <v>35</v>
      </c>
      <c r="C89" s="16">
        <v>30</v>
      </c>
      <c r="D89" s="17">
        <v>65</v>
      </c>
    </row>
    <row r="90" spans="1:4" ht="18" customHeight="1" x14ac:dyDescent="0.2">
      <c r="A90" s="18" t="s">
        <v>63</v>
      </c>
      <c r="B90" s="15">
        <v>167</v>
      </c>
      <c r="C90" s="16">
        <v>159</v>
      </c>
      <c r="D90" s="17">
        <v>326</v>
      </c>
    </row>
    <row r="91" spans="1:4" ht="18" customHeight="1" x14ac:dyDescent="0.2">
      <c r="A91" s="14">
        <v>70</v>
      </c>
      <c r="B91" s="15">
        <v>51</v>
      </c>
      <c r="C91" s="16">
        <v>50</v>
      </c>
      <c r="D91" s="17">
        <v>101</v>
      </c>
    </row>
    <row r="92" spans="1:4" ht="18" customHeight="1" x14ac:dyDescent="0.2">
      <c r="A92" s="14">
        <v>71</v>
      </c>
      <c r="B92" s="15">
        <v>52</v>
      </c>
      <c r="C92" s="16">
        <v>62</v>
      </c>
      <c r="D92" s="17">
        <v>114</v>
      </c>
    </row>
    <row r="93" spans="1:4" ht="18" customHeight="1" x14ac:dyDescent="0.2">
      <c r="A93" s="14">
        <v>72</v>
      </c>
      <c r="B93" s="15">
        <v>46</v>
      </c>
      <c r="C93" s="16">
        <v>43</v>
      </c>
      <c r="D93" s="17">
        <v>89</v>
      </c>
    </row>
    <row r="94" spans="1:4" ht="18" customHeight="1" x14ac:dyDescent="0.2">
      <c r="A94" s="14">
        <v>73</v>
      </c>
      <c r="B94" s="15">
        <v>48</v>
      </c>
      <c r="C94" s="16">
        <v>52</v>
      </c>
      <c r="D94" s="17">
        <v>100</v>
      </c>
    </row>
    <row r="95" spans="1:4" ht="18" customHeight="1" x14ac:dyDescent="0.2">
      <c r="A95" s="14">
        <v>74</v>
      </c>
      <c r="B95" s="15">
        <v>23</v>
      </c>
      <c r="C95" s="16">
        <v>18</v>
      </c>
      <c r="D95" s="17">
        <v>41</v>
      </c>
    </row>
    <row r="96" spans="1:4" ht="18" customHeight="1" x14ac:dyDescent="0.2">
      <c r="A96" s="18" t="s">
        <v>64</v>
      </c>
      <c r="B96" s="15">
        <v>220</v>
      </c>
      <c r="C96" s="16">
        <v>225</v>
      </c>
      <c r="D96" s="17">
        <v>445</v>
      </c>
    </row>
    <row r="97" spans="1:4" ht="18" customHeight="1" x14ac:dyDescent="0.2">
      <c r="A97" s="14">
        <v>75</v>
      </c>
      <c r="B97" s="15">
        <v>23</v>
      </c>
      <c r="C97" s="16">
        <v>21</v>
      </c>
      <c r="D97" s="17">
        <v>44</v>
      </c>
    </row>
    <row r="98" spans="1:4" ht="18" customHeight="1" x14ac:dyDescent="0.2">
      <c r="A98" s="14">
        <v>76</v>
      </c>
      <c r="B98" s="15">
        <v>30</v>
      </c>
      <c r="C98" s="16">
        <v>32</v>
      </c>
      <c r="D98" s="17">
        <v>62</v>
      </c>
    </row>
    <row r="99" spans="1:4" ht="18" customHeight="1" x14ac:dyDescent="0.2">
      <c r="A99" s="14">
        <v>77</v>
      </c>
      <c r="B99" s="15">
        <v>24</v>
      </c>
      <c r="C99" s="16">
        <v>32</v>
      </c>
      <c r="D99" s="17">
        <v>56</v>
      </c>
    </row>
    <row r="100" spans="1:4" ht="18" customHeight="1" x14ac:dyDescent="0.2">
      <c r="A100" s="14">
        <v>78</v>
      </c>
      <c r="B100" s="15">
        <v>28</v>
      </c>
      <c r="C100" s="16">
        <v>37</v>
      </c>
      <c r="D100" s="17">
        <v>65</v>
      </c>
    </row>
    <row r="101" spans="1:4" ht="18" customHeight="1" x14ac:dyDescent="0.2">
      <c r="A101" s="14">
        <v>79</v>
      </c>
      <c r="B101" s="15">
        <v>26</v>
      </c>
      <c r="C101" s="16">
        <v>41</v>
      </c>
      <c r="D101" s="17">
        <v>67</v>
      </c>
    </row>
    <row r="102" spans="1:4" ht="18" customHeight="1" x14ac:dyDescent="0.2">
      <c r="A102" s="18" t="s">
        <v>65</v>
      </c>
      <c r="B102" s="15">
        <v>131</v>
      </c>
      <c r="C102" s="16">
        <v>163</v>
      </c>
      <c r="D102" s="17">
        <v>294</v>
      </c>
    </row>
    <row r="103" spans="1:4" ht="18" customHeight="1" x14ac:dyDescent="0.2">
      <c r="A103" s="14">
        <v>80</v>
      </c>
      <c r="B103" s="15">
        <v>22</v>
      </c>
      <c r="C103" s="16">
        <v>27</v>
      </c>
      <c r="D103" s="17">
        <v>49</v>
      </c>
    </row>
    <row r="104" spans="1:4" ht="18" customHeight="1" x14ac:dyDescent="0.2">
      <c r="A104" s="14">
        <v>81</v>
      </c>
      <c r="B104" s="15">
        <v>15</v>
      </c>
      <c r="C104" s="16">
        <v>20</v>
      </c>
      <c r="D104" s="17">
        <v>35</v>
      </c>
    </row>
    <row r="105" spans="1:4" ht="18" customHeight="1" x14ac:dyDescent="0.2">
      <c r="A105" s="14">
        <v>82</v>
      </c>
      <c r="B105" s="15">
        <v>20</v>
      </c>
      <c r="C105" s="16">
        <v>32</v>
      </c>
      <c r="D105" s="17">
        <v>52</v>
      </c>
    </row>
    <row r="106" spans="1:4" ht="18" customHeight="1" x14ac:dyDescent="0.2">
      <c r="A106" s="14">
        <v>83</v>
      </c>
      <c r="B106" s="15">
        <v>13</v>
      </c>
      <c r="C106" s="16">
        <v>20</v>
      </c>
      <c r="D106" s="17">
        <v>33</v>
      </c>
    </row>
    <row r="107" spans="1:4" ht="18" customHeight="1" x14ac:dyDescent="0.2">
      <c r="A107" s="14">
        <v>84</v>
      </c>
      <c r="B107" s="15">
        <v>12</v>
      </c>
      <c r="C107" s="16">
        <v>21</v>
      </c>
      <c r="D107" s="17">
        <v>33</v>
      </c>
    </row>
    <row r="108" spans="1:4" ht="18" customHeight="1" x14ac:dyDescent="0.2">
      <c r="A108" s="18" t="s">
        <v>66</v>
      </c>
      <c r="B108" s="15">
        <v>82</v>
      </c>
      <c r="C108" s="16">
        <v>120</v>
      </c>
      <c r="D108" s="17">
        <v>202</v>
      </c>
    </row>
    <row r="109" spans="1:4" ht="18" customHeight="1" x14ac:dyDescent="0.2">
      <c r="A109" s="14">
        <v>85</v>
      </c>
      <c r="B109" s="15">
        <v>15</v>
      </c>
      <c r="C109" s="16">
        <v>17</v>
      </c>
      <c r="D109" s="17">
        <v>32</v>
      </c>
    </row>
    <row r="110" spans="1:4" ht="18" customHeight="1" x14ac:dyDescent="0.2">
      <c r="A110" s="14">
        <v>86</v>
      </c>
      <c r="B110" s="15">
        <v>12</v>
      </c>
      <c r="C110" s="16">
        <v>19</v>
      </c>
      <c r="D110" s="17">
        <v>31</v>
      </c>
    </row>
    <row r="111" spans="1:4" ht="18" customHeight="1" x14ac:dyDescent="0.2">
      <c r="A111" s="14">
        <v>87</v>
      </c>
      <c r="B111" s="15">
        <v>8</v>
      </c>
      <c r="C111" s="16">
        <v>20</v>
      </c>
      <c r="D111" s="17">
        <v>28</v>
      </c>
    </row>
    <row r="112" spans="1:4" ht="18" customHeight="1" x14ac:dyDescent="0.2">
      <c r="A112" s="14">
        <v>88</v>
      </c>
      <c r="B112" s="15">
        <v>5</v>
      </c>
      <c r="C112" s="16">
        <v>21</v>
      </c>
      <c r="D112" s="17">
        <v>26</v>
      </c>
    </row>
    <row r="113" spans="1:4" ht="18" customHeight="1" x14ac:dyDescent="0.2">
      <c r="A113" s="14">
        <v>89</v>
      </c>
      <c r="B113" s="15">
        <v>3</v>
      </c>
      <c r="C113" s="16">
        <v>22</v>
      </c>
      <c r="D113" s="17">
        <v>25</v>
      </c>
    </row>
    <row r="114" spans="1:4" ht="18" customHeight="1" x14ac:dyDescent="0.2">
      <c r="A114" s="18" t="s">
        <v>67</v>
      </c>
      <c r="B114" s="15">
        <v>43</v>
      </c>
      <c r="C114" s="16">
        <v>99</v>
      </c>
      <c r="D114" s="17">
        <v>142</v>
      </c>
    </row>
    <row r="115" spans="1:4" ht="18" customHeight="1" x14ac:dyDescent="0.2">
      <c r="A115" s="14">
        <v>90</v>
      </c>
      <c r="B115" s="15">
        <v>3</v>
      </c>
      <c r="C115" s="16">
        <v>17</v>
      </c>
      <c r="D115" s="17">
        <v>20</v>
      </c>
    </row>
    <row r="116" spans="1:4" ht="18" customHeight="1" x14ac:dyDescent="0.2">
      <c r="A116" s="14">
        <v>91</v>
      </c>
      <c r="B116" s="15">
        <v>6</v>
      </c>
      <c r="C116" s="16">
        <v>12</v>
      </c>
      <c r="D116" s="17">
        <v>18</v>
      </c>
    </row>
    <row r="117" spans="1:4" ht="18" customHeight="1" x14ac:dyDescent="0.2">
      <c r="A117" s="14">
        <v>92</v>
      </c>
      <c r="B117" s="15">
        <v>4</v>
      </c>
      <c r="C117" s="16">
        <v>9</v>
      </c>
      <c r="D117" s="17">
        <v>13</v>
      </c>
    </row>
    <row r="118" spans="1:4" ht="18" customHeight="1" x14ac:dyDescent="0.2">
      <c r="A118" s="14">
        <v>93</v>
      </c>
      <c r="B118" s="15">
        <v>3</v>
      </c>
      <c r="C118" s="16">
        <v>8</v>
      </c>
      <c r="D118" s="17">
        <v>11</v>
      </c>
    </row>
    <row r="119" spans="1:4" ht="18" customHeight="1" x14ac:dyDescent="0.2">
      <c r="A119" s="14">
        <v>94</v>
      </c>
      <c r="B119" s="15">
        <v>3</v>
      </c>
      <c r="C119" s="16">
        <v>5</v>
      </c>
      <c r="D119" s="17">
        <v>8</v>
      </c>
    </row>
    <row r="120" spans="1:4" ht="18" customHeight="1" x14ac:dyDescent="0.2">
      <c r="A120" s="18" t="s">
        <v>68</v>
      </c>
      <c r="B120" s="15">
        <v>19</v>
      </c>
      <c r="C120" s="16">
        <v>51</v>
      </c>
      <c r="D120" s="17">
        <v>70</v>
      </c>
    </row>
    <row r="121" spans="1:4" ht="18" customHeight="1" x14ac:dyDescent="0.2">
      <c r="A121" s="14">
        <v>95</v>
      </c>
      <c r="B121" s="15">
        <v>2</v>
      </c>
      <c r="C121" s="16">
        <v>10</v>
      </c>
      <c r="D121" s="17">
        <v>12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5</v>
      </c>
      <c r="C126" s="16">
        <v>24</v>
      </c>
      <c r="D126" s="17">
        <v>2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667</v>
      </c>
      <c r="C130" s="5">
        <v>842</v>
      </c>
      <c r="D130" s="6">
        <v>1509</v>
      </c>
    </row>
    <row r="131" spans="1:4" ht="18" customHeight="1" x14ac:dyDescent="0.2">
      <c r="A131" s="20" t="s">
        <v>47</v>
      </c>
      <c r="B131" s="7">
        <v>1962</v>
      </c>
      <c r="C131" s="8">
        <v>1993</v>
      </c>
      <c r="D131" s="9">
        <v>395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5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2</v>
      </c>
      <c r="D5" s="13">
        <v>6</v>
      </c>
    </row>
    <row r="6" spans="1:4" ht="18" customHeight="1" x14ac:dyDescent="0.2">
      <c r="A6" s="14">
        <v>1</v>
      </c>
      <c r="B6" s="15">
        <v>3</v>
      </c>
      <c r="C6" s="16">
        <v>6</v>
      </c>
      <c r="D6" s="17">
        <v>9</v>
      </c>
    </row>
    <row r="7" spans="1:4" ht="18" customHeight="1" x14ac:dyDescent="0.2">
      <c r="A7" s="14">
        <v>2</v>
      </c>
      <c r="B7" s="15">
        <v>3</v>
      </c>
      <c r="C7" s="16">
        <v>5</v>
      </c>
      <c r="D7" s="17">
        <v>8</v>
      </c>
    </row>
    <row r="8" spans="1:4" ht="18" customHeight="1" x14ac:dyDescent="0.2">
      <c r="A8" s="14">
        <v>3</v>
      </c>
      <c r="B8" s="15">
        <v>5</v>
      </c>
      <c r="C8" s="16">
        <v>5</v>
      </c>
      <c r="D8" s="17">
        <v>10</v>
      </c>
    </row>
    <row r="9" spans="1:4" ht="18" customHeight="1" x14ac:dyDescent="0.2">
      <c r="A9" s="14">
        <v>4</v>
      </c>
      <c r="B9" s="15">
        <v>3</v>
      </c>
      <c r="C9" s="16">
        <v>8</v>
      </c>
      <c r="D9" s="17">
        <v>11</v>
      </c>
    </row>
    <row r="10" spans="1:4" ht="18" customHeight="1" x14ac:dyDescent="0.2">
      <c r="A10" s="18" t="s">
        <v>48</v>
      </c>
      <c r="B10" s="15">
        <v>18</v>
      </c>
      <c r="C10" s="16">
        <v>26</v>
      </c>
      <c r="D10" s="17">
        <v>44</v>
      </c>
    </row>
    <row r="11" spans="1:4" ht="18" customHeight="1" x14ac:dyDescent="0.2">
      <c r="A11" s="14">
        <v>5</v>
      </c>
      <c r="B11" s="15">
        <v>6</v>
      </c>
      <c r="C11" s="16">
        <v>1</v>
      </c>
      <c r="D11" s="17">
        <v>7</v>
      </c>
    </row>
    <row r="12" spans="1:4" ht="18" customHeight="1" x14ac:dyDescent="0.2">
      <c r="A12" s="14">
        <v>6</v>
      </c>
      <c r="B12" s="15">
        <v>1</v>
      </c>
      <c r="C12" s="16">
        <v>4</v>
      </c>
      <c r="D12" s="17">
        <v>5</v>
      </c>
    </row>
    <row r="13" spans="1:4" ht="18" customHeight="1" x14ac:dyDescent="0.2">
      <c r="A13" s="14">
        <v>7</v>
      </c>
      <c r="B13" s="15">
        <v>5</v>
      </c>
      <c r="C13" s="16">
        <v>5</v>
      </c>
      <c r="D13" s="17">
        <v>10</v>
      </c>
    </row>
    <row r="14" spans="1:4" ht="18" customHeight="1" x14ac:dyDescent="0.2">
      <c r="A14" s="14">
        <v>8</v>
      </c>
      <c r="B14" s="15">
        <v>6</v>
      </c>
      <c r="C14" s="16">
        <v>3</v>
      </c>
      <c r="D14" s="17">
        <v>9</v>
      </c>
    </row>
    <row r="15" spans="1:4" ht="18" customHeight="1" x14ac:dyDescent="0.2">
      <c r="A15" s="14">
        <v>9</v>
      </c>
      <c r="B15" s="15">
        <v>7</v>
      </c>
      <c r="C15" s="16">
        <v>1</v>
      </c>
      <c r="D15" s="17">
        <v>8</v>
      </c>
    </row>
    <row r="16" spans="1:4" ht="18" customHeight="1" x14ac:dyDescent="0.2">
      <c r="A16" s="18" t="s">
        <v>49</v>
      </c>
      <c r="B16" s="15">
        <v>25</v>
      </c>
      <c r="C16" s="16">
        <v>14</v>
      </c>
      <c r="D16" s="17">
        <v>39</v>
      </c>
    </row>
    <row r="17" spans="1:4" ht="18" customHeight="1" x14ac:dyDescent="0.2">
      <c r="A17" s="14">
        <v>10</v>
      </c>
      <c r="B17" s="15">
        <v>10</v>
      </c>
      <c r="C17" s="16">
        <v>6</v>
      </c>
      <c r="D17" s="17">
        <v>16</v>
      </c>
    </row>
    <row r="18" spans="1:4" ht="18" customHeight="1" x14ac:dyDescent="0.2">
      <c r="A18" s="14">
        <v>11</v>
      </c>
      <c r="B18" s="15">
        <v>11</v>
      </c>
      <c r="C18" s="16">
        <v>12</v>
      </c>
      <c r="D18" s="17">
        <v>23</v>
      </c>
    </row>
    <row r="19" spans="1:4" ht="18" customHeight="1" x14ac:dyDescent="0.2">
      <c r="A19" s="14">
        <v>12</v>
      </c>
      <c r="B19" s="15">
        <v>9</v>
      </c>
      <c r="C19" s="16">
        <v>8</v>
      </c>
      <c r="D19" s="17">
        <v>17</v>
      </c>
    </row>
    <row r="20" spans="1:4" ht="18" customHeight="1" x14ac:dyDescent="0.2">
      <c r="A20" s="14">
        <v>13</v>
      </c>
      <c r="B20" s="15">
        <v>9</v>
      </c>
      <c r="C20" s="16">
        <v>8</v>
      </c>
      <c r="D20" s="17">
        <v>17</v>
      </c>
    </row>
    <row r="21" spans="1:4" ht="18" customHeight="1" x14ac:dyDescent="0.2">
      <c r="A21" s="14">
        <v>14</v>
      </c>
      <c r="B21" s="15">
        <v>15</v>
      </c>
      <c r="C21" s="16">
        <v>14</v>
      </c>
      <c r="D21" s="17">
        <v>29</v>
      </c>
    </row>
    <row r="22" spans="1:4" ht="18" customHeight="1" x14ac:dyDescent="0.2">
      <c r="A22" s="18" t="s">
        <v>50</v>
      </c>
      <c r="B22" s="15">
        <v>54</v>
      </c>
      <c r="C22" s="16">
        <v>48</v>
      </c>
      <c r="D22" s="17">
        <v>102</v>
      </c>
    </row>
    <row r="23" spans="1:4" ht="18" customHeight="1" x14ac:dyDescent="0.2">
      <c r="A23" s="18" t="s">
        <v>51</v>
      </c>
      <c r="B23" s="15">
        <v>97</v>
      </c>
      <c r="C23" s="16">
        <v>88</v>
      </c>
      <c r="D23" s="17">
        <v>185</v>
      </c>
    </row>
    <row r="24" spans="1:4" ht="18" customHeight="1" x14ac:dyDescent="0.2">
      <c r="A24" s="14">
        <v>15</v>
      </c>
      <c r="B24" s="15">
        <v>21</v>
      </c>
      <c r="C24" s="16">
        <v>15</v>
      </c>
      <c r="D24" s="17">
        <v>36</v>
      </c>
    </row>
    <row r="25" spans="1:4" ht="18" customHeight="1" x14ac:dyDescent="0.2">
      <c r="A25" s="14">
        <v>16</v>
      </c>
      <c r="B25" s="15">
        <v>11</v>
      </c>
      <c r="C25" s="16">
        <v>18</v>
      </c>
      <c r="D25" s="17">
        <v>29</v>
      </c>
    </row>
    <row r="26" spans="1:4" ht="18" customHeight="1" x14ac:dyDescent="0.2">
      <c r="A26" s="14">
        <v>17</v>
      </c>
      <c r="B26" s="15">
        <v>12</v>
      </c>
      <c r="C26" s="16">
        <v>14</v>
      </c>
      <c r="D26" s="17">
        <v>26</v>
      </c>
    </row>
    <row r="27" spans="1:4" ht="18" customHeight="1" x14ac:dyDescent="0.2">
      <c r="A27" s="14">
        <v>18</v>
      </c>
      <c r="B27" s="15">
        <v>16</v>
      </c>
      <c r="C27" s="16">
        <v>18</v>
      </c>
      <c r="D27" s="17">
        <v>34</v>
      </c>
    </row>
    <row r="28" spans="1:4" ht="18" customHeight="1" x14ac:dyDescent="0.2">
      <c r="A28" s="14">
        <v>19</v>
      </c>
      <c r="B28" s="15">
        <v>21</v>
      </c>
      <c r="C28" s="16">
        <v>10</v>
      </c>
      <c r="D28" s="17">
        <v>31</v>
      </c>
    </row>
    <row r="29" spans="1:4" ht="18" customHeight="1" x14ac:dyDescent="0.2">
      <c r="A29" s="18" t="s">
        <v>52</v>
      </c>
      <c r="B29" s="15">
        <v>81</v>
      </c>
      <c r="C29" s="16">
        <v>75</v>
      </c>
      <c r="D29" s="17">
        <v>156</v>
      </c>
    </row>
    <row r="30" spans="1:4" ht="18" customHeight="1" x14ac:dyDescent="0.2">
      <c r="A30" s="14">
        <v>20</v>
      </c>
      <c r="B30" s="15">
        <v>18</v>
      </c>
      <c r="C30" s="16">
        <v>8</v>
      </c>
      <c r="D30" s="17">
        <v>26</v>
      </c>
    </row>
    <row r="31" spans="1:4" ht="18" customHeight="1" x14ac:dyDescent="0.2">
      <c r="A31" s="14">
        <v>21</v>
      </c>
      <c r="B31" s="15">
        <v>13</v>
      </c>
      <c r="C31" s="16">
        <v>10</v>
      </c>
      <c r="D31" s="17">
        <v>23</v>
      </c>
    </row>
    <row r="32" spans="1:4" ht="18" customHeight="1" x14ac:dyDescent="0.2">
      <c r="A32" s="14">
        <v>22</v>
      </c>
      <c r="B32" s="15">
        <v>13</v>
      </c>
      <c r="C32" s="16">
        <v>7</v>
      </c>
      <c r="D32" s="17">
        <v>20</v>
      </c>
    </row>
    <row r="33" spans="1:4" ht="18" customHeight="1" x14ac:dyDescent="0.2">
      <c r="A33" s="14">
        <v>23</v>
      </c>
      <c r="B33" s="15">
        <v>5</v>
      </c>
      <c r="C33" s="16">
        <v>13</v>
      </c>
      <c r="D33" s="17">
        <v>18</v>
      </c>
    </row>
    <row r="34" spans="1:4" ht="18" customHeight="1" x14ac:dyDescent="0.2">
      <c r="A34" s="14">
        <v>24</v>
      </c>
      <c r="B34" s="15">
        <v>3</v>
      </c>
      <c r="C34" s="16">
        <v>1</v>
      </c>
      <c r="D34" s="17">
        <v>4</v>
      </c>
    </row>
    <row r="35" spans="1:4" ht="18" customHeight="1" x14ac:dyDescent="0.2">
      <c r="A35" s="18" t="s">
        <v>53</v>
      </c>
      <c r="B35" s="15">
        <v>52</v>
      </c>
      <c r="C35" s="16">
        <v>39</v>
      </c>
      <c r="D35" s="17">
        <v>91</v>
      </c>
    </row>
    <row r="36" spans="1:4" ht="18" customHeight="1" x14ac:dyDescent="0.2">
      <c r="A36" s="14">
        <v>25</v>
      </c>
      <c r="B36" s="15">
        <v>5</v>
      </c>
      <c r="C36" s="16">
        <v>3</v>
      </c>
      <c r="D36" s="17">
        <v>8</v>
      </c>
    </row>
    <row r="37" spans="1:4" ht="18" customHeight="1" x14ac:dyDescent="0.2">
      <c r="A37" s="14">
        <v>26</v>
      </c>
      <c r="B37" s="15">
        <v>4</v>
      </c>
      <c r="C37" s="16">
        <v>5</v>
      </c>
      <c r="D37" s="17">
        <v>9</v>
      </c>
    </row>
    <row r="38" spans="1:4" ht="18" customHeight="1" x14ac:dyDescent="0.2">
      <c r="A38" s="14">
        <v>27</v>
      </c>
      <c r="B38" s="15">
        <v>5</v>
      </c>
      <c r="C38" s="16">
        <v>7</v>
      </c>
      <c r="D38" s="17">
        <v>12</v>
      </c>
    </row>
    <row r="39" spans="1:4" ht="18" customHeight="1" x14ac:dyDescent="0.2">
      <c r="A39" s="14">
        <v>28</v>
      </c>
      <c r="B39" s="15">
        <v>7</v>
      </c>
      <c r="C39" s="16">
        <v>2</v>
      </c>
      <c r="D39" s="17">
        <v>9</v>
      </c>
    </row>
    <row r="40" spans="1:4" ht="18" customHeight="1" x14ac:dyDescent="0.2">
      <c r="A40" s="14">
        <v>29</v>
      </c>
      <c r="B40" s="15">
        <v>2</v>
      </c>
      <c r="C40" s="16">
        <v>4</v>
      </c>
      <c r="D40" s="17">
        <v>6</v>
      </c>
    </row>
    <row r="41" spans="1:4" ht="18" customHeight="1" x14ac:dyDescent="0.2">
      <c r="A41" s="18" t="s">
        <v>54</v>
      </c>
      <c r="B41" s="15">
        <v>23</v>
      </c>
      <c r="C41" s="16">
        <v>21</v>
      </c>
      <c r="D41" s="17">
        <v>44</v>
      </c>
    </row>
    <row r="42" spans="1:4" ht="18" customHeight="1" x14ac:dyDescent="0.2">
      <c r="A42" s="14">
        <v>30</v>
      </c>
      <c r="B42" s="15">
        <v>6</v>
      </c>
      <c r="C42" s="16">
        <v>8</v>
      </c>
      <c r="D42" s="17">
        <v>14</v>
      </c>
    </row>
    <row r="43" spans="1:4" ht="18" customHeight="1" x14ac:dyDescent="0.2">
      <c r="A43" s="14">
        <v>31</v>
      </c>
      <c r="B43" s="15">
        <v>4</v>
      </c>
      <c r="C43" s="16">
        <v>4</v>
      </c>
      <c r="D43" s="17">
        <v>8</v>
      </c>
    </row>
    <row r="44" spans="1:4" ht="18" customHeight="1" x14ac:dyDescent="0.2">
      <c r="A44" s="14">
        <v>32</v>
      </c>
      <c r="B44" s="15">
        <v>1</v>
      </c>
      <c r="C44" s="16">
        <v>3</v>
      </c>
      <c r="D44" s="17">
        <v>4</v>
      </c>
    </row>
    <row r="45" spans="1:4" ht="18" customHeight="1" x14ac:dyDescent="0.2">
      <c r="A45" s="14">
        <v>33</v>
      </c>
      <c r="B45" s="15">
        <v>7</v>
      </c>
      <c r="C45" s="16">
        <v>7</v>
      </c>
      <c r="D45" s="17">
        <v>14</v>
      </c>
    </row>
    <row r="46" spans="1:4" ht="18" customHeight="1" x14ac:dyDescent="0.2">
      <c r="A46" s="14">
        <v>34</v>
      </c>
      <c r="B46" s="15">
        <v>7</v>
      </c>
      <c r="C46" s="16">
        <v>4</v>
      </c>
      <c r="D46" s="17">
        <v>11</v>
      </c>
    </row>
    <row r="47" spans="1:4" ht="18" customHeight="1" x14ac:dyDescent="0.2">
      <c r="A47" s="18" t="s">
        <v>55</v>
      </c>
      <c r="B47" s="15">
        <v>25</v>
      </c>
      <c r="C47" s="16">
        <v>26</v>
      </c>
      <c r="D47" s="17">
        <v>51</v>
      </c>
    </row>
    <row r="48" spans="1:4" ht="18" customHeight="1" x14ac:dyDescent="0.2">
      <c r="A48" s="14">
        <v>35</v>
      </c>
      <c r="B48" s="15">
        <v>4</v>
      </c>
      <c r="C48" s="16">
        <v>10</v>
      </c>
      <c r="D48" s="17">
        <v>14</v>
      </c>
    </row>
    <row r="49" spans="1:4" ht="18" customHeight="1" x14ac:dyDescent="0.2">
      <c r="A49" s="14">
        <v>36</v>
      </c>
      <c r="B49" s="15">
        <v>9</v>
      </c>
      <c r="C49" s="16">
        <v>4</v>
      </c>
      <c r="D49" s="17">
        <v>13</v>
      </c>
    </row>
    <row r="50" spans="1:4" ht="18" customHeight="1" x14ac:dyDescent="0.2">
      <c r="A50" s="14">
        <v>37</v>
      </c>
      <c r="B50" s="15">
        <v>6</v>
      </c>
      <c r="C50" s="16">
        <v>5</v>
      </c>
      <c r="D50" s="17">
        <v>11</v>
      </c>
    </row>
    <row r="51" spans="1:4" ht="18" customHeight="1" x14ac:dyDescent="0.2">
      <c r="A51" s="14">
        <v>38</v>
      </c>
      <c r="B51" s="15">
        <v>4</v>
      </c>
      <c r="C51" s="16">
        <v>5</v>
      </c>
      <c r="D51" s="17">
        <v>9</v>
      </c>
    </row>
    <row r="52" spans="1:4" ht="18" customHeight="1" x14ac:dyDescent="0.2">
      <c r="A52" s="14">
        <v>39</v>
      </c>
      <c r="B52" s="15">
        <v>4</v>
      </c>
      <c r="C52" s="16">
        <v>6</v>
      </c>
      <c r="D52" s="17">
        <v>10</v>
      </c>
    </row>
    <row r="53" spans="1:4" ht="18" customHeight="1" x14ac:dyDescent="0.2">
      <c r="A53" s="18" t="s">
        <v>56</v>
      </c>
      <c r="B53" s="15">
        <v>27</v>
      </c>
      <c r="C53" s="16">
        <v>30</v>
      </c>
      <c r="D53" s="17">
        <v>57</v>
      </c>
    </row>
    <row r="54" spans="1:4" ht="18" customHeight="1" x14ac:dyDescent="0.2">
      <c r="A54" s="14">
        <v>40</v>
      </c>
      <c r="B54" s="15">
        <v>10</v>
      </c>
      <c r="C54" s="16">
        <v>10</v>
      </c>
      <c r="D54" s="17">
        <v>20</v>
      </c>
    </row>
    <row r="55" spans="1:4" ht="18" customHeight="1" x14ac:dyDescent="0.2">
      <c r="A55" s="14">
        <v>41</v>
      </c>
      <c r="B55" s="15">
        <v>4</v>
      </c>
      <c r="C55" s="16">
        <v>10</v>
      </c>
      <c r="D55" s="17">
        <v>14</v>
      </c>
    </row>
    <row r="56" spans="1:4" ht="18" customHeight="1" x14ac:dyDescent="0.2">
      <c r="A56" s="14">
        <v>42</v>
      </c>
      <c r="B56" s="15">
        <v>14</v>
      </c>
      <c r="C56" s="16">
        <v>18</v>
      </c>
      <c r="D56" s="17">
        <v>32</v>
      </c>
    </row>
    <row r="57" spans="1:4" ht="18" customHeight="1" x14ac:dyDescent="0.2">
      <c r="A57" s="14">
        <v>43</v>
      </c>
      <c r="B57" s="15">
        <v>15</v>
      </c>
      <c r="C57" s="16">
        <v>18</v>
      </c>
      <c r="D57" s="17">
        <v>33</v>
      </c>
    </row>
    <row r="58" spans="1:4" ht="18" customHeight="1" x14ac:dyDescent="0.2">
      <c r="A58" s="14">
        <v>44</v>
      </c>
      <c r="B58" s="15">
        <v>22</v>
      </c>
      <c r="C58" s="16">
        <v>12</v>
      </c>
      <c r="D58" s="17">
        <v>34</v>
      </c>
    </row>
    <row r="59" spans="1:4" ht="18" customHeight="1" x14ac:dyDescent="0.2">
      <c r="A59" s="18" t="s">
        <v>57</v>
      </c>
      <c r="B59" s="15">
        <v>65</v>
      </c>
      <c r="C59" s="16">
        <v>68</v>
      </c>
      <c r="D59" s="17">
        <v>133</v>
      </c>
    </row>
    <row r="60" spans="1:4" ht="18" customHeight="1" x14ac:dyDescent="0.2">
      <c r="A60" s="14">
        <v>45</v>
      </c>
      <c r="B60" s="15">
        <v>27</v>
      </c>
      <c r="C60" s="16">
        <v>22</v>
      </c>
      <c r="D60" s="17">
        <v>49</v>
      </c>
    </row>
    <row r="61" spans="1:4" ht="18" customHeight="1" x14ac:dyDescent="0.2">
      <c r="A61" s="14">
        <v>46</v>
      </c>
      <c r="B61" s="15">
        <v>25</v>
      </c>
      <c r="C61" s="16">
        <v>12</v>
      </c>
      <c r="D61" s="17">
        <v>37</v>
      </c>
    </row>
    <row r="62" spans="1:4" ht="18" customHeight="1" x14ac:dyDescent="0.2">
      <c r="A62" s="14">
        <v>47</v>
      </c>
      <c r="B62" s="15">
        <v>21</v>
      </c>
      <c r="C62" s="16">
        <v>25</v>
      </c>
      <c r="D62" s="17">
        <v>46</v>
      </c>
    </row>
    <row r="63" spans="1:4" ht="18" customHeight="1" x14ac:dyDescent="0.2">
      <c r="A63" s="14">
        <v>48</v>
      </c>
      <c r="B63" s="15">
        <v>27</v>
      </c>
      <c r="C63" s="16">
        <v>17</v>
      </c>
      <c r="D63" s="17">
        <v>44</v>
      </c>
    </row>
    <row r="64" spans="1:4" ht="18" customHeight="1" x14ac:dyDescent="0.2">
      <c r="A64" s="14">
        <v>49</v>
      </c>
      <c r="B64" s="15">
        <v>16</v>
      </c>
      <c r="C64" s="16">
        <v>14</v>
      </c>
      <c r="D64" s="17">
        <v>30</v>
      </c>
    </row>
    <row r="65" spans="1:4" ht="18" customHeight="1" x14ac:dyDescent="0.2">
      <c r="A65" s="18" t="s">
        <v>58</v>
      </c>
      <c r="B65" s="15">
        <v>116</v>
      </c>
      <c r="C65" s="16">
        <v>90</v>
      </c>
      <c r="D65" s="17">
        <v>206</v>
      </c>
    </row>
    <row r="66" spans="1:4" ht="18" customHeight="1" x14ac:dyDescent="0.2">
      <c r="A66" s="14">
        <v>50</v>
      </c>
      <c r="B66" s="15">
        <v>15</v>
      </c>
      <c r="C66" s="16">
        <v>22</v>
      </c>
      <c r="D66" s="17">
        <v>37</v>
      </c>
    </row>
    <row r="67" spans="1:4" ht="18" customHeight="1" x14ac:dyDescent="0.2">
      <c r="A67" s="14">
        <v>51</v>
      </c>
      <c r="B67" s="15">
        <v>14</v>
      </c>
      <c r="C67" s="16">
        <v>14</v>
      </c>
      <c r="D67" s="17">
        <v>28</v>
      </c>
    </row>
    <row r="68" spans="1:4" ht="18" customHeight="1" x14ac:dyDescent="0.2">
      <c r="A68" s="14">
        <v>52</v>
      </c>
      <c r="B68" s="15">
        <v>19</v>
      </c>
      <c r="C68" s="16">
        <v>17</v>
      </c>
      <c r="D68" s="17">
        <v>36</v>
      </c>
    </row>
    <row r="69" spans="1:4" ht="18" customHeight="1" x14ac:dyDescent="0.2">
      <c r="A69" s="14">
        <v>53</v>
      </c>
      <c r="B69" s="15">
        <v>10</v>
      </c>
      <c r="C69" s="16">
        <v>10</v>
      </c>
      <c r="D69" s="17">
        <v>20</v>
      </c>
    </row>
    <row r="70" spans="1:4" ht="18" customHeight="1" x14ac:dyDescent="0.2">
      <c r="A70" s="14">
        <v>54</v>
      </c>
      <c r="B70" s="15">
        <v>10</v>
      </c>
      <c r="C70" s="16">
        <v>7</v>
      </c>
      <c r="D70" s="17">
        <v>17</v>
      </c>
    </row>
    <row r="71" spans="1:4" ht="18" customHeight="1" x14ac:dyDescent="0.2">
      <c r="A71" s="18" t="s">
        <v>59</v>
      </c>
      <c r="B71" s="15">
        <v>68</v>
      </c>
      <c r="C71" s="16">
        <v>70</v>
      </c>
      <c r="D71" s="17">
        <v>138</v>
      </c>
    </row>
    <row r="72" spans="1:4" ht="18" customHeight="1" x14ac:dyDescent="0.2">
      <c r="A72" s="14">
        <v>55</v>
      </c>
      <c r="B72" s="15">
        <v>9</v>
      </c>
      <c r="C72" s="16">
        <v>4</v>
      </c>
      <c r="D72" s="17">
        <v>13</v>
      </c>
    </row>
    <row r="73" spans="1:4" ht="18" customHeight="1" x14ac:dyDescent="0.2">
      <c r="A73" s="14">
        <v>56</v>
      </c>
      <c r="B73" s="15">
        <v>11</v>
      </c>
      <c r="C73" s="16">
        <v>9</v>
      </c>
      <c r="D73" s="17">
        <v>20</v>
      </c>
    </row>
    <row r="74" spans="1:4" ht="18" customHeight="1" x14ac:dyDescent="0.2">
      <c r="A74" s="14">
        <v>57</v>
      </c>
      <c r="B74" s="15">
        <v>6</v>
      </c>
      <c r="C74" s="16">
        <v>8</v>
      </c>
      <c r="D74" s="17">
        <v>14</v>
      </c>
    </row>
    <row r="75" spans="1:4" ht="18" customHeight="1" x14ac:dyDescent="0.2">
      <c r="A75" s="14">
        <v>58</v>
      </c>
      <c r="B75" s="15">
        <v>7</v>
      </c>
      <c r="C75" s="16">
        <v>14</v>
      </c>
      <c r="D75" s="17">
        <v>21</v>
      </c>
    </row>
    <row r="76" spans="1:4" ht="18" customHeight="1" x14ac:dyDescent="0.2">
      <c r="A76" s="14">
        <v>59</v>
      </c>
      <c r="B76" s="15">
        <v>8</v>
      </c>
      <c r="C76" s="16">
        <v>10</v>
      </c>
      <c r="D76" s="17">
        <v>18</v>
      </c>
    </row>
    <row r="77" spans="1:4" ht="18" customHeight="1" x14ac:dyDescent="0.2">
      <c r="A77" s="18" t="s">
        <v>60</v>
      </c>
      <c r="B77" s="15">
        <v>41</v>
      </c>
      <c r="C77" s="16">
        <v>45</v>
      </c>
      <c r="D77" s="17">
        <v>86</v>
      </c>
    </row>
    <row r="78" spans="1:4" ht="18" customHeight="1" x14ac:dyDescent="0.2">
      <c r="A78" s="14">
        <v>60</v>
      </c>
      <c r="B78" s="15">
        <v>12</v>
      </c>
      <c r="C78" s="16">
        <v>8</v>
      </c>
      <c r="D78" s="17">
        <v>20</v>
      </c>
    </row>
    <row r="79" spans="1:4" ht="18" customHeight="1" x14ac:dyDescent="0.2">
      <c r="A79" s="14">
        <v>61</v>
      </c>
      <c r="B79" s="15">
        <v>15</v>
      </c>
      <c r="C79" s="16">
        <v>8</v>
      </c>
      <c r="D79" s="17">
        <v>23</v>
      </c>
    </row>
    <row r="80" spans="1:4" ht="18" customHeight="1" x14ac:dyDescent="0.2">
      <c r="A80" s="14">
        <v>62</v>
      </c>
      <c r="B80" s="15">
        <v>10</v>
      </c>
      <c r="C80" s="16">
        <v>10</v>
      </c>
      <c r="D80" s="17">
        <v>20</v>
      </c>
    </row>
    <row r="81" spans="1:4" ht="18" customHeight="1" x14ac:dyDescent="0.2">
      <c r="A81" s="14">
        <v>63</v>
      </c>
      <c r="B81" s="15">
        <v>7</v>
      </c>
      <c r="C81" s="16">
        <v>8</v>
      </c>
      <c r="D81" s="17">
        <v>15</v>
      </c>
    </row>
    <row r="82" spans="1:4" ht="18" customHeight="1" x14ac:dyDescent="0.2">
      <c r="A82" s="14">
        <v>64</v>
      </c>
      <c r="B82" s="15">
        <v>5</v>
      </c>
      <c r="C82" s="16">
        <v>6</v>
      </c>
      <c r="D82" s="17">
        <v>11</v>
      </c>
    </row>
    <row r="83" spans="1:4" ht="18" customHeight="1" x14ac:dyDescent="0.2">
      <c r="A83" s="18" t="s">
        <v>61</v>
      </c>
      <c r="B83" s="15">
        <v>49</v>
      </c>
      <c r="C83" s="16">
        <v>40</v>
      </c>
      <c r="D83" s="17">
        <v>89</v>
      </c>
    </row>
    <row r="84" spans="1:4" ht="18" customHeight="1" x14ac:dyDescent="0.2">
      <c r="A84" s="18" t="s">
        <v>62</v>
      </c>
      <c r="B84" s="15">
        <v>547</v>
      </c>
      <c r="C84" s="16">
        <v>504</v>
      </c>
      <c r="D84" s="17">
        <v>1051</v>
      </c>
    </row>
    <row r="85" spans="1:4" ht="18" customHeight="1" x14ac:dyDescent="0.2">
      <c r="A85" s="14">
        <v>65</v>
      </c>
      <c r="B85" s="15">
        <v>7</v>
      </c>
      <c r="C85" s="16">
        <v>12</v>
      </c>
      <c r="D85" s="17">
        <v>19</v>
      </c>
    </row>
    <row r="86" spans="1:4" ht="18" customHeight="1" x14ac:dyDescent="0.2">
      <c r="A86" s="14">
        <v>66</v>
      </c>
      <c r="B86" s="15">
        <v>10</v>
      </c>
      <c r="C86" s="16">
        <v>10</v>
      </c>
      <c r="D86" s="17">
        <v>20</v>
      </c>
    </row>
    <row r="87" spans="1:4" ht="18" customHeight="1" x14ac:dyDescent="0.2">
      <c r="A87" s="14">
        <v>67</v>
      </c>
      <c r="B87" s="15">
        <v>12</v>
      </c>
      <c r="C87" s="16">
        <v>14</v>
      </c>
      <c r="D87" s="17">
        <v>26</v>
      </c>
    </row>
    <row r="88" spans="1:4" ht="18" customHeight="1" x14ac:dyDescent="0.2">
      <c r="A88" s="14">
        <v>68</v>
      </c>
      <c r="B88" s="15">
        <v>8</v>
      </c>
      <c r="C88" s="16">
        <v>11</v>
      </c>
      <c r="D88" s="17">
        <v>19</v>
      </c>
    </row>
    <row r="89" spans="1:4" ht="18" customHeight="1" x14ac:dyDescent="0.2">
      <c r="A89" s="14">
        <v>69</v>
      </c>
      <c r="B89" s="15">
        <v>14</v>
      </c>
      <c r="C89" s="16">
        <v>8</v>
      </c>
      <c r="D89" s="17">
        <v>22</v>
      </c>
    </row>
    <row r="90" spans="1:4" ht="18" customHeight="1" x14ac:dyDescent="0.2">
      <c r="A90" s="18" t="s">
        <v>63</v>
      </c>
      <c r="B90" s="15">
        <v>51</v>
      </c>
      <c r="C90" s="16">
        <v>55</v>
      </c>
      <c r="D90" s="17">
        <v>106</v>
      </c>
    </row>
    <row r="91" spans="1:4" ht="18" customHeight="1" x14ac:dyDescent="0.2">
      <c r="A91" s="14">
        <v>70</v>
      </c>
      <c r="B91" s="15">
        <v>16</v>
      </c>
      <c r="C91" s="16">
        <v>16</v>
      </c>
      <c r="D91" s="17">
        <v>32</v>
      </c>
    </row>
    <row r="92" spans="1:4" ht="18" customHeight="1" x14ac:dyDescent="0.2">
      <c r="A92" s="14">
        <v>71</v>
      </c>
      <c r="B92" s="15">
        <v>9</v>
      </c>
      <c r="C92" s="16">
        <v>13</v>
      </c>
      <c r="D92" s="17">
        <v>22</v>
      </c>
    </row>
    <row r="93" spans="1:4" ht="18" customHeight="1" x14ac:dyDescent="0.2">
      <c r="A93" s="14">
        <v>72</v>
      </c>
      <c r="B93" s="15">
        <v>8</v>
      </c>
      <c r="C93" s="16">
        <v>12</v>
      </c>
      <c r="D93" s="17">
        <v>20</v>
      </c>
    </row>
    <row r="94" spans="1:4" ht="18" customHeight="1" x14ac:dyDescent="0.2">
      <c r="A94" s="14">
        <v>73</v>
      </c>
      <c r="B94" s="15">
        <v>16</v>
      </c>
      <c r="C94" s="16">
        <v>14</v>
      </c>
      <c r="D94" s="17">
        <v>30</v>
      </c>
    </row>
    <row r="95" spans="1:4" ht="18" customHeight="1" x14ac:dyDescent="0.2">
      <c r="A95" s="14">
        <v>74</v>
      </c>
      <c r="B95" s="15">
        <v>8</v>
      </c>
      <c r="C95" s="16">
        <v>8</v>
      </c>
      <c r="D95" s="17">
        <v>16</v>
      </c>
    </row>
    <row r="96" spans="1:4" ht="18" customHeight="1" x14ac:dyDescent="0.2">
      <c r="A96" s="18" t="s">
        <v>64</v>
      </c>
      <c r="B96" s="15">
        <v>57</v>
      </c>
      <c r="C96" s="16">
        <v>63</v>
      </c>
      <c r="D96" s="17">
        <v>120</v>
      </c>
    </row>
    <row r="97" spans="1:4" ht="18" customHeight="1" x14ac:dyDescent="0.2">
      <c r="A97" s="14">
        <v>75</v>
      </c>
      <c r="B97" s="15">
        <v>10</v>
      </c>
      <c r="C97" s="16">
        <v>10</v>
      </c>
      <c r="D97" s="17">
        <v>20</v>
      </c>
    </row>
    <row r="98" spans="1:4" ht="18" customHeight="1" x14ac:dyDescent="0.2">
      <c r="A98" s="14">
        <v>76</v>
      </c>
      <c r="B98" s="15">
        <v>6</v>
      </c>
      <c r="C98" s="16">
        <v>10</v>
      </c>
      <c r="D98" s="17">
        <v>16</v>
      </c>
    </row>
    <row r="99" spans="1:4" ht="18" customHeight="1" x14ac:dyDescent="0.2">
      <c r="A99" s="14">
        <v>77</v>
      </c>
      <c r="B99" s="15">
        <v>5</v>
      </c>
      <c r="C99" s="16">
        <v>11</v>
      </c>
      <c r="D99" s="17">
        <v>16</v>
      </c>
    </row>
    <row r="100" spans="1:4" ht="18" customHeight="1" x14ac:dyDescent="0.2">
      <c r="A100" s="14">
        <v>78</v>
      </c>
      <c r="B100" s="15">
        <v>6</v>
      </c>
      <c r="C100" s="16">
        <v>12</v>
      </c>
      <c r="D100" s="17">
        <v>18</v>
      </c>
    </row>
    <row r="101" spans="1:4" ht="18" customHeight="1" x14ac:dyDescent="0.2">
      <c r="A101" s="14">
        <v>79</v>
      </c>
      <c r="B101" s="15">
        <v>11</v>
      </c>
      <c r="C101" s="16">
        <v>10</v>
      </c>
      <c r="D101" s="17">
        <v>21</v>
      </c>
    </row>
    <row r="102" spans="1:4" ht="18" customHeight="1" x14ac:dyDescent="0.2">
      <c r="A102" s="18" t="s">
        <v>65</v>
      </c>
      <c r="B102" s="15">
        <v>38</v>
      </c>
      <c r="C102" s="16">
        <v>53</v>
      </c>
      <c r="D102" s="17">
        <v>91</v>
      </c>
    </row>
    <row r="103" spans="1:4" ht="18" customHeight="1" x14ac:dyDescent="0.2">
      <c r="A103" s="14">
        <v>80</v>
      </c>
      <c r="B103" s="15">
        <v>5</v>
      </c>
      <c r="C103" s="16">
        <v>7</v>
      </c>
      <c r="D103" s="17">
        <v>12</v>
      </c>
    </row>
    <row r="104" spans="1:4" ht="18" customHeight="1" x14ac:dyDescent="0.2">
      <c r="A104" s="14">
        <v>81</v>
      </c>
      <c r="B104" s="15">
        <v>7</v>
      </c>
      <c r="C104" s="16">
        <v>5</v>
      </c>
      <c r="D104" s="17">
        <v>12</v>
      </c>
    </row>
    <row r="105" spans="1:4" ht="18" customHeight="1" x14ac:dyDescent="0.2">
      <c r="A105" s="14">
        <v>82</v>
      </c>
      <c r="B105" s="15">
        <v>2</v>
      </c>
      <c r="C105" s="16">
        <v>4</v>
      </c>
      <c r="D105" s="17">
        <v>6</v>
      </c>
    </row>
    <row r="106" spans="1:4" ht="18" customHeight="1" x14ac:dyDescent="0.2">
      <c r="A106" s="14">
        <v>83</v>
      </c>
      <c r="B106" s="15">
        <v>4</v>
      </c>
      <c r="C106" s="16">
        <v>9</v>
      </c>
      <c r="D106" s="17">
        <v>13</v>
      </c>
    </row>
    <row r="107" spans="1:4" ht="18" customHeight="1" x14ac:dyDescent="0.2">
      <c r="A107" s="14">
        <v>84</v>
      </c>
      <c r="B107" s="15">
        <v>2</v>
      </c>
      <c r="C107" s="16">
        <v>7</v>
      </c>
      <c r="D107" s="17">
        <v>9</v>
      </c>
    </row>
    <row r="108" spans="1:4" ht="18" customHeight="1" x14ac:dyDescent="0.2">
      <c r="A108" s="18" t="s">
        <v>66</v>
      </c>
      <c r="B108" s="15">
        <v>20</v>
      </c>
      <c r="C108" s="16">
        <v>32</v>
      </c>
      <c r="D108" s="17">
        <v>52</v>
      </c>
    </row>
    <row r="109" spans="1:4" ht="18" customHeight="1" x14ac:dyDescent="0.2">
      <c r="A109" s="14">
        <v>85</v>
      </c>
      <c r="B109" s="15">
        <v>3</v>
      </c>
      <c r="C109" s="16">
        <v>6</v>
      </c>
      <c r="D109" s="17">
        <v>9</v>
      </c>
    </row>
    <row r="110" spans="1:4" ht="18" customHeight="1" x14ac:dyDescent="0.2">
      <c r="A110" s="14">
        <v>86</v>
      </c>
      <c r="B110" s="15">
        <v>7</v>
      </c>
      <c r="C110" s="16">
        <v>8</v>
      </c>
      <c r="D110" s="17">
        <v>15</v>
      </c>
    </row>
    <row r="111" spans="1:4" ht="18" customHeight="1" x14ac:dyDescent="0.2">
      <c r="A111" s="14">
        <v>87</v>
      </c>
      <c r="B111" s="15">
        <v>3</v>
      </c>
      <c r="C111" s="16">
        <v>9</v>
      </c>
      <c r="D111" s="17">
        <v>12</v>
      </c>
    </row>
    <row r="112" spans="1:4" ht="18" customHeight="1" x14ac:dyDescent="0.2">
      <c r="A112" s="14">
        <v>88</v>
      </c>
      <c r="B112" s="15">
        <v>4</v>
      </c>
      <c r="C112" s="16">
        <v>8</v>
      </c>
      <c r="D112" s="17">
        <v>12</v>
      </c>
    </row>
    <row r="113" spans="1:4" ht="18" customHeight="1" x14ac:dyDescent="0.2">
      <c r="A113" s="14">
        <v>89</v>
      </c>
      <c r="B113" s="15">
        <v>1</v>
      </c>
      <c r="C113" s="16">
        <v>5</v>
      </c>
      <c r="D113" s="17">
        <v>6</v>
      </c>
    </row>
    <row r="114" spans="1:4" ht="18" customHeight="1" x14ac:dyDescent="0.2">
      <c r="A114" s="18" t="s">
        <v>67</v>
      </c>
      <c r="B114" s="15">
        <v>18</v>
      </c>
      <c r="C114" s="16">
        <v>36</v>
      </c>
      <c r="D114" s="17">
        <v>54</v>
      </c>
    </row>
    <row r="115" spans="1:4" ht="18" customHeight="1" x14ac:dyDescent="0.2">
      <c r="A115" s="14">
        <v>90</v>
      </c>
      <c r="B115" s="15">
        <v>0</v>
      </c>
      <c r="C115" s="16">
        <v>2</v>
      </c>
      <c r="D115" s="17">
        <v>2</v>
      </c>
    </row>
    <row r="116" spans="1:4" ht="18" customHeight="1" x14ac:dyDescent="0.2">
      <c r="A116" s="14">
        <v>91</v>
      </c>
      <c r="B116" s="15">
        <v>2</v>
      </c>
      <c r="C116" s="16">
        <v>4</v>
      </c>
      <c r="D116" s="17">
        <v>6</v>
      </c>
    </row>
    <row r="117" spans="1:4" ht="18" customHeight="1" x14ac:dyDescent="0.2">
      <c r="A117" s="14">
        <v>92</v>
      </c>
      <c r="B117" s="15">
        <v>0</v>
      </c>
      <c r="C117" s="16">
        <v>5</v>
      </c>
      <c r="D117" s="17">
        <v>5</v>
      </c>
    </row>
    <row r="118" spans="1:4" ht="18" customHeight="1" x14ac:dyDescent="0.2">
      <c r="A118" s="14">
        <v>93</v>
      </c>
      <c r="B118" s="15">
        <v>0</v>
      </c>
      <c r="C118" s="16">
        <v>4</v>
      </c>
      <c r="D118" s="17">
        <v>4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2</v>
      </c>
      <c r="C120" s="16">
        <v>17</v>
      </c>
      <c r="D120" s="17">
        <v>19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11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188</v>
      </c>
      <c r="C130" s="5">
        <v>269</v>
      </c>
      <c r="D130" s="6">
        <v>457</v>
      </c>
    </row>
    <row r="131" spans="1:4" ht="18" customHeight="1" x14ac:dyDescent="0.2">
      <c r="A131" s="20" t="s">
        <v>47</v>
      </c>
      <c r="B131" s="7">
        <v>832</v>
      </c>
      <c r="C131" s="8">
        <v>861</v>
      </c>
      <c r="D131" s="9">
        <v>169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1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</v>
      </c>
      <c r="C5" s="12">
        <v>6</v>
      </c>
      <c r="D5" s="13">
        <v>12</v>
      </c>
    </row>
    <row r="6" spans="1:4" ht="18" customHeight="1" x14ac:dyDescent="0.2">
      <c r="A6" s="14">
        <v>1</v>
      </c>
      <c r="B6" s="15">
        <v>3</v>
      </c>
      <c r="C6" s="16">
        <v>8</v>
      </c>
      <c r="D6" s="17">
        <v>11</v>
      </c>
    </row>
    <row r="7" spans="1:4" ht="18" customHeight="1" x14ac:dyDescent="0.2">
      <c r="A7" s="14">
        <v>2</v>
      </c>
      <c r="B7" s="15">
        <v>4</v>
      </c>
      <c r="C7" s="16">
        <v>6</v>
      </c>
      <c r="D7" s="17">
        <v>10</v>
      </c>
    </row>
    <row r="8" spans="1:4" ht="18" customHeight="1" x14ac:dyDescent="0.2">
      <c r="A8" s="14">
        <v>3</v>
      </c>
      <c r="B8" s="15">
        <v>8</v>
      </c>
      <c r="C8" s="16">
        <v>5</v>
      </c>
      <c r="D8" s="17">
        <v>13</v>
      </c>
    </row>
    <row r="9" spans="1:4" ht="18" customHeight="1" x14ac:dyDescent="0.2">
      <c r="A9" s="14">
        <v>4</v>
      </c>
      <c r="B9" s="15">
        <v>3</v>
      </c>
      <c r="C9" s="16">
        <v>10</v>
      </c>
      <c r="D9" s="17">
        <v>13</v>
      </c>
    </row>
    <row r="10" spans="1:4" ht="18" customHeight="1" x14ac:dyDescent="0.2">
      <c r="A10" s="18" t="s">
        <v>48</v>
      </c>
      <c r="B10" s="15">
        <v>24</v>
      </c>
      <c r="C10" s="16">
        <v>35</v>
      </c>
      <c r="D10" s="17">
        <v>59</v>
      </c>
    </row>
    <row r="11" spans="1:4" ht="18" customHeight="1" x14ac:dyDescent="0.2">
      <c r="A11" s="14">
        <v>5</v>
      </c>
      <c r="B11" s="15">
        <v>10</v>
      </c>
      <c r="C11" s="16">
        <v>7</v>
      </c>
      <c r="D11" s="17">
        <v>17</v>
      </c>
    </row>
    <row r="12" spans="1:4" ht="18" customHeight="1" x14ac:dyDescent="0.2">
      <c r="A12" s="14">
        <v>6</v>
      </c>
      <c r="B12" s="15">
        <v>13</v>
      </c>
      <c r="C12" s="16">
        <v>3</v>
      </c>
      <c r="D12" s="17">
        <v>16</v>
      </c>
    </row>
    <row r="13" spans="1:4" ht="18" customHeight="1" x14ac:dyDescent="0.2">
      <c r="A13" s="14">
        <v>7</v>
      </c>
      <c r="B13" s="15">
        <v>6</v>
      </c>
      <c r="C13" s="16">
        <v>9</v>
      </c>
      <c r="D13" s="17">
        <v>15</v>
      </c>
    </row>
    <row r="14" spans="1:4" ht="18" customHeight="1" x14ac:dyDescent="0.2">
      <c r="A14" s="14">
        <v>8</v>
      </c>
      <c r="B14" s="15">
        <v>3</v>
      </c>
      <c r="C14" s="16">
        <v>6</v>
      </c>
      <c r="D14" s="17">
        <v>9</v>
      </c>
    </row>
    <row r="15" spans="1:4" ht="18" customHeight="1" x14ac:dyDescent="0.2">
      <c r="A15" s="14">
        <v>9</v>
      </c>
      <c r="B15" s="15">
        <v>10</v>
      </c>
      <c r="C15" s="16">
        <v>6</v>
      </c>
      <c r="D15" s="17">
        <v>16</v>
      </c>
    </row>
    <row r="16" spans="1:4" ht="18" customHeight="1" x14ac:dyDescent="0.2">
      <c r="A16" s="18" t="s">
        <v>49</v>
      </c>
      <c r="B16" s="15">
        <v>42</v>
      </c>
      <c r="C16" s="16">
        <v>31</v>
      </c>
      <c r="D16" s="17">
        <v>73</v>
      </c>
    </row>
    <row r="17" spans="1:4" ht="18" customHeight="1" x14ac:dyDescent="0.2">
      <c r="A17" s="14">
        <v>10</v>
      </c>
      <c r="B17" s="15">
        <v>1</v>
      </c>
      <c r="C17" s="16">
        <v>14</v>
      </c>
      <c r="D17" s="17">
        <v>15</v>
      </c>
    </row>
    <row r="18" spans="1:4" ht="18" customHeight="1" x14ac:dyDescent="0.2">
      <c r="A18" s="14">
        <v>11</v>
      </c>
      <c r="B18" s="15">
        <v>4</v>
      </c>
      <c r="C18" s="16">
        <v>8</v>
      </c>
      <c r="D18" s="17">
        <v>12</v>
      </c>
    </row>
    <row r="19" spans="1:4" ht="18" customHeight="1" x14ac:dyDescent="0.2">
      <c r="A19" s="14">
        <v>12</v>
      </c>
      <c r="B19" s="15">
        <v>4</v>
      </c>
      <c r="C19" s="16">
        <v>6</v>
      </c>
      <c r="D19" s="17">
        <v>10</v>
      </c>
    </row>
    <row r="20" spans="1:4" ht="18" customHeight="1" x14ac:dyDescent="0.2">
      <c r="A20" s="14">
        <v>13</v>
      </c>
      <c r="B20" s="15">
        <v>6</v>
      </c>
      <c r="C20" s="16">
        <v>4</v>
      </c>
      <c r="D20" s="17">
        <v>10</v>
      </c>
    </row>
    <row r="21" spans="1:4" ht="18" customHeight="1" x14ac:dyDescent="0.2">
      <c r="A21" s="14">
        <v>14</v>
      </c>
      <c r="B21" s="15">
        <v>9</v>
      </c>
      <c r="C21" s="16">
        <v>8</v>
      </c>
      <c r="D21" s="17">
        <v>17</v>
      </c>
    </row>
    <row r="22" spans="1:4" ht="18" customHeight="1" x14ac:dyDescent="0.2">
      <c r="A22" s="18" t="s">
        <v>50</v>
      </c>
      <c r="B22" s="15">
        <v>24</v>
      </c>
      <c r="C22" s="16">
        <v>40</v>
      </c>
      <c r="D22" s="17">
        <v>64</v>
      </c>
    </row>
    <row r="23" spans="1:4" ht="18" customHeight="1" x14ac:dyDescent="0.2">
      <c r="A23" s="18" t="s">
        <v>51</v>
      </c>
      <c r="B23" s="15">
        <v>90</v>
      </c>
      <c r="C23" s="16">
        <v>106</v>
      </c>
      <c r="D23" s="17">
        <v>196</v>
      </c>
    </row>
    <row r="24" spans="1:4" ht="18" customHeight="1" x14ac:dyDescent="0.2">
      <c r="A24" s="14">
        <v>15</v>
      </c>
      <c r="B24" s="15">
        <v>6</v>
      </c>
      <c r="C24" s="16">
        <v>5</v>
      </c>
      <c r="D24" s="17">
        <v>11</v>
      </c>
    </row>
    <row r="25" spans="1:4" ht="18" customHeight="1" x14ac:dyDescent="0.2">
      <c r="A25" s="14">
        <v>16</v>
      </c>
      <c r="B25" s="15">
        <v>8</v>
      </c>
      <c r="C25" s="16">
        <v>5</v>
      </c>
      <c r="D25" s="17">
        <v>13</v>
      </c>
    </row>
    <row r="26" spans="1:4" ht="18" customHeight="1" x14ac:dyDescent="0.2">
      <c r="A26" s="14">
        <v>17</v>
      </c>
      <c r="B26" s="15">
        <v>5</v>
      </c>
      <c r="C26" s="16">
        <v>6</v>
      </c>
      <c r="D26" s="17">
        <v>11</v>
      </c>
    </row>
    <row r="27" spans="1:4" ht="18" customHeight="1" x14ac:dyDescent="0.2">
      <c r="A27" s="14">
        <v>18</v>
      </c>
      <c r="B27" s="15">
        <v>6</v>
      </c>
      <c r="C27" s="16">
        <v>6</v>
      </c>
      <c r="D27" s="17">
        <v>12</v>
      </c>
    </row>
    <row r="28" spans="1:4" ht="18" customHeight="1" x14ac:dyDescent="0.2">
      <c r="A28" s="14">
        <v>19</v>
      </c>
      <c r="B28" s="15">
        <v>7</v>
      </c>
      <c r="C28" s="16">
        <v>5</v>
      </c>
      <c r="D28" s="17">
        <v>12</v>
      </c>
    </row>
    <row r="29" spans="1:4" ht="18" customHeight="1" x14ac:dyDescent="0.2">
      <c r="A29" s="18" t="s">
        <v>52</v>
      </c>
      <c r="B29" s="15">
        <v>32</v>
      </c>
      <c r="C29" s="16">
        <v>27</v>
      </c>
      <c r="D29" s="17">
        <v>59</v>
      </c>
    </row>
    <row r="30" spans="1:4" ht="18" customHeight="1" x14ac:dyDescent="0.2">
      <c r="A30" s="14">
        <v>20</v>
      </c>
      <c r="B30" s="15">
        <v>7</v>
      </c>
      <c r="C30" s="16">
        <v>6</v>
      </c>
      <c r="D30" s="17">
        <v>13</v>
      </c>
    </row>
    <row r="31" spans="1:4" ht="18" customHeight="1" x14ac:dyDescent="0.2">
      <c r="A31" s="14">
        <v>21</v>
      </c>
      <c r="B31" s="15">
        <v>5</v>
      </c>
      <c r="C31" s="16">
        <v>0</v>
      </c>
      <c r="D31" s="17">
        <v>5</v>
      </c>
    </row>
    <row r="32" spans="1:4" ht="18" customHeight="1" x14ac:dyDescent="0.2">
      <c r="A32" s="14">
        <v>22</v>
      </c>
      <c r="B32" s="15">
        <v>8</v>
      </c>
      <c r="C32" s="16">
        <v>5</v>
      </c>
      <c r="D32" s="17">
        <v>13</v>
      </c>
    </row>
    <row r="33" spans="1:4" ht="18" customHeight="1" x14ac:dyDescent="0.2">
      <c r="A33" s="14">
        <v>23</v>
      </c>
      <c r="B33" s="15">
        <v>7</v>
      </c>
      <c r="C33" s="16">
        <v>7</v>
      </c>
      <c r="D33" s="17">
        <v>14</v>
      </c>
    </row>
    <row r="34" spans="1:4" ht="18" customHeight="1" x14ac:dyDescent="0.2">
      <c r="A34" s="14">
        <v>24</v>
      </c>
      <c r="B34" s="15">
        <v>12</v>
      </c>
      <c r="C34" s="16">
        <v>5</v>
      </c>
      <c r="D34" s="17">
        <v>17</v>
      </c>
    </row>
    <row r="35" spans="1:4" ht="18" customHeight="1" x14ac:dyDescent="0.2">
      <c r="A35" s="18" t="s">
        <v>53</v>
      </c>
      <c r="B35" s="15">
        <v>39</v>
      </c>
      <c r="C35" s="16">
        <v>23</v>
      </c>
      <c r="D35" s="17">
        <v>62</v>
      </c>
    </row>
    <row r="36" spans="1:4" ht="18" customHeight="1" x14ac:dyDescent="0.2">
      <c r="A36" s="14">
        <v>25</v>
      </c>
      <c r="B36" s="15">
        <v>6</v>
      </c>
      <c r="C36" s="16">
        <v>9</v>
      </c>
      <c r="D36" s="17">
        <v>15</v>
      </c>
    </row>
    <row r="37" spans="1:4" ht="18" customHeight="1" x14ac:dyDescent="0.2">
      <c r="A37" s="14">
        <v>26</v>
      </c>
      <c r="B37" s="15">
        <v>11</v>
      </c>
      <c r="C37" s="16">
        <v>7</v>
      </c>
      <c r="D37" s="17">
        <v>18</v>
      </c>
    </row>
    <row r="38" spans="1:4" ht="18" customHeight="1" x14ac:dyDescent="0.2">
      <c r="A38" s="14">
        <v>27</v>
      </c>
      <c r="B38" s="15">
        <v>11</v>
      </c>
      <c r="C38" s="16">
        <v>10</v>
      </c>
      <c r="D38" s="17">
        <v>21</v>
      </c>
    </row>
    <row r="39" spans="1:4" ht="18" customHeight="1" x14ac:dyDescent="0.2">
      <c r="A39" s="14">
        <v>28</v>
      </c>
      <c r="B39" s="15">
        <v>5</v>
      </c>
      <c r="C39" s="16">
        <v>11</v>
      </c>
      <c r="D39" s="17">
        <v>16</v>
      </c>
    </row>
    <row r="40" spans="1:4" ht="18" customHeight="1" x14ac:dyDescent="0.2">
      <c r="A40" s="14">
        <v>29</v>
      </c>
      <c r="B40" s="15">
        <v>9</v>
      </c>
      <c r="C40" s="16">
        <v>8</v>
      </c>
      <c r="D40" s="17">
        <v>17</v>
      </c>
    </row>
    <row r="41" spans="1:4" ht="18" customHeight="1" x14ac:dyDescent="0.2">
      <c r="A41" s="18" t="s">
        <v>54</v>
      </c>
      <c r="B41" s="15">
        <v>42</v>
      </c>
      <c r="C41" s="16">
        <v>45</v>
      </c>
      <c r="D41" s="17">
        <v>87</v>
      </c>
    </row>
    <row r="42" spans="1:4" ht="18" customHeight="1" x14ac:dyDescent="0.2">
      <c r="A42" s="14">
        <v>30</v>
      </c>
      <c r="B42" s="15">
        <v>4</v>
      </c>
      <c r="C42" s="16">
        <v>3</v>
      </c>
      <c r="D42" s="17">
        <v>7</v>
      </c>
    </row>
    <row r="43" spans="1:4" ht="18" customHeight="1" x14ac:dyDescent="0.2">
      <c r="A43" s="14">
        <v>31</v>
      </c>
      <c r="B43" s="15">
        <v>5</v>
      </c>
      <c r="C43" s="16">
        <v>4</v>
      </c>
      <c r="D43" s="17">
        <v>9</v>
      </c>
    </row>
    <row r="44" spans="1:4" ht="18" customHeight="1" x14ac:dyDescent="0.2">
      <c r="A44" s="14">
        <v>32</v>
      </c>
      <c r="B44" s="15">
        <v>8</v>
      </c>
      <c r="C44" s="16">
        <v>8</v>
      </c>
      <c r="D44" s="17">
        <v>16</v>
      </c>
    </row>
    <row r="45" spans="1:4" ht="18" customHeight="1" x14ac:dyDescent="0.2">
      <c r="A45" s="14">
        <v>33</v>
      </c>
      <c r="B45" s="15">
        <v>9</v>
      </c>
      <c r="C45" s="16">
        <v>9</v>
      </c>
      <c r="D45" s="17">
        <v>18</v>
      </c>
    </row>
    <row r="46" spans="1:4" ht="18" customHeight="1" x14ac:dyDescent="0.2">
      <c r="A46" s="14">
        <v>34</v>
      </c>
      <c r="B46" s="15">
        <v>18</v>
      </c>
      <c r="C46" s="16">
        <v>8</v>
      </c>
      <c r="D46" s="17">
        <v>26</v>
      </c>
    </row>
    <row r="47" spans="1:4" ht="18" customHeight="1" x14ac:dyDescent="0.2">
      <c r="A47" s="18" t="s">
        <v>55</v>
      </c>
      <c r="B47" s="15">
        <v>44</v>
      </c>
      <c r="C47" s="16">
        <v>32</v>
      </c>
      <c r="D47" s="17">
        <v>76</v>
      </c>
    </row>
    <row r="48" spans="1:4" ht="18" customHeight="1" x14ac:dyDescent="0.2">
      <c r="A48" s="14">
        <v>35</v>
      </c>
      <c r="B48" s="15">
        <v>9</v>
      </c>
      <c r="C48" s="16">
        <v>11</v>
      </c>
      <c r="D48" s="17">
        <v>20</v>
      </c>
    </row>
    <row r="49" spans="1:4" ht="18" customHeight="1" x14ac:dyDescent="0.2">
      <c r="A49" s="14">
        <v>36</v>
      </c>
      <c r="B49" s="15">
        <v>7</v>
      </c>
      <c r="C49" s="16">
        <v>14</v>
      </c>
      <c r="D49" s="17">
        <v>21</v>
      </c>
    </row>
    <row r="50" spans="1:4" ht="18" customHeight="1" x14ac:dyDescent="0.2">
      <c r="A50" s="14">
        <v>37</v>
      </c>
      <c r="B50" s="15">
        <v>8</v>
      </c>
      <c r="C50" s="16">
        <v>5</v>
      </c>
      <c r="D50" s="17">
        <v>13</v>
      </c>
    </row>
    <row r="51" spans="1:4" ht="18" customHeight="1" x14ac:dyDescent="0.2">
      <c r="A51" s="14">
        <v>38</v>
      </c>
      <c r="B51" s="15">
        <v>12</v>
      </c>
      <c r="C51" s="16">
        <v>9</v>
      </c>
      <c r="D51" s="17">
        <v>21</v>
      </c>
    </row>
    <row r="52" spans="1:4" ht="18" customHeight="1" x14ac:dyDescent="0.2">
      <c r="A52" s="14">
        <v>39</v>
      </c>
      <c r="B52" s="15">
        <v>11</v>
      </c>
      <c r="C52" s="16">
        <v>7</v>
      </c>
      <c r="D52" s="17">
        <v>18</v>
      </c>
    </row>
    <row r="53" spans="1:4" ht="18" customHeight="1" x14ac:dyDescent="0.2">
      <c r="A53" s="18" t="s">
        <v>56</v>
      </c>
      <c r="B53" s="15">
        <v>47</v>
      </c>
      <c r="C53" s="16">
        <v>46</v>
      </c>
      <c r="D53" s="17">
        <v>93</v>
      </c>
    </row>
    <row r="54" spans="1:4" ht="18" customHeight="1" x14ac:dyDescent="0.2">
      <c r="A54" s="14">
        <v>40</v>
      </c>
      <c r="B54" s="15">
        <v>16</v>
      </c>
      <c r="C54" s="16">
        <v>11</v>
      </c>
      <c r="D54" s="17">
        <v>27</v>
      </c>
    </row>
    <row r="55" spans="1:4" ht="18" customHeight="1" x14ac:dyDescent="0.2">
      <c r="A55" s="14">
        <v>41</v>
      </c>
      <c r="B55" s="15">
        <v>13</v>
      </c>
      <c r="C55" s="16">
        <v>18</v>
      </c>
      <c r="D55" s="17">
        <v>31</v>
      </c>
    </row>
    <row r="56" spans="1:4" ht="18" customHeight="1" x14ac:dyDescent="0.2">
      <c r="A56" s="14">
        <v>42</v>
      </c>
      <c r="B56" s="15">
        <v>15</v>
      </c>
      <c r="C56" s="16">
        <v>21</v>
      </c>
      <c r="D56" s="17">
        <v>36</v>
      </c>
    </row>
    <row r="57" spans="1:4" ht="18" customHeight="1" x14ac:dyDescent="0.2">
      <c r="A57" s="14">
        <v>43</v>
      </c>
      <c r="B57" s="15">
        <v>19</v>
      </c>
      <c r="C57" s="16">
        <v>18</v>
      </c>
      <c r="D57" s="17">
        <v>37</v>
      </c>
    </row>
    <row r="58" spans="1:4" ht="18" customHeight="1" x14ac:dyDescent="0.2">
      <c r="A58" s="14">
        <v>44</v>
      </c>
      <c r="B58" s="15">
        <v>22</v>
      </c>
      <c r="C58" s="16">
        <v>21</v>
      </c>
      <c r="D58" s="17">
        <v>43</v>
      </c>
    </row>
    <row r="59" spans="1:4" ht="18" customHeight="1" x14ac:dyDescent="0.2">
      <c r="A59" s="18" t="s">
        <v>57</v>
      </c>
      <c r="B59" s="15">
        <v>85</v>
      </c>
      <c r="C59" s="16">
        <v>89</v>
      </c>
      <c r="D59" s="17">
        <v>174</v>
      </c>
    </row>
    <row r="60" spans="1:4" ht="18" customHeight="1" x14ac:dyDescent="0.2">
      <c r="A60" s="14">
        <v>45</v>
      </c>
      <c r="B60" s="15">
        <v>19</v>
      </c>
      <c r="C60" s="16">
        <v>30</v>
      </c>
      <c r="D60" s="17">
        <v>49</v>
      </c>
    </row>
    <row r="61" spans="1:4" ht="18" customHeight="1" x14ac:dyDescent="0.2">
      <c r="A61" s="14">
        <v>46</v>
      </c>
      <c r="B61" s="15">
        <v>15</v>
      </c>
      <c r="C61" s="16">
        <v>20</v>
      </c>
      <c r="D61" s="17">
        <v>35</v>
      </c>
    </row>
    <row r="62" spans="1:4" ht="18" customHeight="1" x14ac:dyDescent="0.2">
      <c r="A62" s="14">
        <v>47</v>
      </c>
      <c r="B62" s="15">
        <v>17</v>
      </c>
      <c r="C62" s="16">
        <v>16</v>
      </c>
      <c r="D62" s="17">
        <v>33</v>
      </c>
    </row>
    <row r="63" spans="1:4" ht="18" customHeight="1" x14ac:dyDescent="0.2">
      <c r="A63" s="14">
        <v>48</v>
      </c>
      <c r="B63" s="15">
        <v>13</v>
      </c>
      <c r="C63" s="16">
        <v>15</v>
      </c>
      <c r="D63" s="17">
        <v>28</v>
      </c>
    </row>
    <row r="64" spans="1:4" ht="18" customHeight="1" x14ac:dyDescent="0.2">
      <c r="A64" s="14">
        <v>49</v>
      </c>
      <c r="B64" s="15">
        <v>17</v>
      </c>
      <c r="C64" s="16">
        <v>18</v>
      </c>
      <c r="D64" s="17">
        <v>35</v>
      </c>
    </row>
    <row r="65" spans="1:4" ht="18" customHeight="1" x14ac:dyDescent="0.2">
      <c r="A65" s="18" t="s">
        <v>58</v>
      </c>
      <c r="B65" s="15">
        <v>81</v>
      </c>
      <c r="C65" s="16">
        <v>99</v>
      </c>
      <c r="D65" s="17">
        <v>180</v>
      </c>
    </row>
    <row r="66" spans="1:4" ht="18" customHeight="1" x14ac:dyDescent="0.2">
      <c r="A66" s="14">
        <v>50</v>
      </c>
      <c r="B66" s="15">
        <v>14</v>
      </c>
      <c r="C66" s="16">
        <v>12</v>
      </c>
      <c r="D66" s="17">
        <v>26</v>
      </c>
    </row>
    <row r="67" spans="1:4" ht="18" customHeight="1" x14ac:dyDescent="0.2">
      <c r="A67" s="14">
        <v>51</v>
      </c>
      <c r="B67" s="15">
        <v>22</v>
      </c>
      <c r="C67" s="16">
        <v>12</v>
      </c>
      <c r="D67" s="17">
        <v>34</v>
      </c>
    </row>
    <row r="68" spans="1:4" ht="18" customHeight="1" x14ac:dyDescent="0.2">
      <c r="A68" s="14">
        <v>52</v>
      </c>
      <c r="B68" s="15">
        <v>16</v>
      </c>
      <c r="C68" s="16">
        <v>13</v>
      </c>
      <c r="D68" s="17">
        <v>29</v>
      </c>
    </row>
    <row r="69" spans="1:4" ht="18" customHeight="1" x14ac:dyDescent="0.2">
      <c r="A69" s="14">
        <v>53</v>
      </c>
      <c r="B69" s="15">
        <v>10</v>
      </c>
      <c r="C69" s="16">
        <v>14</v>
      </c>
      <c r="D69" s="17">
        <v>24</v>
      </c>
    </row>
    <row r="70" spans="1:4" ht="18" customHeight="1" x14ac:dyDescent="0.2">
      <c r="A70" s="14">
        <v>54</v>
      </c>
      <c r="B70" s="15">
        <v>9</v>
      </c>
      <c r="C70" s="16">
        <v>11</v>
      </c>
      <c r="D70" s="17">
        <v>20</v>
      </c>
    </row>
    <row r="71" spans="1:4" ht="18" customHeight="1" x14ac:dyDescent="0.2">
      <c r="A71" s="18" t="s">
        <v>59</v>
      </c>
      <c r="B71" s="15">
        <v>71</v>
      </c>
      <c r="C71" s="16">
        <v>62</v>
      </c>
      <c r="D71" s="17">
        <v>133</v>
      </c>
    </row>
    <row r="72" spans="1:4" ht="18" customHeight="1" x14ac:dyDescent="0.2">
      <c r="A72" s="14">
        <v>55</v>
      </c>
      <c r="B72" s="15">
        <v>8</v>
      </c>
      <c r="C72" s="16">
        <v>13</v>
      </c>
      <c r="D72" s="17">
        <v>21</v>
      </c>
    </row>
    <row r="73" spans="1:4" ht="18" customHeight="1" x14ac:dyDescent="0.2">
      <c r="A73" s="14">
        <v>56</v>
      </c>
      <c r="B73" s="15">
        <v>14</v>
      </c>
      <c r="C73" s="16">
        <v>13</v>
      </c>
      <c r="D73" s="17">
        <v>27</v>
      </c>
    </row>
    <row r="74" spans="1:4" ht="18" customHeight="1" x14ac:dyDescent="0.2">
      <c r="A74" s="14">
        <v>57</v>
      </c>
      <c r="B74" s="15">
        <v>12</v>
      </c>
      <c r="C74" s="16">
        <v>9</v>
      </c>
      <c r="D74" s="17">
        <v>21</v>
      </c>
    </row>
    <row r="75" spans="1:4" ht="18" customHeight="1" x14ac:dyDescent="0.2">
      <c r="A75" s="14">
        <v>58</v>
      </c>
      <c r="B75" s="15">
        <v>9</v>
      </c>
      <c r="C75" s="16">
        <v>11</v>
      </c>
      <c r="D75" s="17">
        <v>20</v>
      </c>
    </row>
    <row r="76" spans="1:4" ht="18" customHeight="1" x14ac:dyDescent="0.2">
      <c r="A76" s="14">
        <v>59</v>
      </c>
      <c r="B76" s="15">
        <v>7</v>
      </c>
      <c r="C76" s="16">
        <v>10</v>
      </c>
      <c r="D76" s="17">
        <v>17</v>
      </c>
    </row>
    <row r="77" spans="1:4" ht="18" customHeight="1" x14ac:dyDescent="0.2">
      <c r="A77" s="18" t="s">
        <v>60</v>
      </c>
      <c r="B77" s="15">
        <v>50</v>
      </c>
      <c r="C77" s="16">
        <v>56</v>
      </c>
      <c r="D77" s="17">
        <v>106</v>
      </c>
    </row>
    <row r="78" spans="1:4" ht="18" customHeight="1" x14ac:dyDescent="0.2">
      <c r="A78" s="14">
        <v>60</v>
      </c>
      <c r="B78" s="15">
        <v>9</v>
      </c>
      <c r="C78" s="16">
        <v>10</v>
      </c>
      <c r="D78" s="17">
        <v>19</v>
      </c>
    </row>
    <row r="79" spans="1:4" ht="18" customHeight="1" x14ac:dyDescent="0.2">
      <c r="A79" s="14">
        <v>61</v>
      </c>
      <c r="B79" s="15">
        <v>11</v>
      </c>
      <c r="C79" s="16">
        <v>10</v>
      </c>
      <c r="D79" s="17">
        <v>21</v>
      </c>
    </row>
    <row r="80" spans="1:4" ht="18" customHeight="1" x14ac:dyDescent="0.2">
      <c r="A80" s="14">
        <v>62</v>
      </c>
      <c r="B80" s="15">
        <v>6</v>
      </c>
      <c r="C80" s="16">
        <v>17</v>
      </c>
      <c r="D80" s="17">
        <v>23</v>
      </c>
    </row>
    <row r="81" spans="1:4" ht="18" customHeight="1" x14ac:dyDescent="0.2">
      <c r="A81" s="14">
        <v>63</v>
      </c>
      <c r="B81" s="15">
        <v>12</v>
      </c>
      <c r="C81" s="16">
        <v>7</v>
      </c>
      <c r="D81" s="17">
        <v>19</v>
      </c>
    </row>
    <row r="82" spans="1:4" ht="18" customHeight="1" x14ac:dyDescent="0.2">
      <c r="A82" s="14">
        <v>64</v>
      </c>
      <c r="B82" s="15">
        <v>7</v>
      </c>
      <c r="C82" s="16">
        <v>12</v>
      </c>
      <c r="D82" s="17">
        <v>19</v>
      </c>
    </row>
    <row r="83" spans="1:4" ht="18" customHeight="1" x14ac:dyDescent="0.2">
      <c r="A83" s="18" t="s">
        <v>61</v>
      </c>
      <c r="B83" s="15">
        <v>45</v>
      </c>
      <c r="C83" s="16">
        <v>56</v>
      </c>
      <c r="D83" s="17">
        <v>101</v>
      </c>
    </row>
    <row r="84" spans="1:4" ht="18" customHeight="1" x14ac:dyDescent="0.2">
      <c r="A84" s="18" t="s">
        <v>62</v>
      </c>
      <c r="B84" s="15">
        <v>536</v>
      </c>
      <c r="C84" s="16">
        <v>535</v>
      </c>
      <c r="D84" s="17">
        <v>1071</v>
      </c>
    </row>
    <row r="85" spans="1:4" ht="18" customHeight="1" x14ac:dyDescent="0.2">
      <c r="A85" s="14">
        <v>65</v>
      </c>
      <c r="B85" s="15">
        <v>9</v>
      </c>
      <c r="C85" s="16">
        <v>11</v>
      </c>
      <c r="D85" s="17">
        <v>20</v>
      </c>
    </row>
    <row r="86" spans="1:4" ht="18" customHeight="1" x14ac:dyDescent="0.2">
      <c r="A86" s="14">
        <v>66</v>
      </c>
      <c r="B86" s="15">
        <v>4</v>
      </c>
      <c r="C86" s="16">
        <v>14</v>
      </c>
      <c r="D86" s="17">
        <v>18</v>
      </c>
    </row>
    <row r="87" spans="1:4" ht="18" customHeight="1" x14ac:dyDescent="0.2">
      <c r="A87" s="14">
        <v>67</v>
      </c>
      <c r="B87" s="15">
        <v>6</v>
      </c>
      <c r="C87" s="16">
        <v>14</v>
      </c>
      <c r="D87" s="17">
        <v>20</v>
      </c>
    </row>
    <row r="88" spans="1:4" ht="18" customHeight="1" x14ac:dyDescent="0.2">
      <c r="A88" s="14">
        <v>68</v>
      </c>
      <c r="B88" s="15">
        <v>13</v>
      </c>
      <c r="C88" s="16">
        <v>10</v>
      </c>
      <c r="D88" s="17">
        <v>23</v>
      </c>
    </row>
    <row r="89" spans="1:4" ht="18" customHeight="1" x14ac:dyDescent="0.2">
      <c r="A89" s="14">
        <v>69</v>
      </c>
      <c r="B89" s="15">
        <v>12</v>
      </c>
      <c r="C89" s="16">
        <v>13</v>
      </c>
      <c r="D89" s="17">
        <v>25</v>
      </c>
    </row>
    <row r="90" spans="1:4" ht="18" customHeight="1" x14ac:dyDescent="0.2">
      <c r="A90" s="18" t="s">
        <v>63</v>
      </c>
      <c r="B90" s="15">
        <v>44</v>
      </c>
      <c r="C90" s="16">
        <v>62</v>
      </c>
      <c r="D90" s="17">
        <v>106</v>
      </c>
    </row>
    <row r="91" spans="1:4" ht="18" customHeight="1" x14ac:dyDescent="0.2">
      <c r="A91" s="14">
        <v>70</v>
      </c>
      <c r="B91" s="15">
        <v>13</v>
      </c>
      <c r="C91" s="16">
        <v>13</v>
      </c>
      <c r="D91" s="17">
        <v>26</v>
      </c>
    </row>
    <row r="92" spans="1:4" ht="18" customHeight="1" x14ac:dyDescent="0.2">
      <c r="A92" s="14">
        <v>71</v>
      </c>
      <c r="B92" s="15">
        <v>14</v>
      </c>
      <c r="C92" s="16">
        <v>21</v>
      </c>
      <c r="D92" s="17">
        <v>35</v>
      </c>
    </row>
    <row r="93" spans="1:4" ht="18" customHeight="1" x14ac:dyDescent="0.2">
      <c r="A93" s="14">
        <v>72</v>
      </c>
      <c r="B93" s="15">
        <v>14</v>
      </c>
      <c r="C93" s="16">
        <v>14</v>
      </c>
      <c r="D93" s="17">
        <v>28</v>
      </c>
    </row>
    <row r="94" spans="1:4" ht="18" customHeight="1" x14ac:dyDescent="0.2">
      <c r="A94" s="14">
        <v>73</v>
      </c>
      <c r="B94" s="15">
        <v>13</v>
      </c>
      <c r="C94" s="16">
        <v>16</v>
      </c>
      <c r="D94" s="17">
        <v>29</v>
      </c>
    </row>
    <row r="95" spans="1:4" ht="18" customHeight="1" x14ac:dyDescent="0.2">
      <c r="A95" s="14">
        <v>74</v>
      </c>
      <c r="B95" s="15">
        <v>10</v>
      </c>
      <c r="C95" s="16">
        <v>11</v>
      </c>
      <c r="D95" s="17">
        <v>21</v>
      </c>
    </row>
    <row r="96" spans="1:4" ht="18" customHeight="1" x14ac:dyDescent="0.2">
      <c r="A96" s="18" t="s">
        <v>64</v>
      </c>
      <c r="B96" s="15">
        <v>64</v>
      </c>
      <c r="C96" s="16">
        <v>75</v>
      </c>
      <c r="D96" s="17">
        <v>139</v>
      </c>
    </row>
    <row r="97" spans="1:4" ht="18" customHeight="1" x14ac:dyDescent="0.2">
      <c r="A97" s="14">
        <v>75</v>
      </c>
      <c r="B97" s="15">
        <v>6</v>
      </c>
      <c r="C97" s="16">
        <v>14</v>
      </c>
      <c r="D97" s="17">
        <v>20</v>
      </c>
    </row>
    <row r="98" spans="1:4" ht="18" customHeight="1" x14ac:dyDescent="0.2">
      <c r="A98" s="14">
        <v>76</v>
      </c>
      <c r="B98" s="15">
        <v>10</v>
      </c>
      <c r="C98" s="16">
        <v>16</v>
      </c>
      <c r="D98" s="17">
        <v>26</v>
      </c>
    </row>
    <row r="99" spans="1:4" ht="18" customHeight="1" x14ac:dyDescent="0.2">
      <c r="A99" s="14">
        <v>77</v>
      </c>
      <c r="B99" s="15">
        <v>10</v>
      </c>
      <c r="C99" s="16">
        <v>14</v>
      </c>
      <c r="D99" s="17">
        <v>24</v>
      </c>
    </row>
    <row r="100" spans="1:4" ht="18" customHeight="1" x14ac:dyDescent="0.2">
      <c r="A100" s="14">
        <v>78</v>
      </c>
      <c r="B100" s="15">
        <v>9</v>
      </c>
      <c r="C100" s="16">
        <v>19</v>
      </c>
      <c r="D100" s="17">
        <v>28</v>
      </c>
    </row>
    <row r="101" spans="1:4" ht="18" customHeight="1" x14ac:dyDescent="0.2">
      <c r="A101" s="14">
        <v>79</v>
      </c>
      <c r="B101" s="15">
        <v>9</v>
      </c>
      <c r="C101" s="16">
        <v>18</v>
      </c>
      <c r="D101" s="17">
        <v>27</v>
      </c>
    </row>
    <row r="102" spans="1:4" ht="18" customHeight="1" x14ac:dyDescent="0.2">
      <c r="A102" s="18" t="s">
        <v>65</v>
      </c>
      <c r="B102" s="15">
        <v>44</v>
      </c>
      <c r="C102" s="16">
        <v>81</v>
      </c>
      <c r="D102" s="17">
        <v>125</v>
      </c>
    </row>
    <row r="103" spans="1:4" ht="18" customHeight="1" x14ac:dyDescent="0.2">
      <c r="A103" s="14">
        <v>80</v>
      </c>
      <c r="B103" s="15">
        <v>10</v>
      </c>
      <c r="C103" s="16">
        <v>18</v>
      </c>
      <c r="D103" s="17">
        <v>28</v>
      </c>
    </row>
    <row r="104" spans="1:4" ht="18" customHeight="1" x14ac:dyDescent="0.2">
      <c r="A104" s="14">
        <v>81</v>
      </c>
      <c r="B104" s="15">
        <v>12</v>
      </c>
      <c r="C104" s="16">
        <v>7</v>
      </c>
      <c r="D104" s="17">
        <v>19</v>
      </c>
    </row>
    <row r="105" spans="1:4" ht="18" customHeight="1" x14ac:dyDescent="0.2">
      <c r="A105" s="14">
        <v>82</v>
      </c>
      <c r="B105" s="15">
        <v>7</v>
      </c>
      <c r="C105" s="16">
        <v>8</v>
      </c>
      <c r="D105" s="17">
        <v>15</v>
      </c>
    </row>
    <row r="106" spans="1:4" ht="18" customHeight="1" x14ac:dyDescent="0.2">
      <c r="A106" s="14">
        <v>83</v>
      </c>
      <c r="B106" s="15">
        <v>12</v>
      </c>
      <c r="C106" s="16">
        <v>9</v>
      </c>
      <c r="D106" s="17">
        <v>21</v>
      </c>
    </row>
    <row r="107" spans="1:4" ht="18" customHeight="1" x14ac:dyDescent="0.2">
      <c r="A107" s="14">
        <v>84</v>
      </c>
      <c r="B107" s="15">
        <v>5</v>
      </c>
      <c r="C107" s="16">
        <v>10</v>
      </c>
      <c r="D107" s="17">
        <v>15</v>
      </c>
    </row>
    <row r="108" spans="1:4" ht="18" customHeight="1" x14ac:dyDescent="0.2">
      <c r="A108" s="18" t="s">
        <v>66</v>
      </c>
      <c r="B108" s="15">
        <v>46</v>
      </c>
      <c r="C108" s="16">
        <v>52</v>
      </c>
      <c r="D108" s="17">
        <v>98</v>
      </c>
    </row>
    <row r="109" spans="1:4" ht="18" customHeight="1" x14ac:dyDescent="0.2">
      <c r="A109" s="14">
        <v>85</v>
      </c>
      <c r="B109" s="15">
        <v>4</v>
      </c>
      <c r="C109" s="16">
        <v>7</v>
      </c>
      <c r="D109" s="17">
        <v>11</v>
      </c>
    </row>
    <row r="110" spans="1:4" ht="18" customHeight="1" x14ac:dyDescent="0.2">
      <c r="A110" s="14">
        <v>86</v>
      </c>
      <c r="B110" s="15">
        <v>5</v>
      </c>
      <c r="C110" s="16">
        <v>11</v>
      </c>
      <c r="D110" s="17">
        <v>16</v>
      </c>
    </row>
    <row r="111" spans="1:4" ht="18" customHeight="1" x14ac:dyDescent="0.2">
      <c r="A111" s="14">
        <v>87</v>
      </c>
      <c r="B111" s="15">
        <v>6</v>
      </c>
      <c r="C111" s="16">
        <v>10</v>
      </c>
      <c r="D111" s="17">
        <v>16</v>
      </c>
    </row>
    <row r="112" spans="1:4" ht="18" customHeight="1" x14ac:dyDescent="0.2">
      <c r="A112" s="14">
        <v>88</v>
      </c>
      <c r="B112" s="15">
        <v>4</v>
      </c>
      <c r="C112" s="16">
        <v>9</v>
      </c>
      <c r="D112" s="17">
        <v>13</v>
      </c>
    </row>
    <row r="113" spans="1:4" ht="18" customHeight="1" x14ac:dyDescent="0.2">
      <c r="A113" s="14">
        <v>89</v>
      </c>
      <c r="B113" s="15">
        <v>5</v>
      </c>
      <c r="C113" s="16">
        <v>3</v>
      </c>
      <c r="D113" s="17">
        <v>8</v>
      </c>
    </row>
    <row r="114" spans="1:4" ht="18" customHeight="1" x14ac:dyDescent="0.2">
      <c r="A114" s="18" t="s">
        <v>67</v>
      </c>
      <c r="B114" s="15">
        <v>24</v>
      </c>
      <c r="C114" s="16">
        <v>40</v>
      </c>
      <c r="D114" s="17">
        <v>64</v>
      </c>
    </row>
    <row r="115" spans="1:4" ht="18" customHeight="1" x14ac:dyDescent="0.2">
      <c r="A115" s="14">
        <v>90</v>
      </c>
      <c r="B115" s="15">
        <v>3</v>
      </c>
      <c r="C115" s="16">
        <v>8</v>
      </c>
      <c r="D115" s="17">
        <v>11</v>
      </c>
    </row>
    <row r="116" spans="1:4" ht="18" customHeight="1" x14ac:dyDescent="0.2">
      <c r="A116" s="14">
        <v>91</v>
      </c>
      <c r="B116" s="15">
        <v>4</v>
      </c>
      <c r="C116" s="16">
        <v>8</v>
      </c>
      <c r="D116" s="17">
        <v>12</v>
      </c>
    </row>
    <row r="117" spans="1:4" ht="18" customHeight="1" x14ac:dyDescent="0.2">
      <c r="A117" s="14">
        <v>92</v>
      </c>
      <c r="B117" s="15">
        <v>0</v>
      </c>
      <c r="C117" s="16">
        <v>7</v>
      </c>
      <c r="D117" s="17">
        <v>7</v>
      </c>
    </row>
    <row r="118" spans="1:4" ht="18" customHeight="1" x14ac:dyDescent="0.2">
      <c r="A118" s="14">
        <v>93</v>
      </c>
      <c r="B118" s="15">
        <v>2</v>
      </c>
      <c r="C118" s="16">
        <v>5</v>
      </c>
      <c r="D118" s="17">
        <v>7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9</v>
      </c>
      <c r="C120" s="16">
        <v>31</v>
      </c>
      <c r="D120" s="17">
        <v>40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2</v>
      </c>
      <c r="C122" s="16">
        <v>2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7</v>
      </c>
      <c r="D126" s="17">
        <v>9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1</v>
      </c>
      <c r="C129" s="16">
        <v>0</v>
      </c>
      <c r="D129" s="17">
        <v>1</v>
      </c>
    </row>
    <row r="130" spans="1:4" ht="18" customHeight="1" x14ac:dyDescent="0.2">
      <c r="A130" s="18" t="s">
        <v>72</v>
      </c>
      <c r="B130" s="4">
        <v>234</v>
      </c>
      <c r="C130" s="5">
        <v>348</v>
      </c>
      <c r="D130" s="6">
        <v>582</v>
      </c>
    </row>
    <row r="131" spans="1:4" ht="18" customHeight="1" x14ac:dyDescent="0.2">
      <c r="A131" s="20" t="s">
        <v>47</v>
      </c>
      <c r="B131" s="7">
        <v>860</v>
      </c>
      <c r="C131" s="8">
        <v>989</v>
      </c>
      <c r="D131" s="9">
        <v>184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0</v>
      </c>
      <c r="C5" s="12">
        <v>42</v>
      </c>
      <c r="D5" s="13">
        <v>82</v>
      </c>
    </row>
    <row r="6" spans="1:4" ht="18" customHeight="1" x14ac:dyDescent="0.2">
      <c r="A6" s="14">
        <v>1</v>
      </c>
      <c r="B6" s="15">
        <v>26</v>
      </c>
      <c r="C6" s="16">
        <v>39</v>
      </c>
      <c r="D6" s="17">
        <v>65</v>
      </c>
    </row>
    <row r="7" spans="1:4" ht="18" customHeight="1" x14ac:dyDescent="0.2">
      <c r="A7" s="14">
        <v>2</v>
      </c>
      <c r="B7" s="15">
        <v>41</v>
      </c>
      <c r="C7" s="16">
        <v>37</v>
      </c>
      <c r="D7" s="17">
        <v>78</v>
      </c>
    </row>
    <row r="8" spans="1:4" ht="18" customHeight="1" x14ac:dyDescent="0.2">
      <c r="A8" s="14">
        <v>3</v>
      </c>
      <c r="B8" s="15">
        <v>28</v>
      </c>
      <c r="C8" s="16">
        <v>41</v>
      </c>
      <c r="D8" s="17">
        <v>69</v>
      </c>
    </row>
    <row r="9" spans="1:4" ht="18" customHeight="1" x14ac:dyDescent="0.2">
      <c r="A9" s="14">
        <v>4</v>
      </c>
      <c r="B9" s="15">
        <v>45</v>
      </c>
      <c r="C9" s="16">
        <v>50</v>
      </c>
      <c r="D9" s="17">
        <v>95</v>
      </c>
    </row>
    <row r="10" spans="1:4" ht="18" customHeight="1" x14ac:dyDescent="0.2">
      <c r="A10" s="18" t="s">
        <v>48</v>
      </c>
      <c r="B10" s="15">
        <v>180</v>
      </c>
      <c r="C10" s="16">
        <v>209</v>
      </c>
      <c r="D10" s="17">
        <v>389</v>
      </c>
    </row>
    <row r="11" spans="1:4" ht="18" customHeight="1" x14ac:dyDescent="0.2">
      <c r="A11" s="14">
        <v>5</v>
      </c>
      <c r="B11" s="15">
        <v>40</v>
      </c>
      <c r="C11" s="16">
        <v>43</v>
      </c>
      <c r="D11" s="17">
        <v>83</v>
      </c>
    </row>
    <row r="12" spans="1:4" ht="18" customHeight="1" x14ac:dyDescent="0.2">
      <c r="A12" s="14">
        <v>6</v>
      </c>
      <c r="B12" s="15">
        <v>41</v>
      </c>
      <c r="C12" s="16">
        <v>27</v>
      </c>
      <c r="D12" s="17">
        <v>68</v>
      </c>
    </row>
    <row r="13" spans="1:4" ht="18" customHeight="1" x14ac:dyDescent="0.2">
      <c r="A13" s="14">
        <v>7</v>
      </c>
      <c r="B13" s="15">
        <v>36</v>
      </c>
      <c r="C13" s="16">
        <v>42</v>
      </c>
      <c r="D13" s="17">
        <v>78</v>
      </c>
    </row>
    <row r="14" spans="1:4" ht="18" customHeight="1" x14ac:dyDescent="0.2">
      <c r="A14" s="14">
        <v>8</v>
      </c>
      <c r="B14" s="15">
        <v>57</v>
      </c>
      <c r="C14" s="16">
        <v>30</v>
      </c>
      <c r="D14" s="17">
        <v>87</v>
      </c>
    </row>
    <row r="15" spans="1:4" ht="18" customHeight="1" x14ac:dyDescent="0.2">
      <c r="A15" s="14">
        <v>9</v>
      </c>
      <c r="B15" s="15">
        <v>45</v>
      </c>
      <c r="C15" s="16">
        <v>40</v>
      </c>
      <c r="D15" s="17">
        <v>85</v>
      </c>
    </row>
    <row r="16" spans="1:4" ht="18" customHeight="1" x14ac:dyDescent="0.2">
      <c r="A16" s="18" t="s">
        <v>49</v>
      </c>
      <c r="B16" s="15">
        <v>219</v>
      </c>
      <c r="C16" s="16">
        <v>182</v>
      </c>
      <c r="D16" s="17">
        <v>401</v>
      </c>
    </row>
    <row r="17" spans="1:4" ht="18" customHeight="1" x14ac:dyDescent="0.2">
      <c r="A17" s="14">
        <v>10</v>
      </c>
      <c r="B17" s="15">
        <v>48</v>
      </c>
      <c r="C17" s="16">
        <v>43</v>
      </c>
      <c r="D17" s="17">
        <v>91</v>
      </c>
    </row>
    <row r="18" spans="1:4" ht="18" customHeight="1" x14ac:dyDescent="0.2">
      <c r="A18" s="14">
        <v>11</v>
      </c>
      <c r="B18" s="15">
        <v>54</v>
      </c>
      <c r="C18" s="16">
        <v>37</v>
      </c>
      <c r="D18" s="17">
        <v>91</v>
      </c>
    </row>
    <row r="19" spans="1:4" ht="18" customHeight="1" x14ac:dyDescent="0.2">
      <c r="A19" s="14">
        <v>12</v>
      </c>
      <c r="B19" s="15">
        <v>47</v>
      </c>
      <c r="C19" s="16">
        <v>41</v>
      </c>
      <c r="D19" s="17">
        <v>88</v>
      </c>
    </row>
    <row r="20" spans="1:4" ht="18" customHeight="1" x14ac:dyDescent="0.2">
      <c r="A20" s="14">
        <v>13</v>
      </c>
      <c r="B20" s="15">
        <v>47</v>
      </c>
      <c r="C20" s="16">
        <v>45</v>
      </c>
      <c r="D20" s="17">
        <v>92</v>
      </c>
    </row>
    <row r="21" spans="1:4" ht="18" customHeight="1" x14ac:dyDescent="0.2">
      <c r="A21" s="14">
        <v>14</v>
      </c>
      <c r="B21" s="15">
        <v>44</v>
      </c>
      <c r="C21" s="16">
        <v>42</v>
      </c>
      <c r="D21" s="17">
        <v>86</v>
      </c>
    </row>
    <row r="22" spans="1:4" ht="18" customHeight="1" x14ac:dyDescent="0.2">
      <c r="A22" s="18" t="s">
        <v>50</v>
      </c>
      <c r="B22" s="15">
        <v>240</v>
      </c>
      <c r="C22" s="16">
        <v>208</v>
      </c>
      <c r="D22" s="17">
        <v>448</v>
      </c>
    </row>
    <row r="23" spans="1:4" ht="18" customHeight="1" x14ac:dyDescent="0.2">
      <c r="A23" s="18" t="s">
        <v>51</v>
      </c>
      <c r="B23" s="15">
        <v>639</v>
      </c>
      <c r="C23" s="16">
        <v>599</v>
      </c>
      <c r="D23" s="17">
        <v>1238</v>
      </c>
    </row>
    <row r="24" spans="1:4" ht="18" customHeight="1" x14ac:dyDescent="0.2">
      <c r="A24" s="14">
        <v>15</v>
      </c>
      <c r="B24" s="15">
        <v>58</v>
      </c>
      <c r="C24" s="16">
        <v>40</v>
      </c>
      <c r="D24" s="17">
        <v>98</v>
      </c>
    </row>
    <row r="25" spans="1:4" ht="18" customHeight="1" x14ac:dyDescent="0.2">
      <c r="A25" s="14">
        <v>16</v>
      </c>
      <c r="B25" s="15">
        <v>51</v>
      </c>
      <c r="C25" s="16">
        <v>44</v>
      </c>
      <c r="D25" s="17">
        <v>95</v>
      </c>
    </row>
    <row r="26" spans="1:4" ht="18" customHeight="1" x14ac:dyDescent="0.2">
      <c r="A26" s="14">
        <v>17</v>
      </c>
      <c r="B26" s="15">
        <v>44</v>
      </c>
      <c r="C26" s="16">
        <v>52</v>
      </c>
      <c r="D26" s="17">
        <v>96</v>
      </c>
    </row>
    <row r="27" spans="1:4" ht="18" customHeight="1" x14ac:dyDescent="0.2">
      <c r="A27" s="14">
        <v>18</v>
      </c>
      <c r="B27" s="15">
        <v>50</v>
      </c>
      <c r="C27" s="16">
        <v>42</v>
      </c>
      <c r="D27" s="17">
        <v>92</v>
      </c>
    </row>
    <row r="28" spans="1:4" ht="18" customHeight="1" x14ac:dyDescent="0.2">
      <c r="A28" s="14">
        <v>19</v>
      </c>
      <c r="B28" s="15">
        <v>54</v>
      </c>
      <c r="C28" s="16">
        <v>41</v>
      </c>
      <c r="D28" s="17">
        <v>95</v>
      </c>
    </row>
    <row r="29" spans="1:4" ht="18" customHeight="1" x14ac:dyDescent="0.2">
      <c r="A29" s="18" t="s">
        <v>52</v>
      </c>
      <c r="B29" s="15">
        <v>257</v>
      </c>
      <c r="C29" s="16">
        <v>219</v>
      </c>
      <c r="D29" s="17">
        <v>476</v>
      </c>
    </row>
    <row r="30" spans="1:4" ht="18" customHeight="1" x14ac:dyDescent="0.2">
      <c r="A30" s="14">
        <v>20</v>
      </c>
      <c r="B30" s="15">
        <v>62</v>
      </c>
      <c r="C30" s="16">
        <v>51</v>
      </c>
      <c r="D30" s="17">
        <v>113</v>
      </c>
    </row>
    <row r="31" spans="1:4" ht="18" customHeight="1" x14ac:dyDescent="0.2">
      <c r="A31" s="14">
        <v>21</v>
      </c>
      <c r="B31" s="15">
        <v>55</v>
      </c>
      <c r="C31" s="16">
        <v>43</v>
      </c>
      <c r="D31" s="17">
        <v>98</v>
      </c>
    </row>
    <row r="32" spans="1:4" ht="18" customHeight="1" x14ac:dyDescent="0.2">
      <c r="A32" s="14">
        <v>22</v>
      </c>
      <c r="B32" s="15">
        <v>59</v>
      </c>
      <c r="C32" s="16">
        <v>48</v>
      </c>
      <c r="D32" s="17">
        <v>107</v>
      </c>
    </row>
    <row r="33" spans="1:4" ht="18" customHeight="1" x14ac:dyDescent="0.2">
      <c r="A33" s="14">
        <v>23</v>
      </c>
      <c r="B33" s="15">
        <v>69</v>
      </c>
      <c r="C33" s="16">
        <v>43</v>
      </c>
      <c r="D33" s="17">
        <v>112</v>
      </c>
    </row>
    <row r="34" spans="1:4" ht="18" customHeight="1" x14ac:dyDescent="0.2">
      <c r="A34" s="14">
        <v>24</v>
      </c>
      <c r="B34" s="15">
        <v>54</v>
      </c>
      <c r="C34" s="16">
        <v>41</v>
      </c>
      <c r="D34" s="17">
        <v>95</v>
      </c>
    </row>
    <row r="35" spans="1:4" ht="18" customHeight="1" x14ac:dyDescent="0.2">
      <c r="A35" s="18" t="s">
        <v>53</v>
      </c>
      <c r="B35" s="15">
        <v>299</v>
      </c>
      <c r="C35" s="16">
        <v>226</v>
      </c>
      <c r="D35" s="17">
        <v>525</v>
      </c>
    </row>
    <row r="36" spans="1:4" ht="18" customHeight="1" x14ac:dyDescent="0.2">
      <c r="A36" s="14">
        <v>25</v>
      </c>
      <c r="B36" s="15">
        <v>37</v>
      </c>
      <c r="C36" s="16">
        <v>45</v>
      </c>
      <c r="D36" s="17">
        <v>82</v>
      </c>
    </row>
    <row r="37" spans="1:4" ht="18" customHeight="1" x14ac:dyDescent="0.2">
      <c r="A37" s="14">
        <v>26</v>
      </c>
      <c r="B37" s="15">
        <v>61</v>
      </c>
      <c r="C37" s="16">
        <v>68</v>
      </c>
      <c r="D37" s="17">
        <v>129</v>
      </c>
    </row>
    <row r="38" spans="1:4" ht="18" customHeight="1" x14ac:dyDescent="0.2">
      <c r="A38" s="14">
        <v>27</v>
      </c>
      <c r="B38" s="15">
        <v>51</v>
      </c>
      <c r="C38" s="16">
        <v>42</v>
      </c>
      <c r="D38" s="17">
        <v>93</v>
      </c>
    </row>
    <row r="39" spans="1:4" ht="18" customHeight="1" x14ac:dyDescent="0.2">
      <c r="A39" s="14">
        <v>28</v>
      </c>
      <c r="B39" s="15">
        <v>41</v>
      </c>
      <c r="C39" s="16">
        <v>51</v>
      </c>
      <c r="D39" s="17">
        <v>92</v>
      </c>
    </row>
    <row r="40" spans="1:4" ht="18" customHeight="1" x14ac:dyDescent="0.2">
      <c r="A40" s="14">
        <v>29</v>
      </c>
      <c r="B40" s="15">
        <v>53</v>
      </c>
      <c r="C40" s="16">
        <v>55</v>
      </c>
      <c r="D40" s="17">
        <v>108</v>
      </c>
    </row>
    <row r="41" spans="1:4" ht="18" customHeight="1" x14ac:dyDescent="0.2">
      <c r="A41" s="18" t="s">
        <v>54</v>
      </c>
      <c r="B41" s="15">
        <v>243</v>
      </c>
      <c r="C41" s="16">
        <v>261</v>
      </c>
      <c r="D41" s="17">
        <v>504</v>
      </c>
    </row>
    <row r="42" spans="1:4" ht="18" customHeight="1" x14ac:dyDescent="0.2">
      <c r="A42" s="14">
        <v>30</v>
      </c>
      <c r="B42" s="15">
        <v>63</v>
      </c>
      <c r="C42" s="16">
        <v>50</v>
      </c>
      <c r="D42" s="17">
        <v>113</v>
      </c>
    </row>
    <row r="43" spans="1:4" ht="18" customHeight="1" x14ac:dyDescent="0.2">
      <c r="A43" s="14">
        <v>31</v>
      </c>
      <c r="B43" s="15">
        <v>58</v>
      </c>
      <c r="C43" s="16">
        <v>55</v>
      </c>
      <c r="D43" s="17">
        <v>113</v>
      </c>
    </row>
    <row r="44" spans="1:4" ht="18" customHeight="1" x14ac:dyDescent="0.2">
      <c r="A44" s="14">
        <v>32</v>
      </c>
      <c r="B44" s="15">
        <v>58</v>
      </c>
      <c r="C44" s="16">
        <v>52</v>
      </c>
      <c r="D44" s="17">
        <v>110</v>
      </c>
    </row>
    <row r="45" spans="1:4" ht="18" customHeight="1" x14ac:dyDescent="0.2">
      <c r="A45" s="14">
        <v>33</v>
      </c>
      <c r="B45" s="15">
        <v>48</v>
      </c>
      <c r="C45" s="16">
        <v>49</v>
      </c>
      <c r="D45" s="17">
        <v>97</v>
      </c>
    </row>
    <row r="46" spans="1:4" ht="18" customHeight="1" x14ac:dyDescent="0.2">
      <c r="A46" s="14">
        <v>34</v>
      </c>
      <c r="B46" s="15">
        <v>62</v>
      </c>
      <c r="C46" s="16">
        <v>73</v>
      </c>
      <c r="D46" s="17">
        <v>135</v>
      </c>
    </row>
    <row r="47" spans="1:4" ht="18" customHeight="1" x14ac:dyDescent="0.2">
      <c r="A47" s="18" t="s">
        <v>55</v>
      </c>
      <c r="B47" s="15">
        <v>289</v>
      </c>
      <c r="C47" s="16">
        <v>279</v>
      </c>
      <c r="D47" s="17">
        <v>568</v>
      </c>
    </row>
    <row r="48" spans="1:4" ht="18" customHeight="1" x14ac:dyDescent="0.2">
      <c r="A48" s="14">
        <v>35</v>
      </c>
      <c r="B48" s="15">
        <v>55</v>
      </c>
      <c r="C48" s="16">
        <v>42</v>
      </c>
      <c r="D48" s="17">
        <v>97</v>
      </c>
    </row>
    <row r="49" spans="1:4" ht="18" customHeight="1" x14ac:dyDescent="0.2">
      <c r="A49" s="14">
        <v>36</v>
      </c>
      <c r="B49" s="15">
        <v>65</v>
      </c>
      <c r="C49" s="16">
        <v>67</v>
      </c>
      <c r="D49" s="17">
        <v>132</v>
      </c>
    </row>
    <row r="50" spans="1:4" ht="18" customHeight="1" x14ac:dyDescent="0.2">
      <c r="A50" s="14">
        <v>37</v>
      </c>
      <c r="B50" s="15">
        <v>57</v>
      </c>
      <c r="C50" s="16">
        <v>53</v>
      </c>
      <c r="D50" s="17">
        <v>110</v>
      </c>
    </row>
    <row r="51" spans="1:4" ht="18" customHeight="1" x14ac:dyDescent="0.2">
      <c r="A51" s="14">
        <v>38</v>
      </c>
      <c r="B51" s="15">
        <v>70</v>
      </c>
      <c r="C51" s="16">
        <v>56</v>
      </c>
      <c r="D51" s="17">
        <v>126</v>
      </c>
    </row>
    <row r="52" spans="1:4" ht="18" customHeight="1" x14ac:dyDescent="0.2">
      <c r="A52" s="14">
        <v>39</v>
      </c>
      <c r="B52" s="15">
        <v>59</v>
      </c>
      <c r="C52" s="16">
        <v>55</v>
      </c>
      <c r="D52" s="17">
        <v>114</v>
      </c>
    </row>
    <row r="53" spans="1:4" ht="18" customHeight="1" x14ac:dyDescent="0.2">
      <c r="A53" s="18" t="s">
        <v>56</v>
      </c>
      <c r="B53" s="15">
        <v>306</v>
      </c>
      <c r="C53" s="16">
        <v>273</v>
      </c>
      <c r="D53" s="17">
        <v>579</v>
      </c>
    </row>
    <row r="54" spans="1:4" ht="18" customHeight="1" x14ac:dyDescent="0.2">
      <c r="A54" s="14">
        <v>40</v>
      </c>
      <c r="B54" s="15">
        <v>62</v>
      </c>
      <c r="C54" s="16">
        <v>71</v>
      </c>
      <c r="D54" s="17">
        <v>133</v>
      </c>
    </row>
    <row r="55" spans="1:4" ht="18" customHeight="1" x14ac:dyDescent="0.2">
      <c r="A55" s="14">
        <v>41</v>
      </c>
      <c r="B55" s="15">
        <v>69</v>
      </c>
      <c r="C55" s="16">
        <v>65</v>
      </c>
      <c r="D55" s="17">
        <v>134</v>
      </c>
    </row>
    <row r="56" spans="1:4" ht="18" customHeight="1" x14ac:dyDescent="0.2">
      <c r="A56" s="14">
        <v>42</v>
      </c>
      <c r="B56" s="15">
        <v>69</v>
      </c>
      <c r="C56" s="16">
        <v>76</v>
      </c>
      <c r="D56" s="17">
        <v>145</v>
      </c>
    </row>
    <row r="57" spans="1:4" ht="18" customHeight="1" x14ac:dyDescent="0.2">
      <c r="A57" s="14">
        <v>43</v>
      </c>
      <c r="B57" s="15">
        <v>61</v>
      </c>
      <c r="C57" s="16">
        <v>87</v>
      </c>
      <c r="D57" s="17">
        <v>148</v>
      </c>
    </row>
    <row r="58" spans="1:4" ht="18" customHeight="1" x14ac:dyDescent="0.2">
      <c r="A58" s="14">
        <v>44</v>
      </c>
      <c r="B58" s="15">
        <v>69</v>
      </c>
      <c r="C58" s="16">
        <v>87</v>
      </c>
      <c r="D58" s="17">
        <v>156</v>
      </c>
    </row>
    <row r="59" spans="1:4" ht="18" customHeight="1" x14ac:dyDescent="0.2">
      <c r="A59" s="18" t="s">
        <v>57</v>
      </c>
      <c r="B59" s="15">
        <v>330</v>
      </c>
      <c r="C59" s="16">
        <v>386</v>
      </c>
      <c r="D59" s="17">
        <v>716</v>
      </c>
    </row>
    <row r="60" spans="1:4" ht="18" customHeight="1" x14ac:dyDescent="0.2">
      <c r="A60" s="14">
        <v>45</v>
      </c>
      <c r="B60" s="15">
        <v>85</v>
      </c>
      <c r="C60" s="16">
        <v>82</v>
      </c>
      <c r="D60" s="17">
        <v>167</v>
      </c>
    </row>
    <row r="61" spans="1:4" ht="18" customHeight="1" x14ac:dyDescent="0.2">
      <c r="A61" s="14">
        <v>46</v>
      </c>
      <c r="B61" s="15">
        <v>96</v>
      </c>
      <c r="C61" s="16">
        <v>86</v>
      </c>
      <c r="D61" s="17">
        <v>182</v>
      </c>
    </row>
    <row r="62" spans="1:4" ht="18" customHeight="1" x14ac:dyDescent="0.2">
      <c r="A62" s="14">
        <v>47</v>
      </c>
      <c r="B62" s="15">
        <v>78</v>
      </c>
      <c r="C62" s="16">
        <v>89</v>
      </c>
      <c r="D62" s="17">
        <v>167</v>
      </c>
    </row>
    <row r="63" spans="1:4" ht="18" customHeight="1" x14ac:dyDescent="0.2">
      <c r="A63" s="14">
        <v>48</v>
      </c>
      <c r="B63" s="15">
        <v>101</v>
      </c>
      <c r="C63" s="16">
        <v>92</v>
      </c>
      <c r="D63" s="17">
        <v>193</v>
      </c>
    </row>
    <row r="64" spans="1:4" ht="18" customHeight="1" x14ac:dyDescent="0.2">
      <c r="A64" s="14">
        <v>49</v>
      </c>
      <c r="B64" s="15">
        <v>76</v>
      </c>
      <c r="C64" s="16">
        <v>66</v>
      </c>
      <c r="D64" s="17">
        <v>142</v>
      </c>
    </row>
    <row r="65" spans="1:4" ht="18" customHeight="1" x14ac:dyDescent="0.2">
      <c r="A65" s="18" t="s">
        <v>58</v>
      </c>
      <c r="B65" s="15">
        <v>436</v>
      </c>
      <c r="C65" s="16">
        <v>415</v>
      </c>
      <c r="D65" s="17">
        <v>851</v>
      </c>
    </row>
    <row r="66" spans="1:4" ht="18" customHeight="1" x14ac:dyDescent="0.2">
      <c r="A66" s="14">
        <v>50</v>
      </c>
      <c r="B66" s="15">
        <v>92</v>
      </c>
      <c r="C66" s="16">
        <v>102</v>
      </c>
      <c r="D66" s="17">
        <v>194</v>
      </c>
    </row>
    <row r="67" spans="1:4" ht="18" customHeight="1" x14ac:dyDescent="0.2">
      <c r="A67" s="14">
        <v>51</v>
      </c>
      <c r="B67" s="15">
        <v>94</v>
      </c>
      <c r="C67" s="16">
        <v>94</v>
      </c>
      <c r="D67" s="17">
        <v>188</v>
      </c>
    </row>
    <row r="68" spans="1:4" ht="18" customHeight="1" x14ac:dyDescent="0.2">
      <c r="A68" s="14">
        <v>52</v>
      </c>
      <c r="B68" s="15">
        <v>80</v>
      </c>
      <c r="C68" s="16">
        <v>76</v>
      </c>
      <c r="D68" s="17">
        <v>156</v>
      </c>
    </row>
    <row r="69" spans="1:4" ht="18" customHeight="1" x14ac:dyDescent="0.2">
      <c r="A69" s="14">
        <v>53</v>
      </c>
      <c r="B69" s="15">
        <v>75</v>
      </c>
      <c r="C69" s="16">
        <v>57</v>
      </c>
      <c r="D69" s="17">
        <v>132</v>
      </c>
    </row>
    <row r="70" spans="1:4" ht="18" customHeight="1" x14ac:dyDescent="0.2">
      <c r="A70" s="14">
        <v>54</v>
      </c>
      <c r="B70" s="15">
        <v>63</v>
      </c>
      <c r="C70" s="16">
        <v>73</v>
      </c>
      <c r="D70" s="17">
        <v>136</v>
      </c>
    </row>
    <row r="71" spans="1:4" ht="18" customHeight="1" x14ac:dyDescent="0.2">
      <c r="A71" s="18" t="s">
        <v>59</v>
      </c>
      <c r="B71" s="15">
        <v>404</v>
      </c>
      <c r="C71" s="16">
        <v>402</v>
      </c>
      <c r="D71" s="17">
        <v>806</v>
      </c>
    </row>
    <row r="72" spans="1:4" ht="18" customHeight="1" x14ac:dyDescent="0.2">
      <c r="A72" s="14">
        <v>55</v>
      </c>
      <c r="B72" s="15">
        <v>47</v>
      </c>
      <c r="C72" s="16">
        <v>69</v>
      </c>
      <c r="D72" s="17">
        <v>116</v>
      </c>
    </row>
    <row r="73" spans="1:4" ht="18" customHeight="1" x14ac:dyDescent="0.2">
      <c r="A73" s="14">
        <v>56</v>
      </c>
      <c r="B73" s="15">
        <v>66</v>
      </c>
      <c r="C73" s="16">
        <v>59</v>
      </c>
      <c r="D73" s="17">
        <v>125</v>
      </c>
    </row>
    <row r="74" spans="1:4" ht="18" customHeight="1" x14ac:dyDescent="0.2">
      <c r="A74" s="14">
        <v>57</v>
      </c>
      <c r="B74" s="15">
        <v>64</v>
      </c>
      <c r="C74" s="16">
        <v>58</v>
      </c>
      <c r="D74" s="17">
        <v>122</v>
      </c>
    </row>
    <row r="75" spans="1:4" ht="18" customHeight="1" x14ac:dyDescent="0.2">
      <c r="A75" s="14">
        <v>58</v>
      </c>
      <c r="B75" s="15">
        <v>48</v>
      </c>
      <c r="C75" s="16">
        <v>63</v>
      </c>
      <c r="D75" s="17">
        <v>111</v>
      </c>
    </row>
    <row r="76" spans="1:4" ht="18" customHeight="1" x14ac:dyDescent="0.2">
      <c r="A76" s="14">
        <v>59</v>
      </c>
      <c r="B76" s="15">
        <v>49</v>
      </c>
      <c r="C76" s="16">
        <v>62</v>
      </c>
      <c r="D76" s="17">
        <v>111</v>
      </c>
    </row>
    <row r="77" spans="1:4" ht="18" customHeight="1" x14ac:dyDescent="0.2">
      <c r="A77" s="18" t="s">
        <v>60</v>
      </c>
      <c r="B77" s="15">
        <v>274</v>
      </c>
      <c r="C77" s="16">
        <v>311</v>
      </c>
      <c r="D77" s="17">
        <v>585</v>
      </c>
    </row>
    <row r="78" spans="1:4" ht="18" customHeight="1" x14ac:dyDescent="0.2">
      <c r="A78" s="14">
        <v>60</v>
      </c>
      <c r="B78" s="15">
        <v>46</v>
      </c>
      <c r="C78" s="16">
        <v>49</v>
      </c>
      <c r="D78" s="17">
        <v>95</v>
      </c>
    </row>
    <row r="79" spans="1:4" ht="18" customHeight="1" x14ac:dyDescent="0.2">
      <c r="A79" s="14">
        <v>61</v>
      </c>
      <c r="B79" s="15">
        <v>60</v>
      </c>
      <c r="C79" s="16">
        <v>52</v>
      </c>
      <c r="D79" s="17">
        <v>112</v>
      </c>
    </row>
    <row r="80" spans="1:4" ht="18" customHeight="1" x14ac:dyDescent="0.2">
      <c r="A80" s="14">
        <v>62</v>
      </c>
      <c r="B80" s="15">
        <v>42</v>
      </c>
      <c r="C80" s="16">
        <v>35</v>
      </c>
      <c r="D80" s="17">
        <v>77</v>
      </c>
    </row>
    <row r="81" spans="1:4" ht="18" customHeight="1" x14ac:dyDescent="0.2">
      <c r="A81" s="14">
        <v>63</v>
      </c>
      <c r="B81" s="15">
        <v>30</v>
      </c>
      <c r="C81" s="16">
        <v>33</v>
      </c>
      <c r="D81" s="17">
        <v>63</v>
      </c>
    </row>
    <row r="82" spans="1:4" ht="18" customHeight="1" x14ac:dyDescent="0.2">
      <c r="A82" s="14">
        <v>64</v>
      </c>
      <c r="B82" s="15">
        <v>30</v>
      </c>
      <c r="C82" s="16">
        <v>38</v>
      </c>
      <c r="D82" s="17">
        <v>68</v>
      </c>
    </row>
    <row r="83" spans="1:4" ht="18" customHeight="1" x14ac:dyDescent="0.2">
      <c r="A83" s="18" t="s">
        <v>61</v>
      </c>
      <c r="B83" s="15">
        <v>208</v>
      </c>
      <c r="C83" s="16">
        <v>207</v>
      </c>
      <c r="D83" s="17">
        <v>415</v>
      </c>
    </row>
    <row r="84" spans="1:4" ht="18" customHeight="1" x14ac:dyDescent="0.2">
      <c r="A84" s="18" t="s">
        <v>62</v>
      </c>
      <c r="B84" s="15">
        <v>3046</v>
      </c>
      <c r="C84" s="16">
        <v>2979</v>
      </c>
      <c r="D84" s="17">
        <v>6025</v>
      </c>
    </row>
    <row r="85" spans="1:4" ht="18" customHeight="1" x14ac:dyDescent="0.2">
      <c r="A85" s="14">
        <v>65</v>
      </c>
      <c r="B85" s="15">
        <v>48</v>
      </c>
      <c r="C85" s="16">
        <v>31</v>
      </c>
      <c r="D85" s="17">
        <v>79</v>
      </c>
    </row>
    <row r="86" spans="1:4" ht="18" customHeight="1" x14ac:dyDescent="0.2">
      <c r="A86" s="14">
        <v>66</v>
      </c>
      <c r="B86" s="15">
        <v>34</v>
      </c>
      <c r="C86" s="16">
        <v>41</v>
      </c>
      <c r="D86" s="17">
        <v>75</v>
      </c>
    </row>
    <row r="87" spans="1:4" ht="18" customHeight="1" x14ac:dyDescent="0.2">
      <c r="A87" s="14">
        <v>67</v>
      </c>
      <c r="B87" s="15">
        <v>34</v>
      </c>
      <c r="C87" s="16">
        <v>46</v>
      </c>
      <c r="D87" s="17">
        <v>80</v>
      </c>
    </row>
    <row r="88" spans="1:4" ht="18" customHeight="1" x14ac:dyDescent="0.2">
      <c r="A88" s="14">
        <v>68</v>
      </c>
      <c r="B88" s="15">
        <v>40</v>
      </c>
      <c r="C88" s="16">
        <v>41</v>
      </c>
      <c r="D88" s="17">
        <v>81</v>
      </c>
    </row>
    <row r="89" spans="1:4" ht="18" customHeight="1" x14ac:dyDescent="0.2">
      <c r="A89" s="14">
        <v>69</v>
      </c>
      <c r="B89" s="15">
        <v>37</v>
      </c>
      <c r="C89" s="16">
        <v>42</v>
      </c>
      <c r="D89" s="17">
        <v>79</v>
      </c>
    </row>
    <row r="90" spans="1:4" ht="18" customHeight="1" x14ac:dyDescent="0.2">
      <c r="A90" s="18" t="s">
        <v>63</v>
      </c>
      <c r="B90" s="15">
        <v>193</v>
      </c>
      <c r="C90" s="16">
        <v>201</v>
      </c>
      <c r="D90" s="17">
        <v>394</v>
      </c>
    </row>
    <row r="91" spans="1:4" ht="18" customHeight="1" x14ac:dyDescent="0.2">
      <c r="A91" s="14">
        <v>70</v>
      </c>
      <c r="B91" s="15">
        <v>49</v>
      </c>
      <c r="C91" s="16">
        <v>44</v>
      </c>
      <c r="D91" s="17">
        <v>93</v>
      </c>
    </row>
    <row r="92" spans="1:4" ht="18" customHeight="1" x14ac:dyDescent="0.2">
      <c r="A92" s="14">
        <v>71</v>
      </c>
      <c r="B92" s="15">
        <v>42</v>
      </c>
      <c r="C92" s="16">
        <v>56</v>
      </c>
      <c r="D92" s="17">
        <v>98</v>
      </c>
    </row>
    <row r="93" spans="1:4" ht="18" customHeight="1" x14ac:dyDescent="0.2">
      <c r="A93" s="14">
        <v>72</v>
      </c>
      <c r="B93" s="15">
        <v>39</v>
      </c>
      <c r="C93" s="16">
        <v>67</v>
      </c>
      <c r="D93" s="17">
        <v>106</v>
      </c>
    </row>
    <row r="94" spans="1:4" ht="18" customHeight="1" x14ac:dyDescent="0.2">
      <c r="A94" s="14">
        <v>73</v>
      </c>
      <c r="B94" s="15">
        <v>40</v>
      </c>
      <c r="C94" s="16">
        <v>36</v>
      </c>
      <c r="D94" s="17">
        <v>76</v>
      </c>
    </row>
    <row r="95" spans="1:4" ht="18" customHeight="1" x14ac:dyDescent="0.2">
      <c r="A95" s="14">
        <v>74</v>
      </c>
      <c r="B95" s="15">
        <v>19</v>
      </c>
      <c r="C95" s="16">
        <v>29</v>
      </c>
      <c r="D95" s="17">
        <v>48</v>
      </c>
    </row>
    <row r="96" spans="1:4" ht="18" customHeight="1" x14ac:dyDescent="0.2">
      <c r="A96" s="18" t="s">
        <v>64</v>
      </c>
      <c r="B96" s="15">
        <v>189</v>
      </c>
      <c r="C96" s="16">
        <v>232</v>
      </c>
      <c r="D96" s="17">
        <v>421</v>
      </c>
    </row>
    <row r="97" spans="1:4" ht="18" customHeight="1" x14ac:dyDescent="0.2">
      <c r="A97" s="14">
        <v>75</v>
      </c>
      <c r="B97" s="15">
        <v>22</v>
      </c>
      <c r="C97" s="16">
        <v>31</v>
      </c>
      <c r="D97" s="17">
        <v>53</v>
      </c>
    </row>
    <row r="98" spans="1:4" ht="18" customHeight="1" x14ac:dyDescent="0.2">
      <c r="A98" s="14">
        <v>76</v>
      </c>
      <c r="B98" s="15">
        <v>35</v>
      </c>
      <c r="C98" s="16">
        <v>45</v>
      </c>
      <c r="D98" s="17">
        <v>80</v>
      </c>
    </row>
    <row r="99" spans="1:4" ht="18" customHeight="1" x14ac:dyDescent="0.2">
      <c r="A99" s="14">
        <v>77</v>
      </c>
      <c r="B99" s="15">
        <v>19</v>
      </c>
      <c r="C99" s="16">
        <v>46</v>
      </c>
      <c r="D99" s="17">
        <v>65</v>
      </c>
    </row>
    <row r="100" spans="1:4" ht="18" customHeight="1" x14ac:dyDescent="0.2">
      <c r="A100" s="14">
        <v>78</v>
      </c>
      <c r="B100" s="15">
        <v>38</v>
      </c>
      <c r="C100" s="16">
        <v>51</v>
      </c>
      <c r="D100" s="17">
        <v>89</v>
      </c>
    </row>
    <row r="101" spans="1:4" ht="18" customHeight="1" x14ac:dyDescent="0.2">
      <c r="A101" s="14">
        <v>79</v>
      </c>
      <c r="B101" s="15">
        <v>27</v>
      </c>
      <c r="C101" s="16">
        <v>30</v>
      </c>
      <c r="D101" s="17">
        <v>57</v>
      </c>
    </row>
    <row r="102" spans="1:4" ht="18" customHeight="1" x14ac:dyDescent="0.2">
      <c r="A102" s="18" t="s">
        <v>65</v>
      </c>
      <c r="B102" s="15">
        <v>141</v>
      </c>
      <c r="C102" s="16">
        <v>203</v>
      </c>
      <c r="D102" s="17">
        <v>344</v>
      </c>
    </row>
    <row r="103" spans="1:4" ht="18" customHeight="1" x14ac:dyDescent="0.2">
      <c r="A103" s="14">
        <v>80</v>
      </c>
      <c r="B103" s="15">
        <v>22</v>
      </c>
      <c r="C103" s="16">
        <v>31</v>
      </c>
      <c r="D103" s="17">
        <v>53</v>
      </c>
    </row>
    <row r="104" spans="1:4" ht="18" customHeight="1" x14ac:dyDescent="0.2">
      <c r="A104" s="14">
        <v>81</v>
      </c>
      <c r="B104" s="15">
        <v>25</v>
      </c>
      <c r="C104" s="16">
        <v>19</v>
      </c>
      <c r="D104" s="17">
        <v>44</v>
      </c>
    </row>
    <row r="105" spans="1:4" ht="18" customHeight="1" x14ac:dyDescent="0.2">
      <c r="A105" s="14">
        <v>82</v>
      </c>
      <c r="B105" s="15">
        <v>23</v>
      </c>
      <c r="C105" s="16">
        <v>23</v>
      </c>
      <c r="D105" s="17">
        <v>46</v>
      </c>
    </row>
    <row r="106" spans="1:4" ht="18" customHeight="1" x14ac:dyDescent="0.2">
      <c r="A106" s="14">
        <v>83</v>
      </c>
      <c r="B106" s="15">
        <v>15</v>
      </c>
      <c r="C106" s="16">
        <v>26</v>
      </c>
      <c r="D106" s="17">
        <v>41</v>
      </c>
    </row>
    <row r="107" spans="1:4" ht="18" customHeight="1" x14ac:dyDescent="0.2">
      <c r="A107" s="14">
        <v>84</v>
      </c>
      <c r="B107" s="15">
        <v>18</v>
      </c>
      <c r="C107" s="16">
        <v>33</v>
      </c>
      <c r="D107" s="17">
        <v>51</v>
      </c>
    </row>
    <row r="108" spans="1:4" ht="18" customHeight="1" x14ac:dyDescent="0.2">
      <c r="A108" s="18" t="s">
        <v>66</v>
      </c>
      <c r="B108" s="15">
        <v>103</v>
      </c>
      <c r="C108" s="16">
        <v>132</v>
      </c>
      <c r="D108" s="17">
        <v>235</v>
      </c>
    </row>
    <row r="109" spans="1:4" ht="18" customHeight="1" x14ac:dyDescent="0.2">
      <c r="A109" s="14">
        <v>85</v>
      </c>
      <c r="B109" s="15">
        <v>10</v>
      </c>
      <c r="C109" s="16">
        <v>29</v>
      </c>
      <c r="D109" s="17">
        <v>39</v>
      </c>
    </row>
    <row r="110" spans="1:4" ht="18" customHeight="1" x14ac:dyDescent="0.2">
      <c r="A110" s="14">
        <v>86</v>
      </c>
      <c r="B110" s="15">
        <v>14</v>
      </c>
      <c r="C110" s="16">
        <v>18</v>
      </c>
      <c r="D110" s="17">
        <v>32</v>
      </c>
    </row>
    <row r="111" spans="1:4" ht="18" customHeight="1" x14ac:dyDescent="0.2">
      <c r="A111" s="14">
        <v>87</v>
      </c>
      <c r="B111" s="15">
        <v>19</v>
      </c>
      <c r="C111" s="16">
        <v>27</v>
      </c>
      <c r="D111" s="17">
        <v>46</v>
      </c>
    </row>
    <row r="112" spans="1:4" ht="18" customHeight="1" x14ac:dyDescent="0.2">
      <c r="A112" s="14">
        <v>88</v>
      </c>
      <c r="B112" s="15">
        <v>6</v>
      </c>
      <c r="C112" s="16">
        <v>20</v>
      </c>
      <c r="D112" s="17">
        <v>26</v>
      </c>
    </row>
    <row r="113" spans="1:4" ht="18" customHeight="1" x14ac:dyDescent="0.2">
      <c r="A113" s="14">
        <v>89</v>
      </c>
      <c r="B113" s="15">
        <v>6</v>
      </c>
      <c r="C113" s="16">
        <v>14</v>
      </c>
      <c r="D113" s="17">
        <v>20</v>
      </c>
    </row>
    <row r="114" spans="1:4" ht="18" customHeight="1" x14ac:dyDescent="0.2">
      <c r="A114" s="18" t="s">
        <v>67</v>
      </c>
      <c r="B114" s="15">
        <v>55</v>
      </c>
      <c r="C114" s="16">
        <v>108</v>
      </c>
      <c r="D114" s="17">
        <v>163</v>
      </c>
    </row>
    <row r="115" spans="1:4" ht="18" customHeight="1" x14ac:dyDescent="0.2">
      <c r="A115" s="14">
        <v>90</v>
      </c>
      <c r="B115" s="15">
        <v>7</v>
      </c>
      <c r="C115" s="16">
        <v>26</v>
      </c>
      <c r="D115" s="17">
        <v>33</v>
      </c>
    </row>
    <row r="116" spans="1:4" ht="18" customHeight="1" x14ac:dyDescent="0.2">
      <c r="A116" s="14">
        <v>91</v>
      </c>
      <c r="B116" s="15">
        <v>6</v>
      </c>
      <c r="C116" s="16">
        <v>20</v>
      </c>
      <c r="D116" s="17">
        <v>26</v>
      </c>
    </row>
    <row r="117" spans="1:4" ht="18" customHeight="1" x14ac:dyDescent="0.2">
      <c r="A117" s="14">
        <v>92</v>
      </c>
      <c r="B117" s="15">
        <v>7</v>
      </c>
      <c r="C117" s="16">
        <v>14</v>
      </c>
      <c r="D117" s="17">
        <v>21</v>
      </c>
    </row>
    <row r="118" spans="1:4" ht="18" customHeight="1" x14ac:dyDescent="0.2">
      <c r="A118" s="14">
        <v>93</v>
      </c>
      <c r="B118" s="15">
        <v>2</v>
      </c>
      <c r="C118" s="16">
        <v>11</v>
      </c>
      <c r="D118" s="17">
        <v>13</v>
      </c>
    </row>
    <row r="119" spans="1:4" ht="18" customHeight="1" x14ac:dyDescent="0.2">
      <c r="A119" s="14">
        <v>94</v>
      </c>
      <c r="B119" s="15">
        <v>5</v>
      </c>
      <c r="C119" s="16">
        <v>5</v>
      </c>
      <c r="D119" s="17">
        <v>10</v>
      </c>
    </row>
    <row r="120" spans="1:4" ht="18" customHeight="1" x14ac:dyDescent="0.2">
      <c r="A120" s="18" t="s">
        <v>68</v>
      </c>
      <c r="B120" s="15">
        <v>27</v>
      </c>
      <c r="C120" s="16">
        <v>76</v>
      </c>
      <c r="D120" s="17">
        <v>103</v>
      </c>
    </row>
    <row r="121" spans="1:4" ht="18" customHeight="1" x14ac:dyDescent="0.2">
      <c r="A121" s="14">
        <v>95</v>
      </c>
      <c r="B121" s="15">
        <v>3</v>
      </c>
      <c r="C121" s="16">
        <v>10</v>
      </c>
      <c r="D121" s="17">
        <v>13</v>
      </c>
    </row>
    <row r="122" spans="1:4" ht="18" customHeight="1" x14ac:dyDescent="0.2">
      <c r="A122" s="14">
        <v>96</v>
      </c>
      <c r="B122" s="15">
        <v>2</v>
      </c>
      <c r="C122" s="16">
        <v>4</v>
      </c>
      <c r="D122" s="17">
        <v>6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6</v>
      </c>
      <c r="C126" s="16">
        <v>24</v>
      </c>
      <c r="D126" s="17">
        <v>3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714</v>
      </c>
      <c r="C130" s="5">
        <v>976</v>
      </c>
      <c r="D130" s="6">
        <v>1690</v>
      </c>
    </row>
    <row r="131" spans="1:4" ht="18" customHeight="1" x14ac:dyDescent="0.2">
      <c r="A131" s="20" t="s">
        <v>47</v>
      </c>
      <c r="B131" s="7">
        <v>4399</v>
      </c>
      <c r="C131" s="8">
        <v>4554</v>
      </c>
      <c r="D131" s="9">
        <v>895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6" t="s">
        <v>147</v>
      </c>
      <c r="C3" s="56"/>
      <c r="D3" s="56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24">
        <v>61</v>
      </c>
      <c r="C5" s="25">
        <v>60</v>
      </c>
      <c r="D5" s="26">
        <v>121</v>
      </c>
    </row>
    <row r="6" spans="1:4" ht="18" customHeight="1" x14ac:dyDescent="0.2">
      <c r="A6" s="31">
        <v>1</v>
      </c>
      <c r="B6" s="27">
        <v>53</v>
      </c>
      <c r="C6" s="28">
        <v>42</v>
      </c>
      <c r="D6" s="29">
        <v>95</v>
      </c>
    </row>
    <row r="7" spans="1:4" ht="18" customHeight="1" x14ac:dyDescent="0.2">
      <c r="A7" s="31">
        <v>2</v>
      </c>
      <c r="B7" s="27">
        <v>52</v>
      </c>
      <c r="C7" s="28">
        <v>48</v>
      </c>
      <c r="D7" s="29">
        <v>100</v>
      </c>
    </row>
    <row r="8" spans="1:4" ht="18" customHeight="1" x14ac:dyDescent="0.2">
      <c r="A8" s="31">
        <v>3</v>
      </c>
      <c r="B8" s="27">
        <v>57</v>
      </c>
      <c r="C8" s="28">
        <v>50</v>
      </c>
      <c r="D8" s="29">
        <v>107</v>
      </c>
    </row>
    <row r="9" spans="1:4" ht="18" customHeight="1" x14ac:dyDescent="0.2">
      <c r="A9" s="31">
        <v>4</v>
      </c>
      <c r="B9" s="27">
        <v>60</v>
      </c>
      <c r="C9" s="28">
        <v>53</v>
      </c>
      <c r="D9" s="29">
        <v>113</v>
      </c>
    </row>
    <row r="10" spans="1:4" ht="18" customHeight="1" x14ac:dyDescent="0.2">
      <c r="A10" s="31" t="s">
        <v>48</v>
      </c>
      <c r="B10" s="27">
        <v>283</v>
      </c>
      <c r="C10" s="28">
        <v>253</v>
      </c>
      <c r="D10" s="29">
        <v>536</v>
      </c>
    </row>
    <row r="11" spans="1:4" ht="18" customHeight="1" x14ac:dyDescent="0.2">
      <c r="A11" s="31">
        <v>5</v>
      </c>
      <c r="B11" s="27">
        <v>55</v>
      </c>
      <c r="C11" s="28">
        <v>53</v>
      </c>
      <c r="D11" s="29">
        <v>108</v>
      </c>
    </row>
    <row r="12" spans="1:4" ht="18" customHeight="1" x14ac:dyDescent="0.2">
      <c r="A12" s="31">
        <v>6</v>
      </c>
      <c r="B12" s="27">
        <v>53</v>
      </c>
      <c r="C12" s="28">
        <v>51</v>
      </c>
      <c r="D12" s="29">
        <v>104</v>
      </c>
    </row>
    <row r="13" spans="1:4" ht="18" customHeight="1" x14ac:dyDescent="0.2">
      <c r="A13" s="31">
        <v>7</v>
      </c>
      <c r="B13" s="27">
        <v>49</v>
      </c>
      <c r="C13" s="28">
        <v>50</v>
      </c>
      <c r="D13" s="29">
        <v>99</v>
      </c>
    </row>
    <row r="14" spans="1:4" ht="18" customHeight="1" x14ac:dyDescent="0.2">
      <c r="A14" s="31">
        <v>8</v>
      </c>
      <c r="B14" s="27">
        <v>60</v>
      </c>
      <c r="C14" s="28">
        <v>56</v>
      </c>
      <c r="D14" s="29">
        <v>116</v>
      </c>
    </row>
    <row r="15" spans="1:4" ht="18" customHeight="1" x14ac:dyDescent="0.2">
      <c r="A15" s="31">
        <v>9</v>
      </c>
      <c r="B15" s="27">
        <v>55</v>
      </c>
      <c r="C15" s="28">
        <v>40</v>
      </c>
      <c r="D15" s="29">
        <v>95</v>
      </c>
    </row>
    <row r="16" spans="1:4" ht="18" customHeight="1" x14ac:dyDescent="0.2">
      <c r="A16" s="31" t="s">
        <v>49</v>
      </c>
      <c r="B16" s="27">
        <v>272</v>
      </c>
      <c r="C16" s="28">
        <v>250</v>
      </c>
      <c r="D16" s="29">
        <v>522</v>
      </c>
    </row>
    <row r="17" spans="1:4" ht="18" customHeight="1" x14ac:dyDescent="0.2">
      <c r="A17" s="31">
        <v>10</v>
      </c>
      <c r="B17" s="27">
        <v>49</v>
      </c>
      <c r="C17" s="28">
        <v>48</v>
      </c>
      <c r="D17" s="29">
        <v>97</v>
      </c>
    </row>
    <row r="18" spans="1:4" ht="18" customHeight="1" x14ac:dyDescent="0.2">
      <c r="A18" s="31">
        <v>11</v>
      </c>
      <c r="B18" s="27">
        <v>70</v>
      </c>
      <c r="C18" s="28">
        <v>54</v>
      </c>
      <c r="D18" s="29">
        <v>124</v>
      </c>
    </row>
    <row r="19" spans="1:4" ht="18" customHeight="1" x14ac:dyDescent="0.2">
      <c r="A19" s="31">
        <v>12</v>
      </c>
      <c r="B19" s="27">
        <v>54</v>
      </c>
      <c r="C19" s="28">
        <v>54</v>
      </c>
      <c r="D19" s="29">
        <v>108</v>
      </c>
    </row>
    <row r="20" spans="1:4" ht="18" customHeight="1" x14ac:dyDescent="0.2">
      <c r="A20" s="31">
        <v>13</v>
      </c>
      <c r="B20" s="27">
        <v>56</v>
      </c>
      <c r="C20" s="28">
        <v>44</v>
      </c>
      <c r="D20" s="29">
        <v>100</v>
      </c>
    </row>
    <row r="21" spans="1:4" ht="18" customHeight="1" x14ac:dyDescent="0.2">
      <c r="A21" s="31">
        <v>14</v>
      </c>
      <c r="B21" s="27">
        <v>64</v>
      </c>
      <c r="C21" s="28">
        <v>58</v>
      </c>
      <c r="D21" s="29">
        <v>122</v>
      </c>
    </row>
    <row r="22" spans="1:4" ht="18" customHeight="1" x14ac:dyDescent="0.2">
      <c r="A22" s="31" t="s">
        <v>50</v>
      </c>
      <c r="B22" s="27">
        <v>293</v>
      </c>
      <c r="C22" s="28">
        <v>258</v>
      </c>
      <c r="D22" s="29">
        <v>551</v>
      </c>
    </row>
    <row r="23" spans="1:4" ht="18" customHeight="1" x14ac:dyDescent="0.2">
      <c r="A23" s="31" t="s">
        <v>51</v>
      </c>
      <c r="B23" s="27">
        <v>848</v>
      </c>
      <c r="C23" s="28">
        <v>761</v>
      </c>
      <c r="D23" s="29">
        <v>1609</v>
      </c>
    </row>
    <row r="24" spans="1:4" ht="18" customHeight="1" x14ac:dyDescent="0.2">
      <c r="A24" s="31">
        <v>15</v>
      </c>
      <c r="B24" s="27">
        <v>46</v>
      </c>
      <c r="C24" s="28">
        <v>63</v>
      </c>
      <c r="D24" s="29">
        <v>109</v>
      </c>
    </row>
    <row r="25" spans="1:4" ht="18" customHeight="1" x14ac:dyDescent="0.2">
      <c r="A25" s="31">
        <v>16</v>
      </c>
      <c r="B25" s="27">
        <v>68</v>
      </c>
      <c r="C25" s="28">
        <v>55</v>
      </c>
      <c r="D25" s="29">
        <v>123</v>
      </c>
    </row>
    <row r="26" spans="1:4" ht="18" customHeight="1" x14ac:dyDescent="0.2">
      <c r="A26" s="31">
        <v>17</v>
      </c>
      <c r="B26" s="27">
        <v>53</v>
      </c>
      <c r="C26" s="28">
        <v>62</v>
      </c>
      <c r="D26" s="29">
        <v>115</v>
      </c>
    </row>
    <row r="27" spans="1:4" ht="18" customHeight="1" x14ac:dyDescent="0.2">
      <c r="A27" s="31">
        <v>18</v>
      </c>
      <c r="B27" s="27">
        <v>75</v>
      </c>
      <c r="C27" s="28">
        <v>54</v>
      </c>
      <c r="D27" s="29">
        <v>129</v>
      </c>
    </row>
    <row r="28" spans="1:4" ht="18" customHeight="1" x14ac:dyDescent="0.2">
      <c r="A28" s="31">
        <v>19</v>
      </c>
      <c r="B28" s="27">
        <v>73</v>
      </c>
      <c r="C28" s="28">
        <v>51</v>
      </c>
      <c r="D28" s="29">
        <v>124</v>
      </c>
    </row>
    <row r="29" spans="1:4" ht="18" customHeight="1" x14ac:dyDescent="0.2">
      <c r="A29" s="31" t="s">
        <v>52</v>
      </c>
      <c r="B29" s="27">
        <v>315</v>
      </c>
      <c r="C29" s="28">
        <v>285</v>
      </c>
      <c r="D29" s="29">
        <v>600</v>
      </c>
    </row>
    <row r="30" spans="1:4" ht="18" customHeight="1" x14ac:dyDescent="0.2">
      <c r="A30" s="31">
        <v>20</v>
      </c>
      <c r="B30" s="27">
        <v>75</v>
      </c>
      <c r="C30" s="28">
        <v>57</v>
      </c>
      <c r="D30" s="29">
        <v>132</v>
      </c>
    </row>
    <row r="31" spans="1:4" ht="18" customHeight="1" x14ac:dyDescent="0.2">
      <c r="A31" s="31">
        <v>21</v>
      </c>
      <c r="B31" s="27">
        <v>71</v>
      </c>
      <c r="C31" s="28">
        <v>65</v>
      </c>
      <c r="D31" s="29">
        <v>136</v>
      </c>
    </row>
    <row r="32" spans="1:4" ht="18" customHeight="1" x14ac:dyDescent="0.2">
      <c r="A32" s="31">
        <v>22</v>
      </c>
      <c r="B32" s="27">
        <v>90</v>
      </c>
      <c r="C32" s="28">
        <v>74</v>
      </c>
      <c r="D32" s="29">
        <v>164</v>
      </c>
    </row>
    <row r="33" spans="1:4" ht="18" customHeight="1" x14ac:dyDescent="0.2">
      <c r="A33" s="31">
        <v>23</v>
      </c>
      <c r="B33" s="27">
        <v>74</v>
      </c>
      <c r="C33" s="28">
        <v>77</v>
      </c>
      <c r="D33" s="29">
        <v>151</v>
      </c>
    </row>
    <row r="34" spans="1:4" ht="18" customHeight="1" x14ac:dyDescent="0.2">
      <c r="A34" s="31">
        <v>24</v>
      </c>
      <c r="B34" s="27">
        <v>91</v>
      </c>
      <c r="C34" s="28">
        <v>80</v>
      </c>
      <c r="D34" s="29">
        <v>171</v>
      </c>
    </row>
    <row r="35" spans="1:4" ht="18" customHeight="1" x14ac:dyDescent="0.2">
      <c r="A35" s="31" t="s">
        <v>53</v>
      </c>
      <c r="B35" s="27">
        <v>401</v>
      </c>
      <c r="C35" s="28">
        <v>353</v>
      </c>
      <c r="D35" s="29">
        <v>754</v>
      </c>
    </row>
    <row r="36" spans="1:4" ht="18" customHeight="1" x14ac:dyDescent="0.2">
      <c r="A36" s="31">
        <v>25</v>
      </c>
      <c r="B36" s="27">
        <v>91</v>
      </c>
      <c r="C36" s="28">
        <v>66</v>
      </c>
      <c r="D36" s="29">
        <v>157</v>
      </c>
    </row>
    <row r="37" spans="1:4" ht="18" customHeight="1" x14ac:dyDescent="0.2">
      <c r="A37" s="31">
        <v>26</v>
      </c>
      <c r="B37" s="27">
        <v>75</v>
      </c>
      <c r="C37" s="28">
        <v>83</v>
      </c>
      <c r="D37" s="29">
        <v>158</v>
      </c>
    </row>
    <row r="38" spans="1:4" ht="18" customHeight="1" x14ac:dyDescent="0.2">
      <c r="A38" s="31">
        <v>27</v>
      </c>
      <c r="B38" s="27">
        <v>90</v>
      </c>
      <c r="C38" s="28">
        <v>66</v>
      </c>
      <c r="D38" s="29">
        <v>156</v>
      </c>
    </row>
    <row r="39" spans="1:4" ht="18" customHeight="1" x14ac:dyDescent="0.2">
      <c r="A39" s="31">
        <v>28</v>
      </c>
      <c r="B39" s="27">
        <v>85</v>
      </c>
      <c r="C39" s="28">
        <v>83</v>
      </c>
      <c r="D39" s="29">
        <v>168</v>
      </c>
    </row>
    <row r="40" spans="1:4" ht="18" customHeight="1" x14ac:dyDescent="0.2">
      <c r="A40" s="31">
        <v>29</v>
      </c>
      <c r="B40" s="27">
        <v>89</v>
      </c>
      <c r="C40" s="28">
        <v>64</v>
      </c>
      <c r="D40" s="29">
        <v>153</v>
      </c>
    </row>
    <row r="41" spans="1:4" ht="18" customHeight="1" x14ac:dyDescent="0.2">
      <c r="A41" s="31" t="s">
        <v>54</v>
      </c>
      <c r="B41" s="27">
        <v>430</v>
      </c>
      <c r="C41" s="28">
        <v>362</v>
      </c>
      <c r="D41" s="29">
        <v>792</v>
      </c>
    </row>
    <row r="42" spans="1:4" ht="18" customHeight="1" x14ac:dyDescent="0.2">
      <c r="A42" s="31">
        <v>30</v>
      </c>
      <c r="B42" s="27">
        <v>85</v>
      </c>
      <c r="C42" s="28">
        <v>52</v>
      </c>
      <c r="D42" s="29">
        <v>137</v>
      </c>
    </row>
    <row r="43" spans="1:4" ht="18" customHeight="1" x14ac:dyDescent="0.2">
      <c r="A43" s="31">
        <v>31</v>
      </c>
      <c r="B43" s="27">
        <v>77</v>
      </c>
      <c r="C43" s="28">
        <v>62</v>
      </c>
      <c r="D43" s="29">
        <v>139</v>
      </c>
    </row>
    <row r="44" spans="1:4" ht="18" customHeight="1" x14ac:dyDescent="0.2">
      <c r="A44" s="31">
        <v>32</v>
      </c>
      <c r="B44" s="27">
        <v>73</v>
      </c>
      <c r="C44" s="28">
        <v>58</v>
      </c>
      <c r="D44" s="29">
        <v>131</v>
      </c>
    </row>
    <row r="45" spans="1:4" ht="18" customHeight="1" x14ac:dyDescent="0.2">
      <c r="A45" s="31">
        <v>33</v>
      </c>
      <c r="B45" s="27">
        <v>81</v>
      </c>
      <c r="C45" s="28">
        <v>89</v>
      </c>
      <c r="D45" s="29">
        <v>170</v>
      </c>
    </row>
    <row r="46" spans="1:4" ht="18" customHeight="1" x14ac:dyDescent="0.2">
      <c r="A46" s="31">
        <v>34</v>
      </c>
      <c r="B46" s="27">
        <v>88</v>
      </c>
      <c r="C46" s="28">
        <v>72</v>
      </c>
      <c r="D46" s="29">
        <v>160</v>
      </c>
    </row>
    <row r="47" spans="1:4" ht="18" customHeight="1" x14ac:dyDescent="0.2">
      <c r="A47" s="31" t="s">
        <v>55</v>
      </c>
      <c r="B47" s="27">
        <v>404</v>
      </c>
      <c r="C47" s="28">
        <v>333</v>
      </c>
      <c r="D47" s="29">
        <v>737</v>
      </c>
    </row>
    <row r="48" spans="1:4" ht="18" customHeight="1" x14ac:dyDescent="0.2">
      <c r="A48" s="31">
        <v>35</v>
      </c>
      <c r="B48" s="27">
        <v>92</v>
      </c>
      <c r="C48" s="28">
        <v>79</v>
      </c>
      <c r="D48" s="29">
        <v>171</v>
      </c>
    </row>
    <row r="49" spans="1:4" ht="18" customHeight="1" x14ac:dyDescent="0.2">
      <c r="A49" s="31">
        <v>36</v>
      </c>
      <c r="B49" s="27">
        <v>81</v>
      </c>
      <c r="C49" s="28">
        <v>82</v>
      </c>
      <c r="D49" s="29">
        <v>163</v>
      </c>
    </row>
    <row r="50" spans="1:4" ht="18" customHeight="1" x14ac:dyDescent="0.2">
      <c r="A50" s="31">
        <v>37</v>
      </c>
      <c r="B50" s="27">
        <v>83</v>
      </c>
      <c r="C50" s="28">
        <v>71</v>
      </c>
      <c r="D50" s="29">
        <v>154</v>
      </c>
    </row>
    <row r="51" spans="1:4" ht="18" customHeight="1" x14ac:dyDescent="0.2">
      <c r="A51" s="31">
        <v>38</v>
      </c>
      <c r="B51" s="27">
        <v>86</v>
      </c>
      <c r="C51" s="28">
        <v>77</v>
      </c>
      <c r="D51" s="29">
        <v>163</v>
      </c>
    </row>
    <row r="52" spans="1:4" ht="18" customHeight="1" x14ac:dyDescent="0.2">
      <c r="A52" s="31">
        <v>39</v>
      </c>
      <c r="B52" s="27">
        <v>72</v>
      </c>
      <c r="C52" s="28">
        <v>60</v>
      </c>
      <c r="D52" s="29">
        <v>132</v>
      </c>
    </row>
    <row r="53" spans="1:4" ht="18" customHeight="1" x14ac:dyDescent="0.2">
      <c r="A53" s="31" t="s">
        <v>56</v>
      </c>
      <c r="B53" s="27">
        <v>414</v>
      </c>
      <c r="C53" s="28">
        <v>369</v>
      </c>
      <c r="D53" s="29">
        <v>783</v>
      </c>
    </row>
    <row r="54" spans="1:4" ht="18" customHeight="1" x14ac:dyDescent="0.2">
      <c r="A54" s="31">
        <v>40</v>
      </c>
      <c r="B54" s="27">
        <v>80</v>
      </c>
      <c r="C54" s="28">
        <v>76</v>
      </c>
      <c r="D54" s="29">
        <v>156</v>
      </c>
    </row>
    <row r="55" spans="1:4" ht="18" customHeight="1" x14ac:dyDescent="0.2">
      <c r="A55" s="31">
        <v>41</v>
      </c>
      <c r="B55" s="27">
        <v>106</v>
      </c>
      <c r="C55" s="28">
        <v>77</v>
      </c>
      <c r="D55" s="29">
        <v>183</v>
      </c>
    </row>
    <row r="56" spans="1:4" ht="18" customHeight="1" x14ac:dyDescent="0.2">
      <c r="A56" s="31">
        <v>42</v>
      </c>
      <c r="B56" s="27">
        <v>108</v>
      </c>
      <c r="C56" s="28">
        <v>97</v>
      </c>
      <c r="D56" s="29">
        <v>205</v>
      </c>
    </row>
    <row r="57" spans="1:4" ht="18" customHeight="1" x14ac:dyDescent="0.2">
      <c r="A57" s="31">
        <v>43</v>
      </c>
      <c r="B57" s="27">
        <v>86</v>
      </c>
      <c r="C57" s="28">
        <v>89</v>
      </c>
      <c r="D57" s="29">
        <v>175</v>
      </c>
    </row>
    <row r="58" spans="1:4" ht="18" customHeight="1" x14ac:dyDescent="0.2">
      <c r="A58" s="31">
        <v>44</v>
      </c>
      <c r="B58" s="27">
        <v>104</v>
      </c>
      <c r="C58" s="28">
        <v>108</v>
      </c>
      <c r="D58" s="29">
        <v>212</v>
      </c>
    </row>
    <row r="59" spans="1:4" ht="18" customHeight="1" x14ac:dyDescent="0.2">
      <c r="A59" s="31" t="s">
        <v>57</v>
      </c>
      <c r="B59" s="27">
        <v>484</v>
      </c>
      <c r="C59" s="28">
        <v>447</v>
      </c>
      <c r="D59" s="29">
        <v>931</v>
      </c>
    </row>
    <row r="60" spans="1:4" ht="18" customHeight="1" x14ac:dyDescent="0.2">
      <c r="A60" s="31">
        <v>45</v>
      </c>
      <c r="B60" s="27">
        <v>102</v>
      </c>
      <c r="C60" s="28">
        <v>114</v>
      </c>
      <c r="D60" s="29">
        <v>216</v>
      </c>
    </row>
    <row r="61" spans="1:4" ht="18" customHeight="1" x14ac:dyDescent="0.2">
      <c r="A61" s="31">
        <v>46</v>
      </c>
      <c r="B61" s="27">
        <v>131</v>
      </c>
      <c r="C61" s="28">
        <v>111</v>
      </c>
      <c r="D61" s="29">
        <v>242</v>
      </c>
    </row>
    <row r="62" spans="1:4" ht="18" customHeight="1" x14ac:dyDescent="0.2">
      <c r="A62" s="31">
        <v>47</v>
      </c>
      <c r="B62" s="27">
        <v>112</v>
      </c>
      <c r="C62" s="28">
        <v>90</v>
      </c>
      <c r="D62" s="29">
        <v>202</v>
      </c>
    </row>
    <row r="63" spans="1:4" ht="18" customHeight="1" x14ac:dyDescent="0.2">
      <c r="A63" s="31">
        <v>48</v>
      </c>
      <c r="B63" s="27">
        <v>127</v>
      </c>
      <c r="C63" s="28">
        <v>83</v>
      </c>
      <c r="D63" s="29">
        <v>210</v>
      </c>
    </row>
    <row r="64" spans="1:4" ht="18" customHeight="1" x14ac:dyDescent="0.2">
      <c r="A64" s="31">
        <v>49</v>
      </c>
      <c r="B64" s="27">
        <v>99</v>
      </c>
      <c r="C64" s="28">
        <v>134</v>
      </c>
      <c r="D64" s="29">
        <v>233</v>
      </c>
    </row>
    <row r="65" spans="1:4" ht="18" customHeight="1" x14ac:dyDescent="0.2">
      <c r="A65" s="31" t="s">
        <v>58</v>
      </c>
      <c r="B65" s="27">
        <v>571</v>
      </c>
      <c r="C65" s="28">
        <v>532</v>
      </c>
      <c r="D65" s="29">
        <v>1103</v>
      </c>
    </row>
    <row r="66" spans="1:4" ht="18" customHeight="1" x14ac:dyDescent="0.2">
      <c r="A66" s="31">
        <v>50</v>
      </c>
      <c r="B66" s="27">
        <v>98</v>
      </c>
      <c r="C66" s="28">
        <v>98</v>
      </c>
      <c r="D66" s="29">
        <v>196</v>
      </c>
    </row>
    <row r="67" spans="1:4" ht="18" customHeight="1" x14ac:dyDescent="0.2">
      <c r="A67" s="31">
        <v>51</v>
      </c>
      <c r="B67" s="27">
        <v>95</v>
      </c>
      <c r="C67" s="28">
        <v>97</v>
      </c>
      <c r="D67" s="29">
        <v>192</v>
      </c>
    </row>
    <row r="68" spans="1:4" ht="18" customHeight="1" x14ac:dyDescent="0.2">
      <c r="A68" s="31">
        <v>52</v>
      </c>
      <c r="B68" s="27">
        <v>80</v>
      </c>
      <c r="C68" s="28">
        <v>101</v>
      </c>
      <c r="D68" s="29">
        <v>181</v>
      </c>
    </row>
    <row r="69" spans="1:4" ht="18" customHeight="1" x14ac:dyDescent="0.2">
      <c r="A69" s="31">
        <v>53</v>
      </c>
      <c r="B69" s="27">
        <v>74</v>
      </c>
      <c r="C69" s="28">
        <v>70</v>
      </c>
      <c r="D69" s="29">
        <v>144</v>
      </c>
    </row>
    <row r="70" spans="1:4" ht="18" customHeight="1" x14ac:dyDescent="0.2">
      <c r="A70" s="31">
        <v>54</v>
      </c>
      <c r="B70" s="27">
        <v>78</v>
      </c>
      <c r="C70" s="28">
        <v>70</v>
      </c>
      <c r="D70" s="29">
        <v>148</v>
      </c>
    </row>
    <row r="71" spans="1:4" ht="18" customHeight="1" x14ac:dyDescent="0.2">
      <c r="A71" s="31" t="s">
        <v>59</v>
      </c>
      <c r="B71" s="27">
        <v>425</v>
      </c>
      <c r="C71" s="28">
        <v>436</v>
      </c>
      <c r="D71" s="29">
        <v>861</v>
      </c>
    </row>
    <row r="72" spans="1:4" ht="18" customHeight="1" x14ac:dyDescent="0.2">
      <c r="A72" s="31">
        <v>55</v>
      </c>
      <c r="B72" s="27">
        <v>82</v>
      </c>
      <c r="C72" s="28">
        <v>66</v>
      </c>
      <c r="D72" s="29">
        <v>148</v>
      </c>
    </row>
    <row r="73" spans="1:4" ht="18" customHeight="1" x14ac:dyDescent="0.2">
      <c r="A73" s="31">
        <v>56</v>
      </c>
      <c r="B73" s="27">
        <v>74</v>
      </c>
      <c r="C73" s="28">
        <v>78</v>
      </c>
      <c r="D73" s="29">
        <v>152</v>
      </c>
    </row>
    <row r="74" spans="1:4" ht="18" customHeight="1" x14ac:dyDescent="0.2">
      <c r="A74" s="31">
        <v>57</v>
      </c>
      <c r="B74" s="27">
        <v>65</v>
      </c>
      <c r="C74" s="28">
        <v>65</v>
      </c>
      <c r="D74" s="29">
        <v>130</v>
      </c>
    </row>
    <row r="75" spans="1:4" ht="18" customHeight="1" x14ac:dyDescent="0.2">
      <c r="A75" s="31">
        <v>58</v>
      </c>
      <c r="B75" s="27">
        <v>69</v>
      </c>
      <c r="C75" s="28">
        <v>71</v>
      </c>
      <c r="D75" s="29">
        <v>140</v>
      </c>
    </row>
    <row r="76" spans="1:4" ht="18" customHeight="1" x14ac:dyDescent="0.2">
      <c r="A76" s="31">
        <v>59</v>
      </c>
      <c r="B76" s="27">
        <v>82</v>
      </c>
      <c r="C76" s="28">
        <v>87</v>
      </c>
      <c r="D76" s="29">
        <v>169</v>
      </c>
    </row>
    <row r="77" spans="1:4" ht="18" customHeight="1" x14ac:dyDescent="0.2">
      <c r="A77" s="31" t="s">
        <v>60</v>
      </c>
      <c r="B77" s="27">
        <v>372</v>
      </c>
      <c r="C77" s="28">
        <v>367</v>
      </c>
      <c r="D77" s="29">
        <v>739</v>
      </c>
    </row>
    <row r="78" spans="1:4" ht="18" customHeight="1" x14ac:dyDescent="0.2">
      <c r="A78" s="31">
        <v>60</v>
      </c>
      <c r="B78" s="27">
        <v>65</v>
      </c>
      <c r="C78" s="28">
        <v>68</v>
      </c>
      <c r="D78" s="29">
        <v>133</v>
      </c>
    </row>
    <row r="79" spans="1:4" ht="18" customHeight="1" x14ac:dyDescent="0.2">
      <c r="A79" s="31">
        <v>61</v>
      </c>
      <c r="B79" s="27">
        <v>58</v>
      </c>
      <c r="C79" s="28">
        <v>72</v>
      </c>
      <c r="D79" s="29">
        <v>130</v>
      </c>
    </row>
    <row r="80" spans="1:4" ht="18" customHeight="1" x14ac:dyDescent="0.2">
      <c r="A80" s="31">
        <v>62</v>
      </c>
      <c r="B80" s="27">
        <v>79</v>
      </c>
      <c r="C80" s="28">
        <v>70</v>
      </c>
      <c r="D80" s="29">
        <v>149</v>
      </c>
    </row>
    <row r="81" spans="1:4" ht="18" customHeight="1" x14ac:dyDescent="0.2">
      <c r="A81" s="31">
        <v>63</v>
      </c>
      <c r="B81" s="27">
        <v>60</v>
      </c>
      <c r="C81" s="28">
        <v>56</v>
      </c>
      <c r="D81" s="29">
        <v>116</v>
      </c>
    </row>
    <row r="82" spans="1:4" ht="18" customHeight="1" x14ac:dyDescent="0.2">
      <c r="A82" s="31">
        <v>64</v>
      </c>
      <c r="B82" s="27">
        <v>68</v>
      </c>
      <c r="C82" s="28">
        <v>64</v>
      </c>
      <c r="D82" s="29">
        <v>132</v>
      </c>
    </row>
    <row r="83" spans="1:4" ht="18" customHeight="1" x14ac:dyDescent="0.2">
      <c r="A83" s="31" t="s">
        <v>61</v>
      </c>
      <c r="B83" s="27">
        <v>330</v>
      </c>
      <c r="C83" s="28">
        <v>330</v>
      </c>
      <c r="D83" s="29">
        <v>660</v>
      </c>
    </row>
    <row r="84" spans="1:4" ht="18" customHeight="1" x14ac:dyDescent="0.2">
      <c r="A84" s="31" t="s">
        <v>62</v>
      </c>
      <c r="B84" s="27">
        <v>4146</v>
      </c>
      <c r="C84" s="28">
        <v>3814</v>
      </c>
      <c r="D84" s="29">
        <v>7960</v>
      </c>
    </row>
    <row r="85" spans="1:4" ht="18" customHeight="1" x14ac:dyDescent="0.2">
      <c r="A85" s="31">
        <v>65</v>
      </c>
      <c r="B85" s="27">
        <v>66</v>
      </c>
      <c r="C85" s="28">
        <v>74</v>
      </c>
      <c r="D85" s="29">
        <v>140</v>
      </c>
    </row>
    <row r="86" spans="1:4" ht="18" customHeight="1" x14ac:dyDescent="0.2">
      <c r="A86" s="31">
        <v>66</v>
      </c>
      <c r="B86" s="27">
        <v>88</v>
      </c>
      <c r="C86" s="28">
        <v>84</v>
      </c>
      <c r="D86" s="29">
        <v>172</v>
      </c>
    </row>
    <row r="87" spans="1:4" ht="18" customHeight="1" x14ac:dyDescent="0.2">
      <c r="A87" s="31">
        <v>67</v>
      </c>
      <c r="B87" s="27">
        <v>88</v>
      </c>
      <c r="C87" s="28">
        <v>64</v>
      </c>
      <c r="D87" s="29">
        <v>152</v>
      </c>
    </row>
    <row r="88" spans="1:4" ht="18" customHeight="1" x14ac:dyDescent="0.2">
      <c r="A88" s="31">
        <v>68</v>
      </c>
      <c r="B88" s="27">
        <v>74</v>
      </c>
      <c r="C88" s="28">
        <v>79</v>
      </c>
      <c r="D88" s="29">
        <v>153</v>
      </c>
    </row>
    <row r="89" spans="1:4" ht="18" customHeight="1" x14ac:dyDescent="0.2">
      <c r="A89" s="31">
        <v>69</v>
      </c>
      <c r="B89" s="27">
        <v>79</v>
      </c>
      <c r="C89" s="28">
        <v>90</v>
      </c>
      <c r="D89" s="29">
        <v>169</v>
      </c>
    </row>
    <row r="90" spans="1:4" ht="18" customHeight="1" x14ac:dyDescent="0.2">
      <c r="A90" s="31" t="s">
        <v>63</v>
      </c>
      <c r="B90" s="27">
        <v>395</v>
      </c>
      <c r="C90" s="28">
        <v>391</v>
      </c>
      <c r="D90" s="29">
        <v>786</v>
      </c>
    </row>
    <row r="91" spans="1:4" ht="18" customHeight="1" x14ac:dyDescent="0.2">
      <c r="A91" s="31">
        <v>70</v>
      </c>
      <c r="B91" s="27">
        <v>94</v>
      </c>
      <c r="C91" s="28">
        <v>96</v>
      </c>
      <c r="D91" s="29">
        <v>190</v>
      </c>
    </row>
    <row r="92" spans="1:4" ht="18" customHeight="1" x14ac:dyDescent="0.2">
      <c r="A92" s="31">
        <v>71</v>
      </c>
      <c r="B92" s="27">
        <v>89</v>
      </c>
      <c r="C92" s="28">
        <v>93</v>
      </c>
      <c r="D92" s="29">
        <v>182</v>
      </c>
    </row>
    <row r="93" spans="1:4" ht="18" customHeight="1" x14ac:dyDescent="0.2">
      <c r="A93" s="31">
        <v>72</v>
      </c>
      <c r="B93" s="27">
        <v>97</v>
      </c>
      <c r="C93" s="28">
        <v>113</v>
      </c>
      <c r="D93" s="29">
        <v>210</v>
      </c>
    </row>
    <row r="94" spans="1:4" ht="18" customHeight="1" x14ac:dyDescent="0.2">
      <c r="A94" s="31">
        <v>73</v>
      </c>
      <c r="B94" s="27">
        <v>89</v>
      </c>
      <c r="C94" s="28">
        <v>127</v>
      </c>
      <c r="D94" s="29">
        <v>216</v>
      </c>
    </row>
    <row r="95" spans="1:4" ht="18" customHeight="1" x14ac:dyDescent="0.2">
      <c r="A95" s="31">
        <v>74</v>
      </c>
      <c r="B95" s="27">
        <v>46</v>
      </c>
      <c r="C95" s="28">
        <v>43</v>
      </c>
      <c r="D95" s="29">
        <v>89</v>
      </c>
    </row>
    <row r="96" spans="1:4" ht="18" customHeight="1" x14ac:dyDescent="0.2">
      <c r="A96" s="31" t="s">
        <v>64</v>
      </c>
      <c r="B96" s="27">
        <v>415</v>
      </c>
      <c r="C96" s="28">
        <v>472</v>
      </c>
      <c r="D96" s="29">
        <v>887</v>
      </c>
    </row>
    <row r="97" spans="1:4" ht="18" customHeight="1" x14ac:dyDescent="0.2">
      <c r="A97" s="31">
        <v>75</v>
      </c>
      <c r="B97" s="27">
        <v>58</v>
      </c>
      <c r="C97" s="28">
        <v>74</v>
      </c>
      <c r="D97" s="29">
        <v>132</v>
      </c>
    </row>
    <row r="98" spans="1:4" ht="18" customHeight="1" x14ac:dyDescent="0.2">
      <c r="A98" s="31">
        <v>76</v>
      </c>
      <c r="B98" s="27">
        <v>55</v>
      </c>
      <c r="C98" s="28">
        <v>70</v>
      </c>
      <c r="D98" s="29">
        <v>125</v>
      </c>
    </row>
    <row r="99" spans="1:4" ht="18" customHeight="1" x14ac:dyDescent="0.2">
      <c r="A99" s="31">
        <v>77</v>
      </c>
      <c r="B99" s="27">
        <v>67</v>
      </c>
      <c r="C99" s="28">
        <v>69</v>
      </c>
      <c r="D99" s="29">
        <v>136</v>
      </c>
    </row>
    <row r="100" spans="1:4" ht="18" customHeight="1" x14ac:dyDescent="0.2">
      <c r="A100" s="31">
        <v>78</v>
      </c>
      <c r="B100" s="27">
        <v>66</v>
      </c>
      <c r="C100" s="28">
        <v>74</v>
      </c>
      <c r="D100" s="29">
        <v>140</v>
      </c>
    </row>
    <row r="101" spans="1:4" ht="18" customHeight="1" x14ac:dyDescent="0.2">
      <c r="A101" s="31">
        <v>79</v>
      </c>
      <c r="B101" s="27">
        <v>54</v>
      </c>
      <c r="C101" s="28">
        <v>54</v>
      </c>
      <c r="D101" s="29">
        <v>108</v>
      </c>
    </row>
    <row r="102" spans="1:4" ht="18" customHeight="1" x14ac:dyDescent="0.2">
      <c r="A102" s="31" t="s">
        <v>65</v>
      </c>
      <c r="B102" s="27">
        <v>300</v>
      </c>
      <c r="C102" s="28">
        <v>341</v>
      </c>
      <c r="D102" s="29">
        <v>641</v>
      </c>
    </row>
    <row r="103" spans="1:4" ht="18" customHeight="1" x14ac:dyDescent="0.2">
      <c r="A103" s="31">
        <v>80</v>
      </c>
      <c r="B103" s="27">
        <v>44</v>
      </c>
      <c r="C103" s="28">
        <v>66</v>
      </c>
      <c r="D103" s="29">
        <v>110</v>
      </c>
    </row>
    <row r="104" spans="1:4" ht="18" customHeight="1" x14ac:dyDescent="0.2">
      <c r="A104" s="31">
        <v>81</v>
      </c>
      <c r="B104" s="27">
        <v>36</v>
      </c>
      <c r="C104" s="28">
        <v>43</v>
      </c>
      <c r="D104" s="29">
        <v>79</v>
      </c>
    </row>
    <row r="105" spans="1:4" ht="18" customHeight="1" x14ac:dyDescent="0.2">
      <c r="A105" s="31">
        <v>82</v>
      </c>
      <c r="B105" s="27">
        <v>42</v>
      </c>
      <c r="C105" s="28">
        <v>55</v>
      </c>
      <c r="D105" s="29">
        <v>97</v>
      </c>
    </row>
    <row r="106" spans="1:4" ht="18" customHeight="1" x14ac:dyDescent="0.2">
      <c r="A106" s="31">
        <v>83</v>
      </c>
      <c r="B106" s="27">
        <v>33</v>
      </c>
      <c r="C106" s="28">
        <v>55</v>
      </c>
      <c r="D106" s="29">
        <v>88</v>
      </c>
    </row>
    <row r="107" spans="1:4" ht="18" customHeight="1" x14ac:dyDescent="0.2">
      <c r="A107" s="31">
        <v>84</v>
      </c>
      <c r="B107" s="27">
        <v>23</v>
      </c>
      <c r="C107" s="28">
        <v>52</v>
      </c>
      <c r="D107" s="29">
        <v>75</v>
      </c>
    </row>
    <row r="108" spans="1:4" ht="18" customHeight="1" x14ac:dyDescent="0.2">
      <c r="A108" s="31" t="s">
        <v>66</v>
      </c>
      <c r="B108" s="27">
        <v>178</v>
      </c>
      <c r="C108" s="28">
        <v>271</v>
      </c>
      <c r="D108" s="29">
        <v>449</v>
      </c>
    </row>
    <row r="109" spans="1:4" ht="18" customHeight="1" x14ac:dyDescent="0.2">
      <c r="A109" s="31">
        <v>85</v>
      </c>
      <c r="B109" s="27">
        <v>27</v>
      </c>
      <c r="C109" s="28">
        <v>34</v>
      </c>
      <c r="D109" s="29">
        <v>61</v>
      </c>
    </row>
    <row r="110" spans="1:4" ht="18" customHeight="1" x14ac:dyDescent="0.2">
      <c r="A110" s="31">
        <v>86</v>
      </c>
      <c r="B110" s="27">
        <v>20</v>
      </c>
      <c r="C110" s="28">
        <v>36</v>
      </c>
      <c r="D110" s="29">
        <v>56</v>
      </c>
    </row>
    <row r="111" spans="1:4" ht="18" customHeight="1" x14ac:dyDescent="0.2">
      <c r="A111" s="31">
        <v>87</v>
      </c>
      <c r="B111" s="27">
        <v>20</v>
      </c>
      <c r="C111" s="28">
        <v>39</v>
      </c>
      <c r="D111" s="29">
        <v>59</v>
      </c>
    </row>
    <row r="112" spans="1:4" ht="18" customHeight="1" x14ac:dyDescent="0.2">
      <c r="A112" s="31">
        <v>88</v>
      </c>
      <c r="B112" s="27">
        <v>12</v>
      </c>
      <c r="C112" s="28">
        <v>42</v>
      </c>
      <c r="D112" s="29">
        <v>54</v>
      </c>
    </row>
    <row r="113" spans="1:4" ht="18" customHeight="1" x14ac:dyDescent="0.2">
      <c r="A113" s="31">
        <v>89</v>
      </c>
      <c r="B113" s="27">
        <v>12</v>
      </c>
      <c r="C113" s="28">
        <v>26</v>
      </c>
      <c r="D113" s="29">
        <v>38</v>
      </c>
    </row>
    <row r="114" spans="1:4" ht="18" customHeight="1" x14ac:dyDescent="0.2">
      <c r="A114" s="31" t="s">
        <v>67</v>
      </c>
      <c r="B114" s="27">
        <v>91</v>
      </c>
      <c r="C114" s="28">
        <v>177</v>
      </c>
      <c r="D114" s="29">
        <v>268</v>
      </c>
    </row>
    <row r="115" spans="1:4" ht="18" customHeight="1" x14ac:dyDescent="0.2">
      <c r="A115" s="31">
        <v>90</v>
      </c>
      <c r="B115" s="27">
        <v>10</v>
      </c>
      <c r="C115" s="28">
        <v>14</v>
      </c>
      <c r="D115" s="29">
        <v>24</v>
      </c>
    </row>
    <row r="116" spans="1:4" ht="18" customHeight="1" x14ac:dyDescent="0.2">
      <c r="A116" s="31">
        <v>91</v>
      </c>
      <c r="B116" s="27">
        <v>11</v>
      </c>
      <c r="C116" s="28">
        <v>20</v>
      </c>
      <c r="D116" s="29">
        <v>31</v>
      </c>
    </row>
    <row r="117" spans="1:4" ht="18" customHeight="1" x14ac:dyDescent="0.2">
      <c r="A117" s="31">
        <v>92</v>
      </c>
      <c r="B117" s="27">
        <v>3</v>
      </c>
      <c r="C117" s="28">
        <v>21</v>
      </c>
      <c r="D117" s="29">
        <v>24</v>
      </c>
    </row>
    <row r="118" spans="1:4" ht="18" customHeight="1" x14ac:dyDescent="0.2">
      <c r="A118" s="31">
        <v>93</v>
      </c>
      <c r="B118" s="27">
        <v>4</v>
      </c>
      <c r="C118" s="28">
        <v>19</v>
      </c>
      <c r="D118" s="29">
        <v>23</v>
      </c>
    </row>
    <row r="119" spans="1:4" ht="18" customHeight="1" x14ac:dyDescent="0.2">
      <c r="A119" s="31">
        <v>94</v>
      </c>
      <c r="B119" s="27">
        <v>4</v>
      </c>
      <c r="C119" s="28">
        <v>7</v>
      </c>
      <c r="D119" s="29">
        <v>11</v>
      </c>
    </row>
    <row r="120" spans="1:4" ht="18" customHeight="1" x14ac:dyDescent="0.2">
      <c r="A120" s="31" t="s">
        <v>68</v>
      </c>
      <c r="B120" s="27">
        <v>32</v>
      </c>
      <c r="C120" s="28">
        <v>81</v>
      </c>
      <c r="D120" s="29">
        <v>113</v>
      </c>
    </row>
    <row r="121" spans="1:4" ht="18" customHeight="1" x14ac:dyDescent="0.2">
      <c r="A121" s="31">
        <v>95</v>
      </c>
      <c r="B121" s="27">
        <v>2</v>
      </c>
      <c r="C121" s="28">
        <v>11</v>
      </c>
      <c r="D121" s="29">
        <v>13</v>
      </c>
    </row>
    <row r="122" spans="1:4" ht="18" customHeight="1" x14ac:dyDescent="0.2">
      <c r="A122" s="31">
        <v>96</v>
      </c>
      <c r="B122" s="27">
        <v>2</v>
      </c>
      <c r="C122" s="28">
        <v>6</v>
      </c>
      <c r="D122" s="29">
        <v>8</v>
      </c>
    </row>
    <row r="123" spans="1:4" ht="18" customHeight="1" x14ac:dyDescent="0.2">
      <c r="A123" s="31">
        <v>97</v>
      </c>
      <c r="B123" s="27">
        <v>1</v>
      </c>
      <c r="C123" s="28">
        <v>3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4</v>
      </c>
      <c r="D124" s="29">
        <v>4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6</v>
      </c>
      <c r="C126" s="28">
        <v>25</v>
      </c>
      <c r="D126" s="29">
        <v>31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6</v>
      </c>
      <c r="D129" s="29">
        <v>6</v>
      </c>
    </row>
    <row r="130" spans="1:4" ht="18" customHeight="1" x14ac:dyDescent="0.2">
      <c r="A130" s="31" t="s">
        <v>72</v>
      </c>
      <c r="B130" s="4">
        <v>1417</v>
      </c>
      <c r="C130" s="5">
        <v>1764</v>
      </c>
      <c r="D130" s="6">
        <v>3181</v>
      </c>
    </row>
    <row r="131" spans="1:4" ht="18" customHeight="1" x14ac:dyDescent="0.2">
      <c r="A131" s="33" t="s">
        <v>47</v>
      </c>
      <c r="B131" s="7">
        <v>6411</v>
      </c>
      <c r="C131" s="8">
        <v>6339</v>
      </c>
      <c r="D131" s="9">
        <v>1275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231</v>
      </c>
      <c r="C5" s="37">
        <v>1092</v>
      </c>
      <c r="D5" s="39">
        <v>2323</v>
      </c>
    </row>
    <row r="6" spans="1:4" ht="18" customHeight="1" x14ac:dyDescent="0.2">
      <c r="A6" s="31">
        <v>1</v>
      </c>
      <c r="B6" s="35">
        <v>1184</v>
      </c>
      <c r="C6" s="28">
        <v>1180</v>
      </c>
      <c r="D6" s="29">
        <v>2364</v>
      </c>
    </row>
    <row r="7" spans="1:4" ht="18" customHeight="1" x14ac:dyDescent="0.2">
      <c r="A7" s="31">
        <v>2</v>
      </c>
      <c r="B7" s="35">
        <v>1204</v>
      </c>
      <c r="C7" s="28">
        <v>1157</v>
      </c>
      <c r="D7" s="29">
        <v>2361</v>
      </c>
    </row>
    <row r="8" spans="1:4" ht="18" customHeight="1" x14ac:dyDescent="0.2">
      <c r="A8" s="31">
        <v>3</v>
      </c>
      <c r="B8" s="35">
        <v>1253</v>
      </c>
      <c r="C8" s="28">
        <v>1171</v>
      </c>
      <c r="D8" s="29">
        <v>2424</v>
      </c>
    </row>
    <row r="9" spans="1:4" ht="18" customHeight="1" x14ac:dyDescent="0.2">
      <c r="A9" s="31">
        <v>4</v>
      </c>
      <c r="B9" s="36">
        <v>1284</v>
      </c>
      <c r="C9" s="38">
        <v>1246</v>
      </c>
      <c r="D9" s="40">
        <v>2530</v>
      </c>
    </row>
    <row r="10" spans="1:4" ht="18" customHeight="1" x14ac:dyDescent="0.2">
      <c r="A10" s="31" t="s">
        <v>48</v>
      </c>
      <c r="B10" s="27">
        <v>6156</v>
      </c>
      <c r="C10" s="28">
        <v>5846</v>
      </c>
      <c r="D10" s="29">
        <v>12002</v>
      </c>
    </row>
    <row r="11" spans="1:4" ht="18" customHeight="1" x14ac:dyDescent="0.2">
      <c r="A11" s="31">
        <v>5</v>
      </c>
      <c r="B11" s="35">
        <v>1276</v>
      </c>
      <c r="C11" s="28">
        <v>1224</v>
      </c>
      <c r="D11" s="29">
        <v>2500</v>
      </c>
    </row>
    <row r="12" spans="1:4" ht="18" customHeight="1" x14ac:dyDescent="0.2">
      <c r="A12" s="31">
        <v>6</v>
      </c>
      <c r="B12" s="35">
        <v>1252</v>
      </c>
      <c r="C12" s="28">
        <v>1267</v>
      </c>
      <c r="D12" s="29">
        <v>2519</v>
      </c>
    </row>
    <row r="13" spans="1:4" ht="18" customHeight="1" x14ac:dyDescent="0.2">
      <c r="A13" s="31">
        <v>7</v>
      </c>
      <c r="B13" s="35">
        <v>1263</v>
      </c>
      <c r="C13" s="28">
        <v>1182</v>
      </c>
      <c r="D13" s="29">
        <v>2445</v>
      </c>
    </row>
    <row r="14" spans="1:4" ht="18" customHeight="1" x14ac:dyDescent="0.2">
      <c r="A14" s="31">
        <v>8</v>
      </c>
      <c r="B14" s="35">
        <v>1318</v>
      </c>
      <c r="C14" s="28">
        <v>1288</v>
      </c>
      <c r="D14" s="29">
        <v>2606</v>
      </c>
    </row>
    <row r="15" spans="1:4" ht="18" customHeight="1" x14ac:dyDescent="0.2">
      <c r="A15" s="31">
        <v>9</v>
      </c>
      <c r="B15" s="35">
        <v>1358</v>
      </c>
      <c r="C15" s="28">
        <v>1186</v>
      </c>
      <c r="D15" s="29">
        <v>2544</v>
      </c>
    </row>
    <row r="16" spans="1:4" ht="18" customHeight="1" x14ac:dyDescent="0.2">
      <c r="A16" s="31" t="s">
        <v>49</v>
      </c>
      <c r="B16" s="27">
        <v>6467</v>
      </c>
      <c r="C16" s="28">
        <v>6147</v>
      </c>
      <c r="D16" s="29">
        <v>12614</v>
      </c>
    </row>
    <row r="17" spans="1:4" ht="18" customHeight="1" x14ac:dyDescent="0.2">
      <c r="A17" s="31">
        <v>10</v>
      </c>
      <c r="B17" s="27">
        <v>1361</v>
      </c>
      <c r="C17" s="28">
        <v>1279</v>
      </c>
      <c r="D17" s="29">
        <v>2640</v>
      </c>
    </row>
    <row r="18" spans="1:4" ht="18" customHeight="1" x14ac:dyDescent="0.2">
      <c r="A18" s="31">
        <v>11</v>
      </c>
      <c r="B18" s="27">
        <v>1380</v>
      </c>
      <c r="C18" s="28">
        <v>1277</v>
      </c>
      <c r="D18" s="29">
        <v>2657</v>
      </c>
    </row>
    <row r="19" spans="1:4" ht="18" customHeight="1" x14ac:dyDescent="0.2">
      <c r="A19" s="31">
        <v>12</v>
      </c>
      <c r="B19" s="27">
        <v>1330</v>
      </c>
      <c r="C19" s="28">
        <v>1348</v>
      </c>
      <c r="D19" s="29">
        <v>2678</v>
      </c>
    </row>
    <row r="20" spans="1:4" ht="18" customHeight="1" x14ac:dyDescent="0.2">
      <c r="A20" s="31">
        <v>13</v>
      </c>
      <c r="B20" s="27">
        <v>1358</v>
      </c>
      <c r="C20" s="28">
        <v>1356</v>
      </c>
      <c r="D20" s="29">
        <v>2714</v>
      </c>
    </row>
    <row r="21" spans="1:4" ht="18" customHeight="1" x14ac:dyDescent="0.2">
      <c r="A21" s="31">
        <v>14</v>
      </c>
      <c r="B21" s="27">
        <v>1435</v>
      </c>
      <c r="C21" s="28">
        <v>1272</v>
      </c>
      <c r="D21" s="29">
        <v>2707</v>
      </c>
    </row>
    <row r="22" spans="1:4" ht="18" customHeight="1" x14ac:dyDescent="0.2">
      <c r="A22" s="31" t="s">
        <v>50</v>
      </c>
      <c r="B22" s="27">
        <v>6864</v>
      </c>
      <c r="C22" s="28">
        <v>6532</v>
      </c>
      <c r="D22" s="29">
        <v>13396</v>
      </c>
    </row>
    <row r="23" spans="1:4" ht="18" customHeight="1" x14ac:dyDescent="0.2">
      <c r="A23" s="31" t="s">
        <v>51</v>
      </c>
      <c r="B23" s="27">
        <v>19487</v>
      </c>
      <c r="C23" s="28">
        <v>18525</v>
      </c>
      <c r="D23" s="29">
        <v>38012</v>
      </c>
    </row>
    <row r="24" spans="1:4" ht="18" customHeight="1" x14ac:dyDescent="0.2">
      <c r="A24" s="31">
        <v>15</v>
      </c>
      <c r="B24" s="27">
        <v>1401</v>
      </c>
      <c r="C24" s="28">
        <v>1366</v>
      </c>
      <c r="D24" s="29">
        <v>2767</v>
      </c>
    </row>
    <row r="25" spans="1:4" ht="18" customHeight="1" x14ac:dyDescent="0.2">
      <c r="A25" s="31">
        <v>16</v>
      </c>
      <c r="B25" s="27">
        <v>1428</v>
      </c>
      <c r="C25" s="28">
        <v>1421</v>
      </c>
      <c r="D25" s="29">
        <v>2849</v>
      </c>
    </row>
    <row r="26" spans="1:4" ht="18" customHeight="1" x14ac:dyDescent="0.2">
      <c r="A26" s="31">
        <v>17</v>
      </c>
      <c r="B26" s="27">
        <v>1414</v>
      </c>
      <c r="C26" s="28">
        <v>1377</v>
      </c>
      <c r="D26" s="29">
        <v>2791</v>
      </c>
    </row>
    <row r="27" spans="1:4" ht="18" customHeight="1" x14ac:dyDescent="0.2">
      <c r="A27" s="31">
        <v>18</v>
      </c>
      <c r="B27" s="27">
        <v>1591</v>
      </c>
      <c r="C27" s="28">
        <v>1426</v>
      </c>
      <c r="D27" s="29">
        <v>3017</v>
      </c>
    </row>
    <row r="28" spans="1:4" ht="18" customHeight="1" x14ac:dyDescent="0.2">
      <c r="A28" s="31">
        <v>19</v>
      </c>
      <c r="B28" s="27">
        <v>1640</v>
      </c>
      <c r="C28" s="28">
        <v>1504</v>
      </c>
      <c r="D28" s="29">
        <v>3144</v>
      </c>
    </row>
    <row r="29" spans="1:4" ht="18" customHeight="1" x14ac:dyDescent="0.2">
      <c r="A29" s="31" t="s">
        <v>52</v>
      </c>
      <c r="B29" s="27">
        <v>7474</v>
      </c>
      <c r="C29" s="28">
        <v>7094</v>
      </c>
      <c r="D29" s="29">
        <v>14568</v>
      </c>
    </row>
    <row r="30" spans="1:4" ht="18" customHeight="1" x14ac:dyDescent="0.2">
      <c r="A30" s="31">
        <v>20</v>
      </c>
      <c r="B30" s="27">
        <v>1684</v>
      </c>
      <c r="C30" s="28">
        <v>1443</v>
      </c>
      <c r="D30" s="29">
        <v>3127</v>
      </c>
    </row>
    <row r="31" spans="1:4" ht="18" customHeight="1" x14ac:dyDescent="0.2">
      <c r="A31" s="31">
        <v>21</v>
      </c>
      <c r="B31" s="27">
        <v>1636</v>
      </c>
      <c r="C31" s="28">
        <v>1456</v>
      </c>
      <c r="D31" s="29">
        <v>3092</v>
      </c>
    </row>
    <row r="32" spans="1:4" ht="18" customHeight="1" x14ac:dyDescent="0.2">
      <c r="A32" s="31">
        <v>22</v>
      </c>
      <c r="B32" s="27">
        <v>1708</v>
      </c>
      <c r="C32" s="28">
        <v>1414</v>
      </c>
      <c r="D32" s="29">
        <v>3122</v>
      </c>
    </row>
    <row r="33" spans="1:4" ht="18" customHeight="1" x14ac:dyDescent="0.2">
      <c r="A33" s="31">
        <v>23</v>
      </c>
      <c r="B33" s="27">
        <v>1658</v>
      </c>
      <c r="C33" s="28">
        <v>1471</v>
      </c>
      <c r="D33" s="29">
        <v>3129</v>
      </c>
    </row>
    <row r="34" spans="1:4" ht="18" customHeight="1" x14ac:dyDescent="0.2">
      <c r="A34" s="31">
        <v>24</v>
      </c>
      <c r="B34" s="27">
        <v>1730</v>
      </c>
      <c r="C34" s="28">
        <v>1425</v>
      </c>
      <c r="D34" s="29">
        <v>3155</v>
      </c>
    </row>
    <row r="35" spans="1:4" ht="18" customHeight="1" x14ac:dyDescent="0.2">
      <c r="A35" s="31" t="s">
        <v>53</v>
      </c>
      <c r="B35" s="27">
        <v>8416</v>
      </c>
      <c r="C35" s="28">
        <v>7209</v>
      </c>
      <c r="D35" s="29">
        <v>15625</v>
      </c>
    </row>
    <row r="36" spans="1:4" ht="18" customHeight="1" x14ac:dyDescent="0.2">
      <c r="A36" s="31">
        <v>25</v>
      </c>
      <c r="B36" s="27">
        <v>1685</v>
      </c>
      <c r="C36" s="28">
        <v>1488</v>
      </c>
      <c r="D36" s="29">
        <v>3173</v>
      </c>
    </row>
    <row r="37" spans="1:4" ht="18" customHeight="1" x14ac:dyDescent="0.2">
      <c r="A37" s="31">
        <v>26</v>
      </c>
      <c r="B37" s="27">
        <v>1645</v>
      </c>
      <c r="C37" s="28">
        <v>1510</v>
      </c>
      <c r="D37" s="29">
        <v>3155</v>
      </c>
    </row>
    <row r="38" spans="1:4" ht="18" customHeight="1" x14ac:dyDescent="0.2">
      <c r="A38" s="31">
        <v>27</v>
      </c>
      <c r="B38" s="27">
        <v>1593</v>
      </c>
      <c r="C38" s="28">
        <v>1447</v>
      </c>
      <c r="D38" s="29">
        <v>3040</v>
      </c>
    </row>
    <row r="39" spans="1:4" ht="18" customHeight="1" x14ac:dyDescent="0.2">
      <c r="A39" s="31">
        <v>28</v>
      </c>
      <c r="B39" s="27">
        <v>1590</v>
      </c>
      <c r="C39" s="28">
        <v>1459</v>
      </c>
      <c r="D39" s="29">
        <v>3049</v>
      </c>
    </row>
    <row r="40" spans="1:4" ht="18" customHeight="1" x14ac:dyDescent="0.2">
      <c r="A40" s="31">
        <v>29</v>
      </c>
      <c r="B40" s="27">
        <v>1689</v>
      </c>
      <c r="C40" s="28">
        <v>1441</v>
      </c>
      <c r="D40" s="29">
        <v>3130</v>
      </c>
    </row>
    <row r="41" spans="1:4" ht="18" customHeight="1" x14ac:dyDescent="0.2">
      <c r="A41" s="31" t="s">
        <v>54</v>
      </c>
      <c r="B41" s="27">
        <v>8202</v>
      </c>
      <c r="C41" s="28">
        <v>7345</v>
      </c>
      <c r="D41" s="29">
        <v>15547</v>
      </c>
    </row>
    <row r="42" spans="1:4" ht="18" customHeight="1" x14ac:dyDescent="0.2">
      <c r="A42" s="31">
        <v>30</v>
      </c>
      <c r="B42" s="27">
        <v>1693</v>
      </c>
      <c r="C42" s="28">
        <v>1465</v>
      </c>
      <c r="D42" s="29">
        <v>3158</v>
      </c>
    </row>
    <row r="43" spans="1:4" ht="18" customHeight="1" x14ac:dyDescent="0.2">
      <c r="A43" s="31">
        <v>31</v>
      </c>
      <c r="B43" s="27">
        <v>1693</v>
      </c>
      <c r="C43" s="28">
        <v>1554</v>
      </c>
      <c r="D43" s="29">
        <v>3247</v>
      </c>
    </row>
    <row r="44" spans="1:4" ht="18" customHeight="1" x14ac:dyDescent="0.2">
      <c r="A44" s="31">
        <v>32</v>
      </c>
      <c r="B44" s="27">
        <v>1703</v>
      </c>
      <c r="C44" s="28">
        <v>1529</v>
      </c>
      <c r="D44" s="29">
        <v>3232</v>
      </c>
    </row>
    <row r="45" spans="1:4" ht="18" customHeight="1" x14ac:dyDescent="0.2">
      <c r="A45" s="31">
        <v>33</v>
      </c>
      <c r="B45" s="27">
        <v>1715</v>
      </c>
      <c r="C45" s="28">
        <v>1645</v>
      </c>
      <c r="D45" s="29">
        <v>3360</v>
      </c>
    </row>
    <row r="46" spans="1:4" ht="18" customHeight="1" x14ac:dyDescent="0.2">
      <c r="A46" s="31">
        <v>34</v>
      </c>
      <c r="B46" s="27">
        <v>1815</v>
      </c>
      <c r="C46" s="28">
        <v>1682</v>
      </c>
      <c r="D46" s="29">
        <v>3497</v>
      </c>
    </row>
    <row r="47" spans="1:4" ht="18" customHeight="1" x14ac:dyDescent="0.2">
      <c r="A47" s="31" t="s">
        <v>55</v>
      </c>
      <c r="B47" s="27">
        <v>8619</v>
      </c>
      <c r="C47" s="28">
        <v>7875</v>
      </c>
      <c r="D47" s="29">
        <v>16494</v>
      </c>
    </row>
    <row r="48" spans="1:4" ht="18" customHeight="1" x14ac:dyDescent="0.2">
      <c r="A48" s="31">
        <v>35</v>
      </c>
      <c r="B48" s="27">
        <v>1921</v>
      </c>
      <c r="C48" s="28">
        <v>1756</v>
      </c>
      <c r="D48" s="29">
        <v>3677</v>
      </c>
    </row>
    <row r="49" spans="1:4" ht="18" customHeight="1" x14ac:dyDescent="0.2">
      <c r="A49" s="31">
        <v>36</v>
      </c>
      <c r="B49" s="27">
        <v>1870</v>
      </c>
      <c r="C49" s="28">
        <v>1723</v>
      </c>
      <c r="D49" s="29">
        <v>3593</v>
      </c>
    </row>
    <row r="50" spans="1:4" ht="18" customHeight="1" x14ac:dyDescent="0.2">
      <c r="A50" s="31">
        <v>37</v>
      </c>
      <c r="B50" s="27">
        <v>1893</v>
      </c>
      <c r="C50" s="28">
        <v>1677</v>
      </c>
      <c r="D50" s="29">
        <v>3570</v>
      </c>
    </row>
    <row r="51" spans="1:4" ht="18" customHeight="1" x14ac:dyDescent="0.2">
      <c r="A51" s="31">
        <v>38</v>
      </c>
      <c r="B51" s="27">
        <v>1912</v>
      </c>
      <c r="C51" s="28">
        <v>1812</v>
      </c>
      <c r="D51" s="29">
        <v>3724</v>
      </c>
    </row>
    <row r="52" spans="1:4" ht="18" customHeight="1" x14ac:dyDescent="0.2">
      <c r="A52" s="31">
        <v>39</v>
      </c>
      <c r="B52" s="27">
        <v>1900</v>
      </c>
      <c r="C52" s="28">
        <v>1759</v>
      </c>
      <c r="D52" s="29">
        <v>3659</v>
      </c>
    </row>
    <row r="53" spans="1:4" ht="18" customHeight="1" x14ac:dyDescent="0.2">
      <c r="A53" s="31" t="s">
        <v>56</v>
      </c>
      <c r="B53" s="27">
        <v>9496</v>
      </c>
      <c r="C53" s="28">
        <v>8727</v>
      </c>
      <c r="D53" s="29">
        <v>18223</v>
      </c>
    </row>
    <row r="54" spans="1:4" ht="18" customHeight="1" x14ac:dyDescent="0.2">
      <c r="A54" s="31">
        <v>40</v>
      </c>
      <c r="B54" s="27">
        <v>2013</v>
      </c>
      <c r="C54" s="28">
        <v>1905</v>
      </c>
      <c r="D54" s="29">
        <v>3918</v>
      </c>
    </row>
    <row r="55" spans="1:4" ht="18" customHeight="1" x14ac:dyDescent="0.2">
      <c r="A55" s="31">
        <v>41</v>
      </c>
      <c r="B55" s="27">
        <v>2055</v>
      </c>
      <c r="C55" s="28">
        <v>2024</v>
      </c>
      <c r="D55" s="29">
        <v>4079</v>
      </c>
    </row>
    <row r="56" spans="1:4" ht="18" customHeight="1" x14ac:dyDescent="0.2">
      <c r="A56" s="31">
        <v>42</v>
      </c>
      <c r="B56" s="27">
        <v>2316</v>
      </c>
      <c r="C56" s="28">
        <v>2102</v>
      </c>
      <c r="D56" s="29">
        <v>4418</v>
      </c>
    </row>
    <row r="57" spans="1:4" ht="18" customHeight="1" x14ac:dyDescent="0.2">
      <c r="A57" s="31">
        <v>43</v>
      </c>
      <c r="B57" s="27">
        <v>2313</v>
      </c>
      <c r="C57" s="28">
        <v>2177</v>
      </c>
      <c r="D57" s="29">
        <v>4490</v>
      </c>
    </row>
    <row r="58" spans="1:4" ht="18" customHeight="1" x14ac:dyDescent="0.2">
      <c r="A58" s="31">
        <v>44</v>
      </c>
      <c r="B58" s="27">
        <v>2472</v>
      </c>
      <c r="C58" s="28">
        <v>2307</v>
      </c>
      <c r="D58" s="29">
        <v>4779</v>
      </c>
    </row>
    <row r="59" spans="1:4" ht="18" customHeight="1" x14ac:dyDescent="0.2">
      <c r="A59" s="31" t="s">
        <v>57</v>
      </c>
      <c r="B59" s="27">
        <v>11169</v>
      </c>
      <c r="C59" s="28">
        <v>10515</v>
      </c>
      <c r="D59" s="29">
        <v>21684</v>
      </c>
    </row>
    <row r="60" spans="1:4" ht="18" customHeight="1" x14ac:dyDescent="0.2">
      <c r="A60" s="31">
        <v>45</v>
      </c>
      <c r="B60" s="27">
        <v>2669</v>
      </c>
      <c r="C60" s="28">
        <v>2595</v>
      </c>
      <c r="D60" s="29">
        <v>5264</v>
      </c>
    </row>
    <row r="61" spans="1:4" ht="18" customHeight="1" x14ac:dyDescent="0.2">
      <c r="A61" s="31">
        <v>46</v>
      </c>
      <c r="B61" s="27">
        <v>2725</v>
      </c>
      <c r="C61" s="28">
        <v>2642</v>
      </c>
      <c r="D61" s="29">
        <v>5367</v>
      </c>
    </row>
    <row r="62" spans="1:4" ht="18" customHeight="1" x14ac:dyDescent="0.2">
      <c r="A62" s="31">
        <v>47</v>
      </c>
      <c r="B62" s="27">
        <v>2759</v>
      </c>
      <c r="C62" s="28">
        <v>2681</v>
      </c>
      <c r="D62" s="29">
        <v>5440</v>
      </c>
    </row>
    <row r="63" spans="1:4" ht="18" customHeight="1" x14ac:dyDescent="0.2">
      <c r="A63" s="31">
        <v>48</v>
      </c>
      <c r="B63" s="27">
        <v>2735</v>
      </c>
      <c r="C63" s="28">
        <v>2539</v>
      </c>
      <c r="D63" s="29">
        <v>5274</v>
      </c>
    </row>
    <row r="64" spans="1:4" ht="18" customHeight="1" x14ac:dyDescent="0.2">
      <c r="A64" s="31">
        <v>49</v>
      </c>
      <c r="B64" s="27">
        <v>2546</v>
      </c>
      <c r="C64" s="28">
        <v>2459</v>
      </c>
      <c r="D64" s="29">
        <v>5005</v>
      </c>
    </row>
    <row r="65" spans="1:4" ht="18" customHeight="1" x14ac:dyDescent="0.2">
      <c r="A65" s="31" t="s">
        <v>58</v>
      </c>
      <c r="B65" s="27">
        <v>13434</v>
      </c>
      <c r="C65" s="28">
        <v>12916</v>
      </c>
      <c r="D65" s="29">
        <v>26350</v>
      </c>
    </row>
    <row r="66" spans="1:4" ht="18" customHeight="1" x14ac:dyDescent="0.2">
      <c r="A66" s="31">
        <v>50</v>
      </c>
      <c r="B66" s="27">
        <v>2436</v>
      </c>
      <c r="C66" s="28">
        <v>2252</v>
      </c>
      <c r="D66" s="29">
        <v>4688</v>
      </c>
    </row>
    <row r="67" spans="1:4" ht="18" customHeight="1" x14ac:dyDescent="0.2">
      <c r="A67" s="31">
        <v>51</v>
      </c>
      <c r="B67" s="27">
        <v>2428</v>
      </c>
      <c r="C67" s="28">
        <v>2237</v>
      </c>
      <c r="D67" s="29">
        <v>4665</v>
      </c>
    </row>
    <row r="68" spans="1:4" ht="18" customHeight="1" x14ac:dyDescent="0.2">
      <c r="A68" s="31">
        <v>52</v>
      </c>
      <c r="B68" s="27">
        <v>2275</v>
      </c>
      <c r="C68" s="28">
        <v>2181</v>
      </c>
      <c r="D68" s="29">
        <v>4456</v>
      </c>
    </row>
    <row r="69" spans="1:4" ht="18" customHeight="1" x14ac:dyDescent="0.2">
      <c r="A69" s="31">
        <v>53</v>
      </c>
      <c r="B69" s="27">
        <v>2098</v>
      </c>
      <c r="C69" s="28">
        <v>2069</v>
      </c>
      <c r="D69" s="29">
        <v>4167</v>
      </c>
    </row>
    <row r="70" spans="1:4" ht="18" customHeight="1" x14ac:dyDescent="0.2">
      <c r="A70" s="31">
        <v>54</v>
      </c>
      <c r="B70" s="27">
        <v>1798</v>
      </c>
      <c r="C70" s="28">
        <v>1869</v>
      </c>
      <c r="D70" s="29">
        <v>3667</v>
      </c>
    </row>
    <row r="71" spans="1:4" ht="18" customHeight="1" x14ac:dyDescent="0.2">
      <c r="A71" s="31" t="s">
        <v>59</v>
      </c>
      <c r="B71" s="27">
        <v>11035</v>
      </c>
      <c r="C71" s="28">
        <v>10608</v>
      </c>
      <c r="D71" s="29">
        <v>21643</v>
      </c>
    </row>
    <row r="72" spans="1:4" ht="18" customHeight="1" x14ac:dyDescent="0.2">
      <c r="A72" s="31">
        <v>55</v>
      </c>
      <c r="B72" s="27">
        <v>2018</v>
      </c>
      <c r="C72" s="28">
        <v>2074</v>
      </c>
      <c r="D72" s="29">
        <v>4092</v>
      </c>
    </row>
    <row r="73" spans="1:4" ht="18" customHeight="1" x14ac:dyDescent="0.2">
      <c r="A73" s="31">
        <v>56</v>
      </c>
      <c r="B73" s="27">
        <v>1950</v>
      </c>
      <c r="C73" s="28">
        <v>1902</v>
      </c>
      <c r="D73" s="29">
        <v>3852</v>
      </c>
    </row>
    <row r="74" spans="1:4" ht="18" customHeight="1" x14ac:dyDescent="0.2">
      <c r="A74" s="31">
        <v>57</v>
      </c>
      <c r="B74" s="27">
        <v>1943</v>
      </c>
      <c r="C74" s="28">
        <v>1952</v>
      </c>
      <c r="D74" s="29">
        <v>3895</v>
      </c>
    </row>
    <row r="75" spans="1:4" ht="18" customHeight="1" x14ac:dyDescent="0.2">
      <c r="A75" s="31">
        <v>58</v>
      </c>
      <c r="B75" s="27">
        <v>1757</v>
      </c>
      <c r="C75" s="28">
        <v>1730</v>
      </c>
      <c r="D75" s="29">
        <v>3487</v>
      </c>
    </row>
    <row r="76" spans="1:4" ht="18" customHeight="1" x14ac:dyDescent="0.2">
      <c r="A76" s="31">
        <v>59</v>
      </c>
      <c r="B76" s="27">
        <v>1765</v>
      </c>
      <c r="C76" s="28">
        <v>1884</v>
      </c>
      <c r="D76" s="29">
        <v>3649</v>
      </c>
    </row>
    <row r="77" spans="1:4" ht="18" customHeight="1" x14ac:dyDescent="0.2">
      <c r="A77" s="31" t="s">
        <v>60</v>
      </c>
      <c r="B77" s="27">
        <v>9433</v>
      </c>
      <c r="C77" s="28">
        <v>9542</v>
      </c>
      <c r="D77" s="29">
        <v>18975</v>
      </c>
    </row>
    <row r="78" spans="1:4" ht="18" customHeight="1" x14ac:dyDescent="0.2">
      <c r="A78" s="31">
        <v>60</v>
      </c>
      <c r="B78" s="27">
        <v>1753</v>
      </c>
      <c r="C78" s="28">
        <v>1826</v>
      </c>
      <c r="D78" s="29">
        <v>3579</v>
      </c>
    </row>
    <row r="79" spans="1:4" ht="18" customHeight="1" x14ac:dyDescent="0.2">
      <c r="A79" s="31">
        <v>61</v>
      </c>
      <c r="B79" s="27">
        <v>1796</v>
      </c>
      <c r="C79" s="28">
        <v>1934</v>
      </c>
      <c r="D79" s="29">
        <v>3730</v>
      </c>
    </row>
    <row r="80" spans="1:4" ht="18" customHeight="1" x14ac:dyDescent="0.2">
      <c r="A80" s="31">
        <v>62</v>
      </c>
      <c r="B80" s="27">
        <v>1715</v>
      </c>
      <c r="C80" s="28">
        <v>1719</v>
      </c>
      <c r="D80" s="29">
        <v>3434</v>
      </c>
    </row>
    <row r="81" spans="1:4" ht="18" customHeight="1" x14ac:dyDescent="0.2">
      <c r="A81" s="31">
        <v>63</v>
      </c>
      <c r="B81" s="27">
        <v>1681</v>
      </c>
      <c r="C81" s="28">
        <v>1760</v>
      </c>
      <c r="D81" s="29">
        <v>3441</v>
      </c>
    </row>
    <row r="82" spans="1:4" ht="18" customHeight="1" x14ac:dyDescent="0.2">
      <c r="A82" s="31">
        <v>64</v>
      </c>
      <c r="B82" s="27">
        <v>1739</v>
      </c>
      <c r="C82" s="28">
        <v>1909</v>
      </c>
      <c r="D82" s="29">
        <v>3648</v>
      </c>
    </row>
    <row r="83" spans="1:4" ht="18" customHeight="1" x14ac:dyDescent="0.2">
      <c r="A83" s="31" t="s">
        <v>61</v>
      </c>
      <c r="B83" s="27">
        <v>8684</v>
      </c>
      <c r="C83" s="28">
        <v>9148</v>
      </c>
      <c r="D83" s="29">
        <v>17832</v>
      </c>
    </row>
    <row r="84" spans="1:4" ht="18" customHeight="1" x14ac:dyDescent="0.2">
      <c r="A84" s="31" t="s">
        <v>62</v>
      </c>
      <c r="B84" s="27">
        <v>95962</v>
      </c>
      <c r="C84" s="28">
        <v>90979</v>
      </c>
      <c r="D84" s="29">
        <v>186941</v>
      </c>
    </row>
    <row r="85" spans="1:4" ht="18" customHeight="1" x14ac:dyDescent="0.2">
      <c r="A85" s="31">
        <v>65</v>
      </c>
      <c r="B85" s="27">
        <v>1869</v>
      </c>
      <c r="C85" s="28">
        <v>2006</v>
      </c>
      <c r="D85" s="29">
        <v>3875</v>
      </c>
    </row>
    <row r="86" spans="1:4" ht="18" customHeight="1" x14ac:dyDescent="0.2">
      <c r="A86" s="31">
        <v>66</v>
      </c>
      <c r="B86" s="27">
        <v>1802</v>
      </c>
      <c r="C86" s="28">
        <v>1959</v>
      </c>
      <c r="D86" s="29">
        <v>3761</v>
      </c>
    </row>
    <row r="87" spans="1:4" ht="18" customHeight="1" x14ac:dyDescent="0.2">
      <c r="A87" s="31">
        <v>67</v>
      </c>
      <c r="B87" s="27">
        <v>2019</v>
      </c>
      <c r="C87" s="28">
        <v>2169</v>
      </c>
      <c r="D87" s="29">
        <v>4188</v>
      </c>
    </row>
    <row r="88" spans="1:4" ht="18" customHeight="1" x14ac:dyDescent="0.2">
      <c r="A88" s="31">
        <v>68</v>
      </c>
      <c r="B88" s="27">
        <v>1971</v>
      </c>
      <c r="C88" s="28">
        <v>2169</v>
      </c>
      <c r="D88" s="29">
        <v>4140</v>
      </c>
    </row>
    <row r="89" spans="1:4" ht="18" customHeight="1" x14ac:dyDescent="0.2">
      <c r="A89" s="31">
        <v>69</v>
      </c>
      <c r="B89" s="27">
        <v>2130</v>
      </c>
      <c r="C89" s="28">
        <v>2383</v>
      </c>
      <c r="D89" s="29">
        <v>4513</v>
      </c>
    </row>
    <row r="90" spans="1:4" ht="18" customHeight="1" x14ac:dyDescent="0.2">
      <c r="A90" s="31" t="s">
        <v>63</v>
      </c>
      <c r="B90" s="27">
        <v>9791</v>
      </c>
      <c r="C90" s="28">
        <v>10686</v>
      </c>
      <c r="D90" s="29">
        <v>20477</v>
      </c>
    </row>
    <row r="91" spans="1:4" ht="18" customHeight="1" x14ac:dyDescent="0.2">
      <c r="A91" s="31">
        <v>70</v>
      </c>
      <c r="B91" s="27">
        <v>2427</v>
      </c>
      <c r="C91" s="28">
        <v>2772</v>
      </c>
      <c r="D91" s="29">
        <v>5199</v>
      </c>
    </row>
    <row r="92" spans="1:4" ht="18" customHeight="1" x14ac:dyDescent="0.2">
      <c r="A92" s="31">
        <v>71</v>
      </c>
      <c r="B92" s="27">
        <v>2695</v>
      </c>
      <c r="C92" s="28">
        <v>2978</v>
      </c>
      <c r="D92" s="29">
        <v>5673</v>
      </c>
    </row>
    <row r="93" spans="1:4" ht="18" customHeight="1" x14ac:dyDescent="0.2">
      <c r="A93" s="31">
        <v>72</v>
      </c>
      <c r="B93" s="27">
        <v>2579</v>
      </c>
      <c r="C93" s="28">
        <v>3062</v>
      </c>
      <c r="D93" s="29">
        <v>5641</v>
      </c>
    </row>
    <row r="94" spans="1:4" ht="18" customHeight="1" x14ac:dyDescent="0.2">
      <c r="A94" s="31">
        <v>73</v>
      </c>
      <c r="B94" s="27">
        <v>2446</v>
      </c>
      <c r="C94" s="28">
        <v>2955</v>
      </c>
      <c r="D94" s="29">
        <v>5401</v>
      </c>
    </row>
    <row r="95" spans="1:4" ht="18" customHeight="1" x14ac:dyDescent="0.2">
      <c r="A95" s="31">
        <v>74</v>
      </c>
      <c r="B95" s="27">
        <v>1326</v>
      </c>
      <c r="C95" s="28">
        <v>1533</v>
      </c>
      <c r="D95" s="29">
        <v>2859</v>
      </c>
    </row>
    <row r="96" spans="1:4" ht="18" customHeight="1" x14ac:dyDescent="0.2">
      <c r="A96" s="31" t="s">
        <v>64</v>
      </c>
      <c r="B96" s="27">
        <v>11473</v>
      </c>
      <c r="C96" s="28">
        <v>13300</v>
      </c>
      <c r="D96" s="29">
        <v>24773</v>
      </c>
    </row>
    <row r="97" spans="1:4" ht="18" customHeight="1" x14ac:dyDescent="0.2">
      <c r="A97" s="31">
        <v>75</v>
      </c>
      <c r="B97" s="27">
        <v>1653</v>
      </c>
      <c r="C97" s="28">
        <v>2032</v>
      </c>
      <c r="D97" s="29">
        <v>3685</v>
      </c>
    </row>
    <row r="98" spans="1:4" ht="18" customHeight="1" x14ac:dyDescent="0.2">
      <c r="A98" s="31">
        <v>76</v>
      </c>
      <c r="B98" s="27">
        <v>1910</v>
      </c>
      <c r="C98" s="28">
        <v>2471</v>
      </c>
      <c r="D98" s="29">
        <v>4381</v>
      </c>
    </row>
    <row r="99" spans="1:4" ht="18" customHeight="1" x14ac:dyDescent="0.2">
      <c r="A99" s="31">
        <v>77</v>
      </c>
      <c r="B99" s="27">
        <v>1718</v>
      </c>
      <c r="C99" s="28">
        <v>2174</v>
      </c>
      <c r="D99" s="29">
        <v>3892</v>
      </c>
    </row>
    <row r="100" spans="1:4" ht="18" customHeight="1" x14ac:dyDescent="0.2">
      <c r="A100" s="31">
        <v>78</v>
      </c>
      <c r="B100" s="27">
        <v>1829</v>
      </c>
      <c r="C100" s="28">
        <v>2438</v>
      </c>
      <c r="D100" s="29">
        <v>4267</v>
      </c>
    </row>
    <row r="101" spans="1:4" ht="18" customHeight="1" x14ac:dyDescent="0.2">
      <c r="A101" s="31">
        <v>79</v>
      </c>
      <c r="B101" s="27">
        <v>1575</v>
      </c>
      <c r="C101" s="28">
        <v>1984</v>
      </c>
      <c r="D101" s="29">
        <v>3559</v>
      </c>
    </row>
    <row r="102" spans="1:4" ht="18" customHeight="1" x14ac:dyDescent="0.2">
      <c r="A102" s="31" t="s">
        <v>65</v>
      </c>
      <c r="B102" s="27">
        <v>8685</v>
      </c>
      <c r="C102" s="28">
        <v>11099</v>
      </c>
      <c r="D102" s="29">
        <v>19784</v>
      </c>
    </row>
    <row r="103" spans="1:4" ht="18" customHeight="1" x14ac:dyDescent="0.2">
      <c r="A103" s="31">
        <v>80</v>
      </c>
      <c r="B103" s="27">
        <v>1401</v>
      </c>
      <c r="C103" s="28">
        <v>1806</v>
      </c>
      <c r="D103" s="29">
        <v>3207</v>
      </c>
    </row>
    <row r="104" spans="1:4" ht="18" customHeight="1" x14ac:dyDescent="0.2">
      <c r="A104" s="31">
        <v>81</v>
      </c>
      <c r="B104" s="27">
        <v>1077</v>
      </c>
      <c r="C104" s="28">
        <v>1473</v>
      </c>
      <c r="D104" s="29">
        <v>2550</v>
      </c>
    </row>
    <row r="105" spans="1:4" ht="18" customHeight="1" x14ac:dyDescent="0.2">
      <c r="A105" s="31">
        <v>82</v>
      </c>
      <c r="B105" s="27">
        <v>1090</v>
      </c>
      <c r="C105" s="28">
        <v>1626</v>
      </c>
      <c r="D105" s="29">
        <v>2716</v>
      </c>
    </row>
    <row r="106" spans="1:4" ht="18" customHeight="1" x14ac:dyDescent="0.2">
      <c r="A106" s="31">
        <v>83</v>
      </c>
      <c r="B106" s="27">
        <v>1060</v>
      </c>
      <c r="C106" s="28">
        <v>1661</v>
      </c>
      <c r="D106" s="29">
        <v>2721</v>
      </c>
    </row>
    <row r="107" spans="1:4" ht="18" customHeight="1" x14ac:dyDescent="0.2">
      <c r="A107" s="31">
        <v>84</v>
      </c>
      <c r="B107" s="27">
        <v>1031</v>
      </c>
      <c r="C107" s="28">
        <v>1811</v>
      </c>
      <c r="D107" s="29">
        <v>2842</v>
      </c>
    </row>
    <row r="108" spans="1:4" ht="18" customHeight="1" x14ac:dyDescent="0.2">
      <c r="A108" s="31" t="s">
        <v>66</v>
      </c>
      <c r="B108" s="27">
        <v>5659</v>
      </c>
      <c r="C108" s="28">
        <v>8377</v>
      </c>
      <c r="D108" s="29">
        <v>14036</v>
      </c>
    </row>
    <row r="109" spans="1:4" ht="18" customHeight="1" x14ac:dyDescent="0.2">
      <c r="A109" s="31">
        <v>85</v>
      </c>
      <c r="B109" s="27">
        <v>820</v>
      </c>
      <c r="C109" s="28">
        <v>1259</v>
      </c>
      <c r="D109" s="29">
        <v>2079</v>
      </c>
    </row>
    <row r="110" spans="1:4" ht="18" customHeight="1" x14ac:dyDescent="0.2">
      <c r="A110" s="31">
        <v>86</v>
      </c>
      <c r="B110" s="27">
        <v>765</v>
      </c>
      <c r="C110" s="28">
        <v>1380</v>
      </c>
      <c r="D110" s="29">
        <v>2145</v>
      </c>
    </row>
    <row r="111" spans="1:4" ht="18" customHeight="1" x14ac:dyDescent="0.2">
      <c r="A111" s="31">
        <v>87</v>
      </c>
      <c r="B111" s="27">
        <v>687</v>
      </c>
      <c r="C111" s="28">
        <v>1437</v>
      </c>
      <c r="D111" s="29">
        <v>2124</v>
      </c>
    </row>
    <row r="112" spans="1:4" ht="18" customHeight="1" x14ac:dyDescent="0.2">
      <c r="A112" s="31">
        <v>88</v>
      </c>
      <c r="B112" s="27">
        <v>505</v>
      </c>
      <c r="C112" s="28">
        <v>1217</v>
      </c>
      <c r="D112" s="29">
        <v>1722</v>
      </c>
    </row>
    <row r="113" spans="1:4" ht="18" customHeight="1" x14ac:dyDescent="0.2">
      <c r="A113" s="31">
        <v>89</v>
      </c>
      <c r="B113" s="27">
        <v>467</v>
      </c>
      <c r="C113" s="28">
        <v>1027</v>
      </c>
      <c r="D113" s="29">
        <v>1494</v>
      </c>
    </row>
    <row r="114" spans="1:4" ht="18" customHeight="1" x14ac:dyDescent="0.2">
      <c r="A114" s="31" t="s">
        <v>67</v>
      </c>
      <c r="B114" s="27">
        <v>3244</v>
      </c>
      <c r="C114" s="28">
        <v>6320</v>
      </c>
      <c r="D114" s="29">
        <v>9564</v>
      </c>
    </row>
    <row r="115" spans="1:4" ht="18" customHeight="1" x14ac:dyDescent="0.2">
      <c r="A115" s="31">
        <v>90</v>
      </c>
      <c r="B115" s="27">
        <v>380</v>
      </c>
      <c r="C115" s="28">
        <v>898</v>
      </c>
      <c r="D115" s="29">
        <v>1278</v>
      </c>
    </row>
    <row r="116" spans="1:4" ht="18" customHeight="1" x14ac:dyDescent="0.2">
      <c r="A116" s="31">
        <v>91</v>
      </c>
      <c r="B116" s="27">
        <v>310</v>
      </c>
      <c r="C116" s="28">
        <v>867</v>
      </c>
      <c r="D116" s="29">
        <v>1177</v>
      </c>
    </row>
    <row r="117" spans="1:4" ht="18" customHeight="1" x14ac:dyDescent="0.2">
      <c r="A117" s="31">
        <v>92</v>
      </c>
      <c r="B117" s="27">
        <v>229</v>
      </c>
      <c r="C117" s="28">
        <v>689</v>
      </c>
      <c r="D117" s="29">
        <v>918</v>
      </c>
    </row>
    <row r="118" spans="1:4" ht="18" customHeight="1" x14ac:dyDescent="0.2">
      <c r="A118" s="31">
        <v>93</v>
      </c>
      <c r="B118" s="27">
        <v>200</v>
      </c>
      <c r="C118" s="28">
        <v>549</v>
      </c>
      <c r="D118" s="29">
        <v>749</v>
      </c>
    </row>
    <row r="119" spans="1:4" ht="18" customHeight="1" x14ac:dyDescent="0.2">
      <c r="A119" s="31">
        <v>94</v>
      </c>
      <c r="B119" s="27">
        <v>127</v>
      </c>
      <c r="C119" s="28">
        <v>489</v>
      </c>
      <c r="D119" s="29">
        <v>616</v>
      </c>
    </row>
    <row r="120" spans="1:4" ht="18" customHeight="1" x14ac:dyDescent="0.2">
      <c r="A120" s="31" t="s">
        <v>68</v>
      </c>
      <c r="B120" s="27">
        <v>1246</v>
      </c>
      <c r="C120" s="28">
        <v>3492</v>
      </c>
      <c r="D120" s="29">
        <v>4738</v>
      </c>
    </row>
    <row r="121" spans="1:4" ht="18" customHeight="1" x14ac:dyDescent="0.2">
      <c r="A121" s="31">
        <v>95</v>
      </c>
      <c r="B121" s="27">
        <v>100</v>
      </c>
      <c r="C121" s="28">
        <v>403</v>
      </c>
      <c r="D121" s="29">
        <v>503</v>
      </c>
    </row>
    <row r="122" spans="1:4" ht="18" customHeight="1" x14ac:dyDescent="0.2">
      <c r="A122" s="31">
        <v>96</v>
      </c>
      <c r="B122" s="27">
        <v>66</v>
      </c>
      <c r="C122" s="28">
        <v>287</v>
      </c>
      <c r="D122" s="29">
        <v>353</v>
      </c>
    </row>
    <row r="123" spans="1:4" ht="18" customHeight="1" x14ac:dyDescent="0.2">
      <c r="A123" s="31">
        <v>97</v>
      </c>
      <c r="B123" s="27">
        <v>50</v>
      </c>
      <c r="C123" s="28">
        <v>198</v>
      </c>
      <c r="D123" s="29">
        <v>248</v>
      </c>
    </row>
    <row r="124" spans="1:4" ht="18" customHeight="1" x14ac:dyDescent="0.2">
      <c r="A124" s="31">
        <v>98</v>
      </c>
      <c r="B124" s="27">
        <v>30</v>
      </c>
      <c r="C124" s="28">
        <v>191</v>
      </c>
      <c r="D124" s="29">
        <v>221</v>
      </c>
    </row>
    <row r="125" spans="1:4" ht="18" customHeight="1" x14ac:dyDescent="0.2">
      <c r="A125" s="31">
        <v>99</v>
      </c>
      <c r="B125" s="27">
        <v>14</v>
      </c>
      <c r="C125" s="28">
        <v>124</v>
      </c>
      <c r="D125" s="29">
        <v>138</v>
      </c>
    </row>
    <row r="126" spans="1:4" ht="18" customHeight="1" x14ac:dyDescent="0.2">
      <c r="A126" s="31" t="s">
        <v>69</v>
      </c>
      <c r="B126" s="27">
        <v>260</v>
      </c>
      <c r="C126" s="28">
        <v>1203</v>
      </c>
      <c r="D126" s="29">
        <v>1463</v>
      </c>
    </row>
    <row r="127" spans="1:4" ht="18" customHeight="1" x14ac:dyDescent="0.2">
      <c r="A127" s="31">
        <v>100</v>
      </c>
      <c r="B127" s="27">
        <v>13</v>
      </c>
      <c r="C127" s="28">
        <v>78</v>
      </c>
      <c r="D127" s="29">
        <v>91</v>
      </c>
    </row>
    <row r="128" spans="1:4" ht="18" customHeight="1" x14ac:dyDescent="0.2">
      <c r="A128" s="32" t="s">
        <v>46</v>
      </c>
      <c r="B128" s="27">
        <v>12</v>
      </c>
      <c r="C128" s="28">
        <v>112</v>
      </c>
      <c r="D128" s="29">
        <v>124</v>
      </c>
    </row>
    <row r="129" spans="1:4" ht="18" customHeight="1" x14ac:dyDescent="0.2">
      <c r="A129" s="31" t="s">
        <v>71</v>
      </c>
      <c r="B129" s="27">
        <v>25</v>
      </c>
      <c r="C129" s="28">
        <v>190</v>
      </c>
      <c r="D129" s="29">
        <v>215</v>
      </c>
    </row>
    <row r="130" spans="1:4" ht="18" customHeight="1" x14ac:dyDescent="0.2">
      <c r="A130" s="31" t="s">
        <v>72</v>
      </c>
      <c r="B130" s="4">
        <v>40383</v>
      </c>
      <c r="C130" s="5">
        <v>54667</v>
      </c>
      <c r="D130" s="6">
        <v>95050</v>
      </c>
    </row>
    <row r="131" spans="1:4" ht="18" customHeight="1" x14ac:dyDescent="0.2">
      <c r="A131" s="33" t="s">
        <v>47</v>
      </c>
      <c r="B131" s="7">
        <v>155832</v>
      </c>
      <c r="C131" s="8">
        <v>164171</v>
      </c>
      <c r="D131" s="9">
        <v>32000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6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3</v>
      </c>
      <c r="C10" s="28">
        <v>1</v>
      </c>
      <c r="D10" s="29">
        <v>4</v>
      </c>
    </row>
    <row r="11" spans="1:4" ht="18" customHeight="1" x14ac:dyDescent="0.2">
      <c r="A11" s="31">
        <v>5</v>
      </c>
      <c r="B11" s="35">
        <v>2</v>
      </c>
      <c r="C11" s="28">
        <v>0</v>
      </c>
      <c r="D11" s="29">
        <v>2</v>
      </c>
    </row>
    <row r="12" spans="1:4" ht="18" customHeight="1" x14ac:dyDescent="0.2">
      <c r="A12" s="31">
        <v>6</v>
      </c>
      <c r="B12" s="35">
        <v>1</v>
      </c>
      <c r="C12" s="28">
        <v>1</v>
      </c>
      <c r="D12" s="29">
        <v>2</v>
      </c>
    </row>
    <row r="13" spans="1:4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4" ht="18" customHeight="1" x14ac:dyDescent="0.2">
      <c r="A14" s="31">
        <v>8</v>
      </c>
      <c r="B14" s="35">
        <v>1</v>
      </c>
      <c r="C14" s="28">
        <v>1</v>
      </c>
      <c r="D14" s="29">
        <v>2</v>
      </c>
    </row>
    <row r="15" spans="1:4" ht="18" customHeight="1" x14ac:dyDescent="0.2">
      <c r="A15" s="31">
        <v>9</v>
      </c>
      <c r="B15" s="35">
        <v>2</v>
      </c>
      <c r="C15" s="28">
        <v>0</v>
      </c>
      <c r="D15" s="29">
        <v>2</v>
      </c>
    </row>
    <row r="16" spans="1:4" ht="18" customHeight="1" x14ac:dyDescent="0.2">
      <c r="A16" s="31" t="s">
        <v>49</v>
      </c>
      <c r="B16" s="27">
        <v>7</v>
      </c>
      <c r="C16" s="28">
        <v>3</v>
      </c>
      <c r="D16" s="29">
        <v>10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2</v>
      </c>
      <c r="D18" s="29">
        <v>3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1</v>
      </c>
      <c r="C21" s="28">
        <v>2</v>
      </c>
      <c r="D21" s="29">
        <v>3</v>
      </c>
    </row>
    <row r="22" spans="1:4" ht="18" customHeight="1" x14ac:dyDescent="0.2">
      <c r="A22" s="31" t="s">
        <v>50</v>
      </c>
      <c r="B22" s="27">
        <v>3</v>
      </c>
      <c r="C22" s="28">
        <v>4</v>
      </c>
      <c r="D22" s="29">
        <v>7</v>
      </c>
    </row>
    <row r="23" spans="1:4" ht="18" customHeight="1" x14ac:dyDescent="0.2">
      <c r="A23" s="31" t="s">
        <v>51</v>
      </c>
      <c r="B23" s="27">
        <v>13</v>
      </c>
      <c r="C23" s="28">
        <v>8</v>
      </c>
      <c r="D23" s="29">
        <v>21</v>
      </c>
    </row>
    <row r="24" spans="1:4" ht="18" customHeight="1" x14ac:dyDescent="0.2">
      <c r="A24" s="31">
        <v>15</v>
      </c>
      <c r="B24" s="27">
        <v>1</v>
      </c>
      <c r="C24" s="28">
        <v>0</v>
      </c>
      <c r="D24" s="29">
        <v>1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1</v>
      </c>
      <c r="C26" s="28">
        <v>3</v>
      </c>
      <c r="D26" s="29">
        <v>4</v>
      </c>
    </row>
    <row r="27" spans="1:4" ht="18" customHeight="1" x14ac:dyDescent="0.2">
      <c r="A27" s="31">
        <v>18</v>
      </c>
      <c r="B27" s="27">
        <v>3</v>
      </c>
      <c r="C27" s="28">
        <v>1</v>
      </c>
      <c r="D27" s="29">
        <v>4</v>
      </c>
    </row>
    <row r="28" spans="1:4" ht="18" customHeight="1" x14ac:dyDescent="0.2">
      <c r="A28" s="31">
        <v>19</v>
      </c>
      <c r="B28" s="27">
        <v>3</v>
      </c>
      <c r="C28" s="28">
        <v>0</v>
      </c>
      <c r="D28" s="29">
        <v>3</v>
      </c>
    </row>
    <row r="29" spans="1:4" ht="18" customHeight="1" x14ac:dyDescent="0.2">
      <c r="A29" s="31" t="s">
        <v>52</v>
      </c>
      <c r="B29" s="27">
        <v>9</v>
      </c>
      <c r="C29" s="28">
        <v>4</v>
      </c>
      <c r="D29" s="29">
        <v>13</v>
      </c>
    </row>
    <row r="30" spans="1:4" ht="18" customHeight="1" x14ac:dyDescent="0.2">
      <c r="A30" s="31">
        <v>20</v>
      </c>
      <c r="B30" s="27">
        <v>0</v>
      </c>
      <c r="C30" s="28">
        <v>3</v>
      </c>
      <c r="D30" s="29">
        <v>3</v>
      </c>
    </row>
    <row r="31" spans="1:4" ht="18" customHeight="1" x14ac:dyDescent="0.2">
      <c r="A31" s="31">
        <v>21</v>
      </c>
      <c r="B31" s="27">
        <v>1</v>
      </c>
      <c r="C31" s="28">
        <v>1</v>
      </c>
      <c r="D31" s="29">
        <v>2</v>
      </c>
    </row>
    <row r="32" spans="1:4" ht="18" customHeight="1" x14ac:dyDescent="0.2">
      <c r="A32" s="31">
        <v>22</v>
      </c>
      <c r="B32" s="27">
        <v>1</v>
      </c>
      <c r="C32" s="28">
        <v>0</v>
      </c>
      <c r="D32" s="29">
        <v>1</v>
      </c>
    </row>
    <row r="33" spans="1:4" ht="18" customHeight="1" x14ac:dyDescent="0.2">
      <c r="A33" s="31">
        <v>23</v>
      </c>
      <c r="B33" s="27">
        <v>3</v>
      </c>
      <c r="C33" s="28">
        <v>0</v>
      </c>
      <c r="D33" s="29">
        <v>3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6</v>
      </c>
      <c r="C35" s="28">
        <v>5</v>
      </c>
      <c r="D35" s="29">
        <v>11</v>
      </c>
    </row>
    <row r="36" spans="1:4" ht="18" customHeight="1" x14ac:dyDescent="0.2">
      <c r="A36" s="31">
        <v>25</v>
      </c>
      <c r="B36" s="27">
        <v>0</v>
      </c>
      <c r="C36" s="28">
        <v>2</v>
      </c>
      <c r="D36" s="29">
        <v>2</v>
      </c>
    </row>
    <row r="37" spans="1:4" ht="18" customHeight="1" x14ac:dyDescent="0.2">
      <c r="A37" s="31">
        <v>26</v>
      </c>
      <c r="B37" s="27">
        <v>1</v>
      </c>
      <c r="C37" s="28">
        <v>0</v>
      </c>
      <c r="D37" s="29">
        <v>1</v>
      </c>
    </row>
    <row r="38" spans="1:4" ht="18" customHeight="1" x14ac:dyDescent="0.2">
      <c r="A38" s="31">
        <v>27</v>
      </c>
      <c r="B38" s="27">
        <v>2</v>
      </c>
      <c r="C38" s="28">
        <v>2</v>
      </c>
      <c r="D38" s="29">
        <v>4</v>
      </c>
    </row>
    <row r="39" spans="1:4" ht="18" customHeight="1" x14ac:dyDescent="0.2">
      <c r="A39" s="31">
        <v>28</v>
      </c>
      <c r="B39" s="27">
        <v>0</v>
      </c>
      <c r="C39" s="28">
        <v>1</v>
      </c>
      <c r="D39" s="29">
        <v>1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4</v>
      </c>
      <c r="C41" s="28">
        <v>5</v>
      </c>
      <c r="D41" s="29">
        <v>9</v>
      </c>
    </row>
    <row r="42" spans="1:4" ht="18" customHeight="1" x14ac:dyDescent="0.2">
      <c r="A42" s="31">
        <v>30</v>
      </c>
      <c r="B42" s="27">
        <v>1</v>
      </c>
      <c r="C42" s="28">
        <v>0</v>
      </c>
      <c r="D42" s="29">
        <v>1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1</v>
      </c>
      <c r="C44" s="28">
        <v>0</v>
      </c>
      <c r="D44" s="29">
        <v>1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1</v>
      </c>
      <c r="C46" s="28">
        <v>1</v>
      </c>
      <c r="D46" s="29">
        <v>2</v>
      </c>
    </row>
    <row r="47" spans="1:4" ht="18" customHeight="1" x14ac:dyDescent="0.2">
      <c r="A47" s="31" t="s">
        <v>55</v>
      </c>
      <c r="B47" s="27">
        <v>3</v>
      </c>
      <c r="C47" s="28">
        <v>1</v>
      </c>
      <c r="D47" s="29">
        <v>4</v>
      </c>
    </row>
    <row r="48" spans="1:4" ht="18" customHeight="1" x14ac:dyDescent="0.2">
      <c r="A48" s="31">
        <v>35</v>
      </c>
      <c r="B48" s="27">
        <v>2</v>
      </c>
      <c r="C48" s="28">
        <v>1</v>
      </c>
      <c r="D48" s="29">
        <v>3</v>
      </c>
    </row>
    <row r="49" spans="1:4" ht="18" customHeight="1" x14ac:dyDescent="0.2">
      <c r="A49" s="31">
        <v>36</v>
      </c>
      <c r="B49" s="27">
        <v>3</v>
      </c>
      <c r="C49" s="28">
        <v>0</v>
      </c>
      <c r="D49" s="29">
        <v>3</v>
      </c>
    </row>
    <row r="50" spans="1:4" ht="18" customHeight="1" x14ac:dyDescent="0.2">
      <c r="A50" s="31">
        <v>37</v>
      </c>
      <c r="B50" s="27">
        <v>1</v>
      </c>
      <c r="C50" s="28">
        <v>2</v>
      </c>
      <c r="D50" s="29">
        <v>3</v>
      </c>
    </row>
    <row r="51" spans="1:4" ht="18" customHeight="1" x14ac:dyDescent="0.2">
      <c r="A51" s="31">
        <v>38</v>
      </c>
      <c r="B51" s="27">
        <v>1</v>
      </c>
      <c r="C51" s="28">
        <v>3</v>
      </c>
      <c r="D51" s="29">
        <v>4</v>
      </c>
    </row>
    <row r="52" spans="1:4" ht="18" customHeight="1" x14ac:dyDescent="0.2">
      <c r="A52" s="31">
        <v>39</v>
      </c>
      <c r="B52" s="27">
        <v>1</v>
      </c>
      <c r="C52" s="28">
        <v>2</v>
      </c>
      <c r="D52" s="29">
        <v>3</v>
      </c>
    </row>
    <row r="53" spans="1:4" ht="18" customHeight="1" x14ac:dyDescent="0.2">
      <c r="A53" s="31" t="s">
        <v>56</v>
      </c>
      <c r="B53" s="27">
        <v>8</v>
      </c>
      <c r="C53" s="28">
        <v>8</v>
      </c>
      <c r="D53" s="29">
        <v>16</v>
      </c>
    </row>
    <row r="54" spans="1:4" ht="18" customHeight="1" x14ac:dyDescent="0.2">
      <c r="A54" s="31">
        <v>40</v>
      </c>
      <c r="B54" s="27">
        <v>1</v>
      </c>
      <c r="C54" s="28">
        <v>0</v>
      </c>
      <c r="D54" s="29">
        <v>1</v>
      </c>
    </row>
    <row r="55" spans="1:4" ht="18" customHeight="1" x14ac:dyDescent="0.2">
      <c r="A55" s="31">
        <v>41</v>
      </c>
      <c r="B55" s="27">
        <v>1</v>
      </c>
      <c r="C55" s="28">
        <v>1</v>
      </c>
      <c r="D55" s="29">
        <v>2</v>
      </c>
    </row>
    <row r="56" spans="1:4" ht="18" customHeight="1" x14ac:dyDescent="0.2">
      <c r="A56" s="31">
        <v>42</v>
      </c>
      <c r="B56" s="27">
        <v>1</v>
      </c>
      <c r="C56" s="28">
        <v>2</v>
      </c>
      <c r="D56" s="29">
        <v>3</v>
      </c>
    </row>
    <row r="57" spans="1:4" ht="18" customHeight="1" x14ac:dyDescent="0.2">
      <c r="A57" s="31">
        <v>43</v>
      </c>
      <c r="B57" s="27">
        <v>3</v>
      </c>
      <c r="C57" s="28">
        <v>4</v>
      </c>
      <c r="D57" s="29">
        <v>7</v>
      </c>
    </row>
    <row r="58" spans="1:4" ht="18" customHeight="1" x14ac:dyDescent="0.2">
      <c r="A58" s="31">
        <v>44</v>
      </c>
      <c r="B58" s="27">
        <v>3</v>
      </c>
      <c r="C58" s="28">
        <v>1</v>
      </c>
      <c r="D58" s="29">
        <v>4</v>
      </c>
    </row>
    <row r="59" spans="1:4" ht="18" customHeight="1" x14ac:dyDescent="0.2">
      <c r="A59" s="31" t="s">
        <v>57</v>
      </c>
      <c r="B59" s="27">
        <v>9</v>
      </c>
      <c r="C59" s="28">
        <v>8</v>
      </c>
      <c r="D59" s="29">
        <v>17</v>
      </c>
    </row>
    <row r="60" spans="1:4" ht="18" customHeight="1" x14ac:dyDescent="0.2">
      <c r="A60" s="31">
        <v>45</v>
      </c>
      <c r="B60" s="27">
        <v>1</v>
      </c>
      <c r="C60" s="28">
        <v>1</v>
      </c>
      <c r="D60" s="29">
        <v>2</v>
      </c>
    </row>
    <row r="61" spans="1:4" ht="18" customHeight="1" x14ac:dyDescent="0.2">
      <c r="A61" s="31">
        <v>46</v>
      </c>
      <c r="B61" s="27">
        <v>1</v>
      </c>
      <c r="C61" s="28">
        <v>1</v>
      </c>
      <c r="D61" s="29">
        <v>2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2</v>
      </c>
      <c r="C63" s="28">
        <v>1</v>
      </c>
      <c r="D63" s="29">
        <v>3</v>
      </c>
    </row>
    <row r="64" spans="1:4" ht="18" customHeight="1" x14ac:dyDescent="0.2">
      <c r="A64" s="31">
        <v>49</v>
      </c>
      <c r="B64" s="27">
        <v>0</v>
      </c>
      <c r="C64" s="28">
        <v>1</v>
      </c>
      <c r="D64" s="29">
        <v>1</v>
      </c>
    </row>
    <row r="65" spans="1:4" ht="18" customHeight="1" x14ac:dyDescent="0.2">
      <c r="A65" s="31" t="s">
        <v>58</v>
      </c>
      <c r="B65" s="27">
        <v>5</v>
      </c>
      <c r="C65" s="28">
        <v>4</v>
      </c>
      <c r="D65" s="29">
        <v>9</v>
      </c>
    </row>
    <row r="66" spans="1:4" ht="18" customHeight="1" x14ac:dyDescent="0.2">
      <c r="A66" s="31">
        <v>50</v>
      </c>
      <c r="B66" s="27">
        <v>0</v>
      </c>
      <c r="C66" s="28">
        <v>2</v>
      </c>
      <c r="D66" s="29">
        <v>2</v>
      </c>
    </row>
    <row r="67" spans="1:4" ht="18" customHeight="1" x14ac:dyDescent="0.2">
      <c r="A67" s="31">
        <v>51</v>
      </c>
      <c r="B67" s="27">
        <v>3</v>
      </c>
      <c r="C67" s="28">
        <v>0</v>
      </c>
      <c r="D67" s="29">
        <v>3</v>
      </c>
    </row>
    <row r="68" spans="1:4" ht="18" customHeight="1" x14ac:dyDescent="0.2">
      <c r="A68" s="31">
        <v>52</v>
      </c>
      <c r="B68" s="27">
        <v>1</v>
      </c>
      <c r="C68" s="28">
        <v>2</v>
      </c>
      <c r="D68" s="29">
        <v>3</v>
      </c>
    </row>
    <row r="69" spans="1:4" ht="18" customHeight="1" x14ac:dyDescent="0.2">
      <c r="A69" s="31">
        <v>53</v>
      </c>
      <c r="B69" s="27">
        <v>2</v>
      </c>
      <c r="C69" s="28">
        <v>0</v>
      </c>
      <c r="D69" s="29">
        <v>2</v>
      </c>
    </row>
    <row r="70" spans="1:4" ht="18" customHeight="1" x14ac:dyDescent="0.2">
      <c r="A70" s="31">
        <v>54</v>
      </c>
      <c r="B70" s="27">
        <v>2</v>
      </c>
      <c r="C70" s="28">
        <v>2</v>
      </c>
      <c r="D70" s="29">
        <v>4</v>
      </c>
    </row>
    <row r="71" spans="1:4" ht="18" customHeight="1" x14ac:dyDescent="0.2">
      <c r="A71" s="31" t="s">
        <v>59</v>
      </c>
      <c r="B71" s="27">
        <v>8</v>
      </c>
      <c r="C71" s="28">
        <v>6</v>
      </c>
      <c r="D71" s="29">
        <v>14</v>
      </c>
    </row>
    <row r="72" spans="1:4" ht="18" customHeight="1" x14ac:dyDescent="0.2">
      <c r="A72" s="31">
        <v>55</v>
      </c>
      <c r="B72" s="27">
        <v>1</v>
      </c>
      <c r="C72" s="28">
        <v>3</v>
      </c>
      <c r="D72" s="29">
        <v>4</v>
      </c>
    </row>
    <row r="73" spans="1:4" ht="18" customHeight="1" x14ac:dyDescent="0.2">
      <c r="A73" s="31">
        <v>56</v>
      </c>
      <c r="B73" s="27">
        <v>1</v>
      </c>
      <c r="C73" s="28">
        <v>1</v>
      </c>
      <c r="D73" s="29">
        <v>2</v>
      </c>
    </row>
    <row r="74" spans="1:4" ht="18" customHeight="1" x14ac:dyDescent="0.2">
      <c r="A74" s="31">
        <v>57</v>
      </c>
      <c r="B74" s="27">
        <v>3</v>
      </c>
      <c r="C74" s="28">
        <v>1</v>
      </c>
      <c r="D74" s="29">
        <v>4</v>
      </c>
    </row>
    <row r="75" spans="1:4" ht="18" customHeight="1" x14ac:dyDescent="0.2">
      <c r="A75" s="31">
        <v>58</v>
      </c>
      <c r="B75" s="27">
        <v>3</v>
      </c>
      <c r="C75" s="28">
        <v>2</v>
      </c>
      <c r="D75" s="29">
        <v>5</v>
      </c>
    </row>
    <row r="76" spans="1:4" ht="18" customHeight="1" x14ac:dyDescent="0.2">
      <c r="A76" s="31">
        <v>59</v>
      </c>
      <c r="B76" s="27">
        <v>2</v>
      </c>
      <c r="C76" s="28">
        <v>3</v>
      </c>
      <c r="D76" s="29">
        <v>5</v>
      </c>
    </row>
    <row r="77" spans="1:4" ht="18" customHeight="1" x14ac:dyDescent="0.2">
      <c r="A77" s="31" t="s">
        <v>60</v>
      </c>
      <c r="B77" s="27">
        <v>10</v>
      </c>
      <c r="C77" s="28">
        <v>10</v>
      </c>
      <c r="D77" s="29">
        <v>20</v>
      </c>
    </row>
    <row r="78" spans="1:4" ht="18" customHeight="1" x14ac:dyDescent="0.2">
      <c r="A78" s="31">
        <v>60</v>
      </c>
      <c r="B78" s="27">
        <v>3</v>
      </c>
      <c r="C78" s="28">
        <v>0</v>
      </c>
      <c r="D78" s="29">
        <v>3</v>
      </c>
    </row>
    <row r="79" spans="1:4" ht="18" customHeight="1" x14ac:dyDescent="0.2">
      <c r="A79" s="31">
        <v>61</v>
      </c>
      <c r="B79" s="27">
        <v>2</v>
      </c>
      <c r="C79" s="28">
        <v>1</v>
      </c>
      <c r="D79" s="29">
        <v>3</v>
      </c>
    </row>
    <row r="80" spans="1:4" ht="18" customHeight="1" x14ac:dyDescent="0.2">
      <c r="A80" s="31">
        <v>62</v>
      </c>
      <c r="B80" s="27">
        <v>2</v>
      </c>
      <c r="C80" s="28">
        <v>1</v>
      </c>
      <c r="D80" s="29">
        <v>3</v>
      </c>
    </row>
    <row r="81" spans="1:4" ht="18" customHeight="1" x14ac:dyDescent="0.2">
      <c r="A81" s="31">
        <v>63</v>
      </c>
      <c r="B81" s="27">
        <v>0</v>
      </c>
      <c r="C81" s="28">
        <v>0</v>
      </c>
      <c r="D81" s="29">
        <v>0</v>
      </c>
    </row>
    <row r="82" spans="1:4" ht="18" customHeight="1" x14ac:dyDescent="0.2">
      <c r="A82" s="31">
        <v>64</v>
      </c>
      <c r="B82" s="27">
        <v>0</v>
      </c>
      <c r="C82" s="28">
        <v>3</v>
      </c>
      <c r="D82" s="29">
        <v>3</v>
      </c>
    </row>
    <row r="83" spans="1:4" ht="18" customHeight="1" x14ac:dyDescent="0.2">
      <c r="A83" s="31" t="s">
        <v>61</v>
      </c>
      <c r="B83" s="27">
        <v>7</v>
      </c>
      <c r="C83" s="28">
        <v>5</v>
      </c>
      <c r="D83" s="29">
        <v>12</v>
      </c>
    </row>
    <row r="84" spans="1:4" ht="18" customHeight="1" x14ac:dyDescent="0.2">
      <c r="A84" s="31" t="s">
        <v>62</v>
      </c>
      <c r="B84" s="27">
        <v>69</v>
      </c>
      <c r="C84" s="28">
        <v>56</v>
      </c>
      <c r="D84" s="29">
        <v>125</v>
      </c>
    </row>
    <row r="85" spans="1:4" ht="18" customHeight="1" x14ac:dyDescent="0.2">
      <c r="A85" s="31">
        <v>65</v>
      </c>
      <c r="B85" s="27">
        <v>4</v>
      </c>
      <c r="C85" s="28">
        <v>5</v>
      </c>
      <c r="D85" s="29">
        <v>9</v>
      </c>
    </row>
    <row r="86" spans="1:4" ht="18" customHeight="1" x14ac:dyDescent="0.2">
      <c r="A86" s="31">
        <v>66</v>
      </c>
      <c r="B86" s="27">
        <v>4</v>
      </c>
      <c r="C86" s="28">
        <v>1</v>
      </c>
      <c r="D86" s="29">
        <v>5</v>
      </c>
    </row>
    <row r="87" spans="1:4" ht="18" customHeight="1" x14ac:dyDescent="0.2">
      <c r="A87" s="31">
        <v>67</v>
      </c>
      <c r="B87" s="27">
        <v>1</v>
      </c>
      <c r="C87" s="28">
        <v>6</v>
      </c>
      <c r="D87" s="29">
        <v>7</v>
      </c>
    </row>
    <row r="88" spans="1:4" ht="18" customHeight="1" x14ac:dyDescent="0.2">
      <c r="A88" s="31">
        <v>68</v>
      </c>
      <c r="B88" s="27">
        <v>3</v>
      </c>
      <c r="C88" s="28">
        <v>3</v>
      </c>
      <c r="D88" s="29">
        <v>6</v>
      </c>
    </row>
    <row r="89" spans="1:4" ht="18" customHeight="1" x14ac:dyDescent="0.2">
      <c r="A89" s="31">
        <v>69</v>
      </c>
      <c r="B89" s="27">
        <v>4</v>
      </c>
      <c r="C89" s="28">
        <v>2</v>
      </c>
      <c r="D89" s="29">
        <v>6</v>
      </c>
    </row>
    <row r="90" spans="1:4" ht="18" customHeight="1" x14ac:dyDescent="0.2">
      <c r="A90" s="31" t="s">
        <v>63</v>
      </c>
      <c r="B90" s="27">
        <v>16</v>
      </c>
      <c r="C90" s="28">
        <v>17</v>
      </c>
      <c r="D90" s="29">
        <v>33</v>
      </c>
    </row>
    <row r="91" spans="1:4" ht="18" customHeight="1" x14ac:dyDescent="0.2">
      <c r="A91" s="31">
        <v>70</v>
      </c>
      <c r="B91" s="27">
        <v>2</v>
      </c>
      <c r="C91" s="28">
        <v>4</v>
      </c>
      <c r="D91" s="29">
        <v>6</v>
      </c>
    </row>
    <row r="92" spans="1:4" ht="18" customHeight="1" x14ac:dyDescent="0.2">
      <c r="A92" s="31">
        <v>71</v>
      </c>
      <c r="B92" s="27">
        <v>5</v>
      </c>
      <c r="C92" s="28">
        <v>3</v>
      </c>
      <c r="D92" s="29">
        <v>8</v>
      </c>
    </row>
    <row r="93" spans="1:4" ht="18" customHeight="1" x14ac:dyDescent="0.2">
      <c r="A93" s="31">
        <v>72</v>
      </c>
      <c r="B93" s="27">
        <v>5</v>
      </c>
      <c r="C93" s="28">
        <v>7</v>
      </c>
      <c r="D93" s="29">
        <v>12</v>
      </c>
    </row>
    <row r="94" spans="1:4" ht="18" customHeight="1" x14ac:dyDescent="0.2">
      <c r="A94" s="31">
        <v>73</v>
      </c>
      <c r="B94" s="27">
        <v>5</v>
      </c>
      <c r="C94" s="28">
        <v>4</v>
      </c>
      <c r="D94" s="29">
        <v>9</v>
      </c>
    </row>
    <row r="95" spans="1:4" ht="18" customHeight="1" x14ac:dyDescent="0.2">
      <c r="A95" s="31">
        <v>74</v>
      </c>
      <c r="B95" s="27">
        <v>1</v>
      </c>
      <c r="C95" s="28">
        <v>2</v>
      </c>
      <c r="D95" s="29">
        <v>3</v>
      </c>
    </row>
    <row r="96" spans="1:4" ht="18" customHeight="1" x14ac:dyDescent="0.2">
      <c r="A96" s="31" t="s">
        <v>64</v>
      </c>
      <c r="B96" s="27">
        <v>18</v>
      </c>
      <c r="C96" s="28">
        <v>20</v>
      </c>
      <c r="D96" s="29">
        <v>38</v>
      </c>
    </row>
    <row r="97" spans="1:4" ht="18" customHeight="1" x14ac:dyDescent="0.2">
      <c r="A97" s="31">
        <v>75</v>
      </c>
      <c r="B97" s="27">
        <v>2</v>
      </c>
      <c r="C97" s="28">
        <v>3</v>
      </c>
      <c r="D97" s="29">
        <v>5</v>
      </c>
    </row>
    <row r="98" spans="1:4" ht="18" customHeight="1" x14ac:dyDescent="0.2">
      <c r="A98" s="31">
        <v>76</v>
      </c>
      <c r="B98" s="27">
        <v>2</v>
      </c>
      <c r="C98" s="28">
        <v>3</v>
      </c>
      <c r="D98" s="29">
        <v>5</v>
      </c>
    </row>
    <row r="99" spans="1:4" ht="18" customHeight="1" x14ac:dyDescent="0.2">
      <c r="A99" s="31">
        <v>77</v>
      </c>
      <c r="B99" s="27">
        <v>1</v>
      </c>
      <c r="C99" s="28">
        <v>2</v>
      </c>
      <c r="D99" s="29">
        <v>3</v>
      </c>
    </row>
    <row r="100" spans="1:4" ht="18" customHeight="1" x14ac:dyDescent="0.2">
      <c r="A100" s="31">
        <v>78</v>
      </c>
      <c r="B100" s="27">
        <v>3</v>
      </c>
      <c r="C100" s="28">
        <v>3</v>
      </c>
      <c r="D100" s="29">
        <v>6</v>
      </c>
    </row>
    <row r="101" spans="1:4" ht="18" customHeight="1" x14ac:dyDescent="0.2">
      <c r="A101" s="31">
        <v>79</v>
      </c>
      <c r="B101" s="27">
        <v>2</v>
      </c>
      <c r="C101" s="28">
        <v>4</v>
      </c>
      <c r="D101" s="29">
        <v>6</v>
      </c>
    </row>
    <row r="102" spans="1:4" ht="18" customHeight="1" x14ac:dyDescent="0.2">
      <c r="A102" s="31" t="s">
        <v>65</v>
      </c>
      <c r="B102" s="27">
        <v>10</v>
      </c>
      <c r="C102" s="28">
        <v>15</v>
      </c>
      <c r="D102" s="29">
        <v>25</v>
      </c>
    </row>
    <row r="103" spans="1:4" ht="18" customHeight="1" x14ac:dyDescent="0.2">
      <c r="A103" s="31">
        <v>80</v>
      </c>
      <c r="B103" s="27">
        <v>1</v>
      </c>
      <c r="C103" s="28">
        <v>2</v>
      </c>
      <c r="D103" s="29">
        <v>3</v>
      </c>
    </row>
    <row r="104" spans="1:4" ht="18" customHeight="1" x14ac:dyDescent="0.2">
      <c r="A104" s="31">
        <v>81</v>
      </c>
      <c r="B104" s="27">
        <v>3</v>
      </c>
      <c r="C104" s="28">
        <v>0</v>
      </c>
      <c r="D104" s="29">
        <v>3</v>
      </c>
    </row>
    <row r="105" spans="1:4" ht="18" customHeight="1" x14ac:dyDescent="0.2">
      <c r="A105" s="31">
        <v>82</v>
      </c>
      <c r="B105" s="27">
        <v>0</v>
      </c>
      <c r="C105" s="28">
        <v>5</v>
      </c>
      <c r="D105" s="29">
        <v>5</v>
      </c>
    </row>
    <row r="106" spans="1:4" ht="18" customHeight="1" x14ac:dyDescent="0.2">
      <c r="A106" s="31">
        <v>83</v>
      </c>
      <c r="B106" s="27">
        <v>2</v>
      </c>
      <c r="C106" s="28">
        <v>7</v>
      </c>
      <c r="D106" s="29">
        <v>9</v>
      </c>
    </row>
    <row r="107" spans="1:4" ht="18" customHeight="1" x14ac:dyDescent="0.2">
      <c r="A107" s="31">
        <v>84</v>
      </c>
      <c r="B107" s="27">
        <v>4</v>
      </c>
      <c r="C107" s="28">
        <v>8</v>
      </c>
      <c r="D107" s="29">
        <v>12</v>
      </c>
    </row>
    <row r="108" spans="1:4" ht="18" customHeight="1" x14ac:dyDescent="0.2">
      <c r="A108" s="31" t="s">
        <v>66</v>
      </c>
      <c r="B108" s="27">
        <v>10</v>
      </c>
      <c r="C108" s="28">
        <v>22</v>
      </c>
      <c r="D108" s="29">
        <v>32</v>
      </c>
    </row>
    <row r="109" spans="1:4" ht="18" customHeight="1" x14ac:dyDescent="0.2">
      <c r="A109" s="31">
        <v>85</v>
      </c>
      <c r="B109" s="27">
        <v>3</v>
      </c>
      <c r="C109" s="28">
        <v>3</v>
      </c>
      <c r="D109" s="29">
        <v>6</v>
      </c>
    </row>
    <row r="110" spans="1:4" ht="18" customHeight="1" x14ac:dyDescent="0.2">
      <c r="A110" s="31">
        <v>86</v>
      </c>
      <c r="B110" s="27">
        <v>0</v>
      </c>
      <c r="C110" s="28">
        <v>3</v>
      </c>
      <c r="D110" s="29">
        <v>3</v>
      </c>
    </row>
    <row r="111" spans="1:4" ht="18" customHeight="1" x14ac:dyDescent="0.2">
      <c r="A111" s="31">
        <v>87</v>
      </c>
      <c r="B111" s="27">
        <v>2</v>
      </c>
      <c r="C111" s="28">
        <v>5</v>
      </c>
      <c r="D111" s="29">
        <v>7</v>
      </c>
    </row>
    <row r="112" spans="1:4" ht="18" customHeight="1" x14ac:dyDescent="0.2">
      <c r="A112" s="31">
        <v>88</v>
      </c>
      <c r="B112" s="27">
        <v>2</v>
      </c>
      <c r="C112" s="28">
        <v>3</v>
      </c>
      <c r="D112" s="29">
        <v>5</v>
      </c>
    </row>
    <row r="113" spans="1:4" ht="18" customHeight="1" x14ac:dyDescent="0.2">
      <c r="A113" s="31">
        <v>89</v>
      </c>
      <c r="B113" s="27">
        <v>1</v>
      </c>
      <c r="C113" s="28">
        <v>2</v>
      </c>
      <c r="D113" s="29">
        <v>3</v>
      </c>
    </row>
    <row r="114" spans="1:4" ht="18" customHeight="1" x14ac:dyDescent="0.2">
      <c r="A114" s="31" t="s">
        <v>67</v>
      </c>
      <c r="B114" s="27">
        <v>8</v>
      </c>
      <c r="C114" s="28">
        <v>16</v>
      </c>
      <c r="D114" s="29">
        <v>24</v>
      </c>
    </row>
    <row r="115" spans="1:4" ht="18" customHeight="1" x14ac:dyDescent="0.2">
      <c r="A115" s="31">
        <v>90</v>
      </c>
      <c r="B115" s="27">
        <v>2</v>
      </c>
      <c r="C115" s="28">
        <v>3</v>
      </c>
      <c r="D115" s="29">
        <v>5</v>
      </c>
    </row>
    <row r="116" spans="1:4" ht="18" customHeight="1" x14ac:dyDescent="0.2">
      <c r="A116" s="31">
        <v>91</v>
      </c>
      <c r="B116" s="27">
        <v>2</v>
      </c>
      <c r="C116" s="28">
        <v>4</v>
      </c>
      <c r="D116" s="29">
        <v>6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68</v>
      </c>
      <c r="B120" s="27">
        <v>5</v>
      </c>
      <c r="C120" s="28">
        <v>10</v>
      </c>
      <c r="D120" s="29">
        <v>15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4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68</v>
      </c>
      <c r="C130" s="5">
        <v>104</v>
      </c>
      <c r="D130" s="6">
        <v>172</v>
      </c>
    </row>
    <row r="131" spans="1:4" ht="18" customHeight="1" x14ac:dyDescent="0.2">
      <c r="A131" s="33" t="s">
        <v>47</v>
      </c>
      <c r="B131" s="7">
        <v>150</v>
      </c>
      <c r="C131" s="8">
        <v>168</v>
      </c>
      <c r="D131" s="9">
        <v>31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6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2</v>
      </c>
      <c r="C6" s="28">
        <v>3</v>
      </c>
      <c r="D6" s="29">
        <v>5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2</v>
      </c>
      <c r="C9" s="38">
        <v>0</v>
      </c>
      <c r="D9" s="40">
        <v>2</v>
      </c>
    </row>
    <row r="10" spans="1:4" ht="18" customHeight="1" x14ac:dyDescent="0.2">
      <c r="A10" s="31" t="s">
        <v>48</v>
      </c>
      <c r="B10" s="27">
        <v>4</v>
      </c>
      <c r="C10" s="28">
        <v>5</v>
      </c>
      <c r="D10" s="29">
        <v>9</v>
      </c>
    </row>
    <row r="11" spans="1:4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2</v>
      </c>
      <c r="C13" s="28">
        <v>0</v>
      </c>
      <c r="D13" s="29">
        <v>2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2</v>
      </c>
      <c r="C15" s="28">
        <v>0</v>
      </c>
      <c r="D15" s="29">
        <v>2</v>
      </c>
    </row>
    <row r="16" spans="1:4" ht="18" customHeight="1" x14ac:dyDescent="0.2">
      <c r="A16" s="31" t="s">
        <v>49</v>
      </c>
      <c r="B16" s="27">
        <v>5</v>
      </c>
      <c r="C16" s="28">
        <v>3</v>
      </c>
      <c r="D16" s="29">
        <v>8</v>
      </c>
    </row>
    <row r="17" spans="1:4" ht="18" customHeight="1" x14ac:dyDescent="0.2">
      <c r="A17" s="31">
        <v>10</v>
      </c>
      <c r="B17" s="27">
        <v>3</v>
      </c>
      <c r="C17" s="28">
        <v>0</v>
      </c>
      <c r="D17" s="29">
        <v>3</v>
      </c>
    </row>
    <row r="18" spans="1:4" ht="18" customHeight="1" x14ac:dyDescent="0.2">
      <c r="A18" s="31">
        <v>11</v>
      </c>
      <c r="B18" s="27">
        <v>0</v>
      </c>
      <c r="C18" s="28">
        <v>2</v>
      </c>
      <c r="D18" s="29">
        <v>2</v>
      </c>
    </row>
    <row r="19" spans="1:4" ht="18" customHeight="1" x14ac:dyDescent="0.2">
      <c r="A19" s="31">
        <v>12</v>
      </c>
      <c r="B19" s="27">
        <v>1</v>
      </c>
      <c r="C19" s="28">
        <v>3</v>
      </c>
      <c r="D19" s="29">
        <v>4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6</v>
      </c>
      <c r="C22" s="28">
        <v>7</v>
      </c>
      <c r="D22" s="29">
        <v>13</v>
      </c>
    </row>
    <row r="23" spans="1:4" ht="18" customHeight="1" x14ac:dyDescent="0.2">
      <c r="A23" s="31" t="s">
        <v>51</v>
      </c>
      <c r="B23" s="27">
        <v>15</v>
      </c>
      <c r="C23" s="28">
        <v>15</v>
      </c>
      <c r="D23" s="29">
        <v>30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2</v>
      </c>
      <c r="C25" s="28">
        <v>0</v>
      </c>
      <c r="D25" s="29">
        <v>2</v>
      </c>
    </row>
    <row r="26" spans="1:4" ht="18" customHeight="1" x14ac:dyDescent="0.2">
      <c r="A26" s="31">
        <v>17</v>
      </c>
      <c r="B26" s="27">
        <v>0</v>
      </c>
      <c r="C26" s="28">
        <v>2</v>
      </c>
      <c r="D26" s="29">
        <v>2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0</v>
      </c>
      <c r="C28" s="28">
        <v>1</v>
      </c>
      <c r="D28" s="29">
        <v>1</v>
      </c>
    </row>
    <row r="29" spans="1:4" ht="18" customHeight="1" x14ac:dyDescent="0.2">
      <c r="A29" s="31" t="s">
        <v>52</v>
      </c>
      <c r="B29" s="27">
        <v>3</v>
      </c>
      <c r="C29" s="28">
        <v>5</v>
      </c>
      <c r="D29" s="29">
        <v>8</v>
      </c>
    </row>
    <row r="30" spans="1:4" ht="18" customHeight="1" x14ac:dyDescent="0.2">
      <c r="A30" s="31">
        <v>20</v>
      </c>
      <c r="B30" s="27">
        <v>1</v>
      </c>
      <c r="C30" s="28">
        <v>1</v>
      </c>
      <c r="D30" s="29">
        <v>2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1</v>
      </c>
      <c r="C32" s="28">
        <v>1</v>
      </c>
      <c r="D32" s="29">
        <v>2</v>
      </c>
    </row>
    <row r="33" spans="1:4" ht="18" customHeight="1" x14ac:dyDescent="0.2">
      <c r="A33" s="31">
        <v>23</v>
      </c>
      <c r="B33" s="27">
        <v>1</v>
      </c>
      <c r="C33" s="28">
        <v>0</v>
      </c>
      <c r="D33" s="29">
        <v>1</v>
      </c>
    </row>
    <row r="34" spans="1:4" ht="18" customHeight="1" x14ac:dyDescent="0.2">
      <c r="A34" s="31">
        <v>24</v>
      </c>
      <c r="B34" s="27">
        <v>2</v>
      </c>
      <c r="C34" s="28">
        <v>0</v>
      </c>
      <c r="D34" s="29">
        <v>2</v>
      </c>
    </row>
    <row r="35" spans="1:4" ht="18" customHeight="1" x14ac:dyDescent="0.2">
      <c r="A35" s="31" t="s">
        <v>53</v>
      </c>
      <c r="B35" s="27">
        <v>5</v>
      </c>
      <c r="C35" s="28">
        <v>3</v>
      </c>
      <c r="D35" s="29">
        <v>8</v>
      </c>
    </row>
    <row r="36" spans="1:4" ht="18" customHeight="1" x14ac:dyDescent="0.2">
      <c r="A36" s="31">
        <v>25</v>
      </c>
      <c r="B36" s="27">
        <v>2</v>
      </c>
      <c r="C36" s="28">
        <v>0</v>
      </c>
      <c r="D36" s="29">
        <v>2</v>
      </c>
    </row>
    <row r="37" spans="1:4" ht="18" customHeight="1" x14ac:dyDescent="0.2">
      <c r="A37" s="31">
        <v>26</v>
      </c>
      <c r="B37" s="27">
        <v>2</v>
      </c>
      <c r="C37" s="28">
        <v>1</v>
      </c>
      <c r="D37" s="29">
        <v>3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3</v>
      </c>
      <c r="C39" s="28">
        <v>1</v>
      </c>
      <c r="D39" s="29">
        <v>4</v>
      </c>
    </row>
    <row r="40" spans="1:4" ht="18" customHeight="1" x14ac:dyDescent="0.2">
      <c r="A40" s="31">
        <v>29</v>
      </c>
      <c r="B40" s="27">
        <v>0</v>
      </c>
      <c r="C40" s="28">
        <v>1</v>
      </c>
      <c r="D40" s="29">
        <v>1</v>
      </c>
    </row>
    <row r="41" spans="1:4" ht="18" customHeight="1" x14ac:dyDescent="0.2">
      <c r="A41" s="31" t="s">
        <v>54</v>
      </c>
      <c r="B41" s="27">
        <v>7</v>
      </c>
      <c r="C41" s="28">
        <v>3</v>
      </c>
      <c r="D41" s="29">
        <v>10</v>
      </c>
    </row>
    <row r="42" spans="1:4" ht="18" customHeight="1" x14ac:dyDescent="0.2">
      <c r="A42" s="31">
        <v>30</v>
      </c>
      <c r="B42" s="27">
        <v>0</v>
      </c>
      <c r="C42" s="28">
        <v>2</v>
      </c>
      <c r="D42" s="29">
        <v>2</v>
      </c>
    </row>
    <row r="43" spans="1:4" ht="18" customHeight="1" x14ac:dyDescent="0.2">
      <c r="A43" s="31">
        <v>31</v>
      </c>
      <c r="B43" s="27">
        <v>5</v>
      </c>
      <c r="C43" s="28">
        <v>2</v>
      </c>
      <c r="D43" s="29">
        <v>7</v>
      </c>
    </row>
    <row r="44" spans="1:4" ht="18" customHeight="1" x14ac:dyDescent="0.2">
      <c r="A44" s="31">
        <v>32</v>
      </c>
      <c r="B44" s="27">
        <v>1</v>
      </c>
      <c r="C44" s="28">
        <v>2</v>
      </c>
      <c r="D44" s="29">
        <v>3</v>
      </c>
    </row>
    <row r="45" spans="1:4" ht="18" customHeight="1" x14ac:dyDescent="0.2">
      <c r="A45" s="31">
        <v>33</v>
      </c>
      <c r="B45" s="27">
        <v>2</v>
      </c>
      <c r="C45" s="28">
        <v>0</v>
      </c>
      <c r="D45" s="29">
        <v>2</v>
      </c>
    </row>
    <row r="46" spans="1:4" ht="18" customHeight="1" x14ac:dyDescent="0.2">
      <c r="A46" s="31">
        <v>34</v>
      </c>
      <c r="B46" s="27">
        <v>3</v>
      </c>
      <c r="C46" s="28">
        <v>4</v>
      </c>
      <c r="D46" s="29">
        <v>7</v>
      </c>
    </row>
    <row r="47" spans="1:4" ht="18" customHeight="1" x14ac:dyDescent="0.2">
      <c r="A47" s="31" t="s">
        <v>55</v>
      </c>
      <c r="B47" s="27">
        <v>11</v>
      </c>
      <c r="C47" s="28">
        <v>10</v>
      </c>
      <c r="D47" s="29">
        <v>21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1</v>
      </c>
      <c r="C49" s="28">
        <v>2</v>
      </c>
      <c r="D49" s="29">
        <v>3</v>
      </c>
    </row>
    <row r="50" spans="1:4" ht="18" customHeight="1" x14ac:dyDescent="0.2">
      <c r="A50" s="31">
        <v>37</v>
      </c>
      <c r="B50" s="27">
        <v>0</v>
      </c>
      <c r="C50" s="28">
        <v>1</v>
      </c>
      <c r="D50" s="29">
        <v>1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1</v>
      </c>
      <c r="C52" s="28">
        <v>0</v>
      </c>
      <c r="D52" s="29">
        <v>1</v>
      </c>
    </row>
    <row r="53" spans="1:4" ht="18" customHeight="1" x14ac:dyDescent="0.2">
      <c r="A53" s="31" t="s">
        <v>56</v>
      </c>
      <c r="B53" s="27">
        <v>3</v>
      </c>
      <c r="C53" s="28">
        <v>3</v>
      </c>
      <c r="D53" s="29">
        <v>6</v>
      </c>
    </row>
    <row r="54" spans="1:4" ht="18" customHeight="1" x14ac:dyDescent="0.2">
      <c r="A54" s="31">
        <v>40</v>
      </c>
      <c r="B54" s="27">
        <v>3</v>
      </c>
      <c r="C54" s="28">
        <v>2</v>
      </c>
      <c r="D54" s="29">
        <v>5</v>
      </c>
    </row>
    <row r="55" spans="1:4" ht="18" customHeight="1" x14ac:dyDescent="0.2">
      <c r="A55" s="31">
        <v>41</v>
      </c>
      <c r="B55" s="27">
        <v>2</v>
      </c>
      <c r="C55" s="28">
        <v>0</v>
      </c>
      <c r="D55" s="29">
        <v>2</v>
      </c>
    </row>
    <row r="56" spans="1:4" ht="18" customHeight="1" x14ac:dyDescent="0.2">
      <c r="A56" s="31">
        <v>42</v>
      </c>
      <c r="B56" s="27">
        <v>0</v>
      </c>
      <c r="C56" s="28">
        <v>1</v>
      </c>
      <c r="D56" s="29">
        <v>1</v>
      </c>
    </row>
    <row r="57" spans="1:4" ht="18" customHeight="1" x14ac:dyDescent="0.2">
      <c r="A57" s="31">
        <v>43</v>
      </c>
      <c r="B57" s="27">
        <v>1</v>
      </c>
      <c r="C57" s="28">
        <v>2</v>
      </c>
      <c r="D57" s="29">
        <v>3</v>
      </c>
    </row>
    <row r="58" spans="1:4" ht="18" customHeight="1" x14ac:dyDescent="0.2">
      <c r="A58" s="31">
        <v>44</v>
      </c>
      <c r="B58" s="27">
        <v>1</v>
      </c>
      <c r="C58" s="28">
        <v>2</v>
      </c>
      <c r="D58" s="29">
        <v>3</v>
      </c>
    </row>
    <row r="59" spans="1:4" ht="18" customHeight="1" x14ac:dyDescent="0.2">
      <c r="A59" s="31" t="s">
        <v>57</v>
      </c>
      <c r="B59" s="27">
        <v>7</v>
      </c>
      <c r="C59" s="28">
        <v>7</v>
      </c>
      <c r="D59" s="29">
        <v>14</v>
      </c>
    </row>
    <row r="60" spans="1:4" ht="18" customHeight="1" x14ac:dyDescent="0.2">
      <c r="A60" s="31">
        <v>45</v>
      </c>
      <c r="B60" s="27">
        <v>1</v>
      </c>
      <c r="C60" s="28">
        <v>0</v>
      </c>
      <c r="D60" s="29">
        <v>1</v>
      </c>
    </row>
    <row r="61" spans="1:4" ht="18" customHeight="1" x14ac:dyDescent="0.2">
      <c r="A61" s="31">
        <v>46</v>
      </c>
      <c r="B61" s="27">
        <v>3</v>
      </c>
      <c r="C61" s="28">
        <v>1</v>
      </c>
      <c r="D61" s="29">
        <v>4</v>
      </c>
    </row>
    <row r="62" spans="1:4" ht="18" customHeight="1" x14ac:dyDescent="0.2">
      <c r="A62" s="31">
        <v>47</v>
      </c>
      <c r="B62" s="27">
        <v>1</v>
      </c>
      <c r="C62" s="28">
        <v>2</v>
      </c>
      <c r="D62" s="29">
        <v>3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2</v>
      </c>
      <c r="C64" s="28">
        <v>2</v>
      </c>
      <c r="D64" s="29">
        <v>4</v>
      </c>
    </row>
    <row r="65" spans="1:4" ht="18" customHeight="1" x14ac:dyDescent="0.2">
      <c r="A65" s="31" t="s">
        <v>58</v>
      </c>
      <c r="B65" s="27">
        <v>7</v>
      </c>
      <c r="C65" s="28">
        <v>6</v>
      </c>
      <c r="D65" s="29">
        <v>13</v>
      </c>
    </row>
    <row r="66" spans="1:4" ht="18" customHeight="1" x14ac:dyDescent="0.2">
      <c r="A66" s="31">
        <v>50</v>
      </c>
      <c r="B66" s="27">
        <v>1</v>
      </c>
      <c r="C66" s="28">
        <v>0</v>
      </c>
      <c r="D66" s="29">
        <v>1</v>
      </c>
    </row>
    <row r="67" spans="1:4" ht="18" customHeight="1" x14ac:dyDescent="0.2">
      <c r="A67" s="31">
        <v>51</v>
      </c>
      <c r="B67" s="27">
        <v>1</v>
      </c>
      <c r="C67" s="28">
        <v>1</v>
      </c>
      <c r="D67" s="29">
        <v>2</v>
      </c>
    </row>
    <row r="68" spans="1:4" ht="18" customHeight="1" x14ac:dyDescent="0.2">
      <c r="A68" s="31">
        <v>52</v>
      </c>
      <c r="B68" s="27">
        <v>0</v>
      </c>
      <c r="C68" s="28">
        <v>3</v>
      </c>
      <c r="D68" s="29">
        <v>3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59</v>
      </c>
      <c r="B71" s="27">
        <v>2</v>
      </c>
      <c r="C71" s="28">
        <v>5</v>
      </c>
      <c r="D71" s="29">
        <v>7</v>
      </c>
    </row>
    <row r="72" spans="1:4" ht="18" customHeight="1" x14ac:dyDescent="0.2">
      <c r="A72" s="31">
        <v>55</v>
      </c>
      <c r="B72" s="27">
        <v>1</v>
      </c>
      <c r="C72" s="28">
        <v>1</v>
      </c>
      <c r="D72" s="29">
        <v>2</v>
      </c>
    </row>
    <row r="73" spans="1:4" ht="18" customHeight="1" x14ac:dyDescent="0.2">
      <c r="A73" s="31">
        <v>56</v>
      </c>
      <c r="B73" s="27">
        <v>2</v>
      </c>
      <c r="C73" s="28">
        <v>1</v>
      </c>
      <c r="D73" s="29">
        <v>3</v>
      </c>
    </row>
    <row r="74" spans="1:4" ht="18" customHeight="1" x14ac:dyDescent="0.2">
      <c r="A74" s="31">
        <v>57</v>
      </c>
      <c r="B74" s="27">
        <v>1</v>
      </c>
      <c r="C74" s="28">
        <v>2</v>
      </c>
      <c r="D74" s="29">
        <v>3</v>
      </c>
    </row>
    <row r="75" spans="1:4" ht="18" customHeight="1" x14ac:dyDescent="0.2">
      <c r="A75" s="31">
        <v>58</v>
      </c>
      <c r="B75" s="27">
        <v>3</v>
      </c>
      <c r="C75" s="28">
        <v>4</v>
      </c>
      <c r="D75" s="29">
        <v>7</v>
      </c>
    </row>
    <row r="76" spans="1:4" ht="18" customHeight="1" x14ac:dyDescent="0.2">
      <c r="A76" s="31">
        <v>59</v>
      </c>
      <c r="B76" s="27">
        <v>2</v>
      </c>
      <c r="C76" s="28">
        <v>1</v>
      </c>
      <c r="D76" s="29">
        <v>3</v>
      </c>
    </row>
    <row r="77" spans="1:4" ht="18" customHeight="1" x14ac:dyDescent="0.2">
      <c r="A77" s="31" t="s">
        <v>60</v>
      </c>
      <c r="B77" s="27">
        <v>9</v>
      </c>
      <c r="C77" s="28">
        <v>9</v>
      </c>
      <c r="D77" s="29">
        <v>18</v>
      </c>
    </row>
    <row r="78" spans="1:4" ht="18" customHeight="1" x14ac:dyDescent="0.2">
      <c r="A78" s="31">
        <v>60</v>
      </c>
      <c r="B78" s="27">
        <v>4</v>
      </c>
      <c r="C78" s="28">
        <v>2</v>
      </c>
      <c r="D78" s="29">
        <v>6</v>
      </c>
    </row>
    <row r="79" spans="1:4" ht="18" customHeight="1" x14ac:dyDescent="0.2">
      <c r="A79" s="31">
        <v>61</v>
      </c>
      <c r="B79" s="27">
        <v>4</v>
      </c>
      <c r="C79" s="28">
        <v>4</v>
      </c>
      <c r="D79" s="29">
        <v>8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5</v>
      </c>
      <c r="C81" s="28">
        <v>0</v>
      </c>
      <c r="D81" s="29">
        <v>5</v>
      </c>
    </row>
    <row r="82" spans="1:4" ht="18" customHeight="1" x14ac:dyDescent="0.2">
      <c r="A82" s="31">
        <v>64</v>
      </c>
      <c r="B82" s="27">
        <v>0</v>
      </c>
      <c r="C82" s="28">
        <v>1</v>
      </c>
      <c r="D82" s="29">
        <v>1</v>
      </c>
    </row>
    <row r="83" spans="1:4" ht="18" customHeight="1" x14ac:dyDescent="0.2">
      <c r="A83" s="31" t="s">
        <v>61</v>
      </c>
      <c r="B83" s="27">
        <v>13</v>
      </c>
      <c r="C83" s="28">
        <v>7</v>
      </c>
      <c r="D83" s="29">
        <v>20</v>
      </c>
    </row>
    <row r="84" spans="1:4" ht="18" customHeight="1" x14ac:dyDescent="0.2">
      <c r="A84" s="31" t="s">
        <v>62</v>
      </c>
      <c r="B84" s="27">
        <v>67</v>
      </c>
      <c r="C84" s="28">
        <v>58</v>
      </c>
      <c r="D84" s="29">
        <v>125</v>
      </c>
    </row>
    <row r="85" spans="1:4" ht="18" customHeight="1" x14ac:dyDescent="0.2">
      <c r="A85" s="31">
        <v>65</v>
      </c>
      <c r="B85" s="27">
        <v>0</v>
      </c>
      <c r="C85" s="28">
        <v>5</v>
      </c>
      <c r="D85" s="29">
        <v>5</v>
      </c>
    </row>
    <row r="86" spans="1:4" ht="18" customHeight="1" x14ac:dyDescent="0.2">
      <c r="A86" s="31">
        <v>66</v>
      </c>
      <c r="B86" s="27">
        <v>3</v>
      </c>
      <c r="C86" s="28">
        <v>3</v>
      </c>
      <c r="D86" s="29">
        <v>6</v>
      </c>
    </row>
    <row r="87" spans="1:4" ht="18" customHeight="1" x14ac:dyDescent="0.2">
      <c r="A87" s="31">
        <v>67</v>
      </c>
      <c r="B87" s="27">
        <v>5</v>
      </c>
      <c r="C87" s="28">
        <v>0</v>
      </c>
      <c r="D87" s="29">
        <v>5</v>
      </c>
    </row>
    <row r="88" spans="1:4" ht="18" customHeight="1" x14ac:dyDescent="0.2">
      <c r="A88" s="31">
        <v>68</v>
      </c>
      <c r="B88" s="27">
        <v>1</v>
      </c>
      <c r="C88" s="28">
        <v>1</v>
      </c>
      <c r="D88" s="29">
        <v>2</v>
      </c>
    </row>
    <row r="89" spans="1:4" ht="18" customHeight="1" x14ac:dyDescent="0.2">
      <c r="A89" s="31">
        <v>69</v>
      </c>
      <c r="B89" s="27">
        <v>2</v>
      </c>
      <c r="C89" s="28">
        <v>2</v>
      </c>
      <c r="D89" s="29">
        <v>4</v>
      </c>
    </row>
    <row r="90" spans="1:4" ht="18" customHeight="1" x14ac:dyDescent="0.2">
      <c r="A90" s="31" t="s">
        <v>63</v>
      </c>
      <c r="B90" s="27">
        <v>11</v>
      </c>
      <c r="C90" s="28">
        <v>11</v>
      </c>
      <c r="D90" s="29">
        <v>22</v>
      </c>
    </row>
    <row r="91" spans="1:4" ht="18" customHeight="1" x14ac:dyDescent="0.2">
      <c r="A91" s="31">
        <v>70</v>
      </c>
      <c r="B91" s="27">
        <v>5</v>
      </c>
      <c r="C91" s="28">
        <v>3</v>
      </c>
      <c r="D91" s="29">
        <v>8</v>
      </c>
    </row>
    <row r="92" spans="1:4" ht="18" customHeight="1" x14ac:dyDescent="0.2">
      <c r="A92" s="31">
        <v>71</v>
      </c>
      <c r="B92" s="27">
        <v>5</v>
      </c>
      <c r="C92" s="28">
        <v>0</v>
      </c>
      <c r="D92" s="29">
        <v>5</v>
      </c>
    </row>
    <row r="93" spans="1:4" ht="18" customHeight="1" x14ac:dyDescent="0.2">
      <c r="A93" s="31">
        <v>72</v>
      </c>
      <c r="B93" s="27">
        <v>3</v>
      </c>
      <c r="C93" s="28">
        <v>1</v>
      </c>
      <c r="D93" s="29">
        <v>4</v>
      </c>
    </row>
    <row r="94" spans="1:4" ht="18" customHeight="1" x14ac:dyDescent="0.2">
      <c r="A94" s="31">
        <v>73</v>
      </c>
      <c r="B94" s="27">
        <v>4</v>
      </c>
      <c r="C94" s="28">
        <v>2</v>
      </c>
      <c r="D94" s="29">
        <v>6</v>
      </c>
    </row>
    <row r="95" spans="1:4" ht="18" customHeight="1" x14ac:dyDescent="0.2">
      <c r="A95" s="31">
        <v>74</v>
      </c>
      <c r="B95" s="27">
        <v>1</v>
      </c>
      <c r="C95" s="28">
        <v>1</v>
      </c>
      <c r="D95" s="29">
        <v>2</v>
      </c>
    </row>
    <row r="96" spans="1:4" ht="18" customHeight="1" x14ac:dyDescent="0.2">
      <c r="A96" s="31" t="s">
        <v>64</v>
      </c>
      <c r="B96" s="27">
        <v>18</v>
      </c>
      <c r="C96" s="28">
        <v>7</v>
      </c>
      <c r="D96" s="29">
        <v>25</v>
      </c>
    </row>
    <row r="97" spans="1:4" ht="18" customHeight="1" x14ac:dyDescent="0.2">
      <c r="A97" s="31">
        <v>75</v>
      </c>
      <c r="B97" s="27">
        <v>2</v>
      </c>
      <c r="C97" s="28">
        <v>1</v>
      </c>
      <c r="D97" s="29">
        <v>3</v>
      </c>
    </row>
    <row r="98" spans="1:4" ht="18" customHeight="1" x14ac:dyDescent="0.2">
      <c r="A98" s="31">
        <v>76</v>
      </c>
      <c r="B98" s="27">
        <v>0</v>
      </c>
      <c r="C98" s="28">
        <v>2</v>
      </c>
      <c r="D98" s="29">
        <v>2</v>
      </c>
    </row>
    <row r="99" spans="1:4" ht="18" customHeight="1" x14ac:dyDescent="0.2">
      <c r="A99" s="31">
        <v>77</v>
      </c>
      <c r="B99" s="27">
        <v>2</v>
      </c>
      <c r="C99" s="28">
        <v>5</v>
      </c>
      <c r="D99" s="29">
        <v>7</v>
      </c>
    </row>
    <row r="100" spans="1:4" ht="18" customHeight="1" x14ac:dyDescent="0.2">
      <c r="A100" s="31">
        <v>78</v>
      </c>
      <c r="B100" s="27">
        <v>4</v>
      </c>
      <c r="C100" s="28">
        <v>1</v>
      </c>
      <c r="D100" s="29">
        <v>5</v>
      </c>
    </row>
    <row r="101" spans="1:4" ht="18" customHeight="1" x14ac:dyDescent="0.2">
      <c r="A101" s="31">
        <v>79</v>
      </c>
      <c r="B101" s="27">
        <v>1</v>
      </c>
      <c r="C101" s="28">
        <v>1</v>
      </c>
      <c r="D101" s="29">
        <v>2</v>
      </c>
    </row>
    <row r="102" spans="1:4" ht="18" customHeight="1" x14ac:dyDescent="0.2">
      <c r="A102" s="31" t="s">
        <v>65</v>
      </c>
      <c r="B102" s="27">
        <v>9</v>
      </c>
      <c r="C102" s="28">
        <v>10</v>
      </c>
      <c r="D102" s="29">
        <v>19</v>
      </c>
    </row>
    <row r="103" spans="1:4" ht="18" customHeight="1" x14ac:dyDescent="0.2">
      <c r="A103" s="31">
        <v>80</v>
      </c>
      <c r="B103" s="27">
        <v>0</v>
      </c>
      <c r="C103" s="28">
        <v>1</v>
      </c>
      <c r="D103" s="29">
        <v>1</v>
      </c>
    </row>
    <row r="104" spans="1:4" ht="18" customHeight="1" x14ac:dyDescent="0.2">
      <c r="A104" s="31">
        <v>81</v>
      </c>
      <c r="B104" s="27">
        <v>2</v>
      </c>
      <c r="C104" s="28">
        <v>3</v>
      </c>
      <c r="D104" s="29">
        <v>5</v>
      </c>
    </row>
    <row r="105" spans="1:4" ht="18" customHeight="1" x14ac:dyDescent="0.2">
      <c r="A105" s="31">
        <v>82</v>
      </c>
      <c r="B105" s="27">
        <v>0</v>
      </c>
      <c r="C105" s="28">
        <v>4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1</v>
      </c>
      <c r="D106" s="29">
        <v>2</v>
      </c>
    </row>
    <row r="107" spans="1:4" ht="18" customHeight="1" x14ac:dyDescent="0.2">
      <c r="A107" s="31">
        <v>84</v>
      </c>
      <c r="B107" s="27">
        <v>2</v>
      </c>
      <c r="C107" s="28">
        <v>4</v>
      </c>
      <c r="D107" s="29">
        <v>6</v>
      </c>
    </row>
    <row r="108" spans="1:4" ht="18" customHeight="1" x14ac:dyDescent="0.2">
      <c r="A108" s="31" t="s">
        <v>66</v>
      </c>
      <c r="B108" s="27">
        <v>5</v>
      </c>
      <c r="C108" s="28">
        <v>13</v>
      </c>
      <c r="D108" s="29">
        <v>18</v>
      </c>
    </row>
    <row r="109" spans="1:4" ht="18" customHeight="1" x14ac:dyDescent="0.2">
      <c r="A109" s="31">
        <v>85</v>
      </c>
      <c r="B109" s="27">
        <v>0</v>
      </c>
      <c r="C109" s="28">
        <v>1</v>
      </c>
      <c r="D109" s="29">
        <v>1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2</v>
      </c>
      <c r="C113" s="28">
        <v>3</v>
      </c>
      <c r="D113" s="29">
        <v>5</v>
      </c>
    </row>
    <row r="114" spans="1:4" ht="18" customHeight="1" x14ac:dyDescent="0.2">
      <c r="A114" s="31" t="s">
        <v>67</v>
      </c>
      <c r="B114" s="27">
        <v>2</v>
      </c>
      <c r="C114" s="28">
        <v>5</v>
      </c>
      <c r="D114" s="29">
        <v>7</v>
      </c>
    </row>
    <row r="115" spans="1:4" ht="18" customHeight="1" x14ac:dyDescent="0.2">
      <c r="A115" s="31">
        <v>90</v>
      </c>
      <c r="B115" s="27">
        <v>1</v>
      </c>
      <c r="C115" s="28">
        <v>6</v>
      </c>
      <c r="D115" s="29">
        <v>7</v>
      </c>
    </row>
    <row r="116" spans="1:4" ht="18" customHeight="1" x14ac:dyDescent="0.2">
      <c r="A116" s="31">
        <v>91</v>
      </c>
      <c r="B116" s="27">
        <v>0</v>
      </c>
      <c r="C116" s="28">
        <v>6</v>
      </c>
      <c r="D116" s="29">
        <v>6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1</v>
      </c>
      <c r="C120" s="28">
        <v>15</v>
      </c>
      <c r="D120" s="29">
        <v>16</v>
      </c>
    </row>
    <row r="121" spans="1:4" ht="18" customHeight="1" x14ac:dyDescent="0.2">
      <c r="A121" s="31">
        <v>95</v>
      </c>
      <c r="B121" s="27">
        <v>1</v>
      </c>
      <c r="C121" s="28">
        <v>1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3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7</v>
      </c>
      <c r="C130" s="5">
        <v>64</v>
      </c>
      <c r="D130" s="6">
        <v>111</v>
      </c>
    </row>
    <row r="131" spans="1:4" ht="18" customHeight="1" x14ac:dyDescent="0.2">
      <c r="A131" s="33" t="s">
        <v>47</v>
      </c>
      <c r="B131" s="7">
        <v>129</v>
      </c>
      <c r="C131" s="8">
        <v>137</v>
      </c>
      <c r="D131" s="9">
        <v>26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6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2</v>
      </c>
      <c r="D5" s="39">
        <v>5</v>
      </c>
    </row>
    <row r="6" spans="1:4" ht="18" customHeight="1" x14ac:dyDescent="0.2">
      <c r="A6" s="31">
        <v>1</v>
      </c>
      <c r="B6" s="35">
        <v>3</v>
      </c>
      <c r="C6" s="28">
        <v>8</v>
      </c>
      <c r="D6" s="29">
        <v>11</v>
      </c>
    </row>
    <row r="7" spans="1:4" ht="18" customHeight="1" x14ac:dyDescent="0.2">
      <c r="A7" s="31">
        <v>2</v>
      </c>
      <c r="B7" s="35">
        <v>3</v>
      </c>
      <c r="C7" s="28">
        <v>1</v>
      </c>
      <c r="D7" s="29">
        <v>4</v>
      </c>
    </row>
    <row r="8" spans="1:4" ht="18" customHeight="1" x14ac:dyDescent="0.2">
      <c r="A8" s="31">
        <v>3</v>
      </c>
      <c r="B8" s="35">
        <v>4</v>
      </c>
      <c r="C8" s="28">
        <v>5</v>
      </c>
      <c r="D8" s="29">
        <v>9</v>
      </c>
    </row>
    <row r="9" spans="1:4" ht="18" customHeight="1" x14ac:dyDescent="0.2">
      <c r="A9" s="31">
        <v>4</v>
      </c>
      <c r="B9" s="36">
        <v>7</v>
      </c>
      <c r="C9" s="38">
        <v>3</v>
      </c>
      <c r="D9" s="40">
        <v>10</v>
      </c>
    </row>
    <row r="10" spans="1:4" ht="18" customHeight="1" x14ac:dyDescent="0.2">
      <c r="A10" s="31" t="s">
        <v>48</v>
      </c>
      <c r="B10" s="27">
        <v>20</v>
      </c>
      <c r="C10" s="28">
        <v>19</v>
      </c>
      <c r="D10" s="29">
        <v>39</v>
      </c>
    </row>
    <row r="11" spans="1:4" ht="18" customHeight="1" x14ac:dyDescent="0.2">
      <c r="A11" s="31">
        <v>5</v>
      </c>
      <c r="B11" s="35">
        <v>5</v>
      </c>
      <c r="C11" s="28">
        <v>4</v>
      </c>
      <c r="D11" s="29">
        <v>9</v>
      </c>
    </row>
    <row r="12" spans="1:4" ht="18" customHeight="1" x14ac:dyDescent="0.2">
      <c r="A12" s="31">
        <v>6</v>
      </c>
      <c r="B12" s="35">
        <v>3</v>
      </c>
      <c r="C12" s="28">
        <v>4</v>
      </c>
      <c r="D12" s="29">
        <v>7</v>
      </c>
    </row>
    <row r="13" spans="1:4" ht="18" customHeight="1" x14ac:dyDescent="0.2">
      <c r="A13" s="31">
        <v>7</v>
      </c>
      <c r="B13" s="35">
        <v>0</v>
      </c>
      <c r="C13" s="28">
        <v>4</v>
      </c>
      <c r="D13" s="29">
        <v>4</v>
      </c>
    </row>
    <row r="14" spans="1:4" ht="18" customHeight="1" x14ac:dyDescent="0.2">
      <c r="A14" s="31">
        <v>8</v>
      </c>
      <c r="B14" s="35">
        <v>6</v>
      </c>
      <c r="C14" s="28">
        <v>5</v>
      </c>
      <c r="D14" s="29">
        <v>11</v>
      </c>
    </row>
    <row r="15" spans="1:4" ht="18" customHeight="1" x14ac:dyDescent="0.2">
      <c r="A15" s="31">
        <v>9</v>
      </c>
      <c r="B15" s="35">
        <v>6</v>
      </c>
      <c r="C15" s="28">
        <v>3</v>
      </c>
      <c r="D15" s="29">
        <v>9</v>
      </c>
    </row>
    <row r="16" spans="1:4" ht="18" customHeight="1" x14ac:dyDescent="0.2">
      <c r="A16" s="31" t="s">
        <v>49</v>
      </c>
      <c r="B16" s="27">
        <v>20</v>
      </c>
      <c r="C16" s="28">
        <v>20</v>
      </c>
      <c r="D16" s="29">
        <v>40</v>
      </c>
    </row>
    <row r="17" spans="1:4" ht="18" customHeight="1" x14ac:dyDescent="0.2">
      <c r="A17" s="31">
        <v>10</v>
      </c>
      <c r="B17" s="27">
        <v>5</v>
      </c>
      <c r="C17" s="28">
        <v>5</v>
      </c>
      <c r="D17" s="29">
        <v>10</v>
      </c>
    </row>
    <row r="18" spans="1:4" ht="18" customHeight="1" x14ac:dyDescent="0.2">
      <c r="A18" s="31">
        <v>11</v>
      </c>
      <c r="B18" s="27">
        <v>6</v>
      </c>
      <c r="C18" s="28">
        <v>4</v>
      </c>
      <c r="D18" s="29">
        <v>10</v>
      </c>
    </row>
    <row r="19" spans="1:4" ht="18" customHeight="1" x14ac:dyDescent="0.2">
      <c r="A19" s="31">
        <v>12</v>
      </c>
      <c r="B19" s="27">
        <v>7</v>
      </c>
      <c r="C19" s="28">
        <v>7</v>
      </c>
      <c r="D19" s="29">
        <v>14</v>
      </c>
    </row>
    <row r="20" spans="1:4" ht="18" customHeight="1" x14ac:dyDescent="0.2">
      <c r="A20" s="31">
        <v>13</v>
      </c>
      <c r="B20" s="27">
        <v>5</v>
      </c>
      <c r="C20" s="28">
        <v>6</v>
      </c>
      <c r="D20" s="29">
        <v>11</v>
      </c>
    </row>
    <row r="21" spans="1:4" ht="18" customHeight="1" x14ac:dyDescent="0.2">
      <c r="A21" s="31">
        <v>14</v>
      </c>
      <c r="B21" s="27">
        <v>4</v>
      </c>
      <c r="C21" s="28">
        <v>9</v>
      </c>
      <c r="D21" s="29">
        <v>13</v>
      </c>
    </row>
    <row r="22" spans="1:4" ht="18" customHeight="1" x14ac:dyDescent="0.2">
      <c r="A22" s="31" t="s">
        <v>50</v>
      </c>
      <c r="B22" s="27">
        <v>27</v>
      </c>
      <c r="C22" s="28">
        <v>31</v>
      </c>
      <c r="D22" s="29">
        <v>58</v>
      </c>
    </row>
    <row r="23" spans="1:4" ht="18" customHeight="1" x14ac:dyDescent="0.2">
      <c r="A23" s="31" t="s">
        <v>51</v>
      </c>
      <c r="B23" s="27">
        <v>67</v>
      </c>
      <c r="C23" s="28">
        <v>70</v>
      </c>
      <c r="D23" s="29">
        <v>137</v>
      </c>
    </row>
    <row r="24" spans="1:4" ht="18" customHeight="1" x14ac:dyDescent="0.2">
      <c r="A24" s="31">
        <v>15</v>
      </c>
      <c r="B24" s="27">
        <v>6</v>
      </c>
      <c r="C24" s="28">
        <v>4</v>
      </c>
      <c r="D24" s="29">
        <v>10</v>
      </c>
    </row>
    <row r="25" spans="1:4" ht="18" customHeight="1" x14ac:dyDescent="0.2">
      <c r="A25" s="31">
        <v>16</v>
      </c>
      <c r="B25" s="27">
        <v>10</v>
      </c>
      <c r="C25" s="28">
        <v>9</v>
      </c>
      <c r="D25" s="29">
        <v>19</v>
      </c>
    </row>
    <row r="26" spans="1:4" ht="18" customHeight="1" x14ac:dyDescent="0.2">
      <c r="A26" s="31">
        <v>17</v>
      </c>
      <c r="B26" s="27">
        <v>7</v>
      </c>
      <c r="C26" s="28">
        <v>6</v>
      </c>
      <c r="D26" s="29">
        <v>13</v>
      </c>
    </row>
    <row r="27" spans="1:4" ht="18" customHeight="1" x14ac:dyDescent="0.2">
      <c r="A27" s="31">
        <v>18</v>
      </c>
      <c r="B27" s="27">
        <v>8</v>
      </c>
      <c r="C27" s="28">
        <v>7</v>
      </c>
      <c r="D27" s="29">
        <v>15</v>
      </c>
    </row>
    <row r="28" spans="1:4" ht="18" customHeight="1" x14ac:dyDescent="0.2">
      <c r="A28" s="31">
        <v>19</v>
      </c>
      <c r="B28" s="27">
        <v>7</v>
      </c>
      <c r="C28" s="28">
        <v>8</v>
      </c>
      <c r="D28" s="29">
        <v>15</v>
      </c>
    </row>
    <row r="29" spans="1:4" ht="18" customHeight="1" x14ac:dyDescent="0.2">
      <c r="A29" s="31" t="s">
        <v>52</v>
      </c>
      <c r="B29" s="27">
        <v>38</v>
      </c>
      <c r="C29" s="28">
        <v>34</v>
      </c>
      <c r="D29" s="29">
        <v>72</v>
      </c>
    </row>
    <row r="30" spans="1:4" ht="18" customHeight="1" x14ac:dyDescent="0.2">
      <c r="A30" s="31">
        <v>20</v>
      </c>
      <c r="B30" s="27">
        <v>7</v>
      </c>
      <c r="C30" s="28">
        <v>7</v>
      </c>
      <c r="D30" s="29">
        <v>14</v>
      </c>
    </row>
    <row r="31" spans="1:4" ht="18" customHeight="1" x14ac:dyDescent="0.2">
      <c r="A31" s="31">
        <v>21</v>
      </c>
      <c r="B31" s="27">
        <v>8</v>
      </c>
      <c r="C31" s="28">
        <v>6</v>
      </c>
      <c r="D31" s="29">
        <v>14</v>
      </c>
    </row>
    <row r="32" spans="1:4" ht="18" customHeight="1" x14ac:dyDescent="0.2">
      <c r="A32" s="31">
        <v>22</v>
      </c>
      <c r="B32" s="27">
        <v>6</v>
      </c>
      <c r="C32" s="28">
        <v>6</v>
      </c>
      <c r="D32" s="29">
        <v>12</v>
      </c>
    </row>
    <row r="33" spans="1:4" ht="18" customHeight="1" x14ac:dyDescent="0.2">
      <c r="A33" s="31">
        <v>23</v>
      </c>
      <c r="B33" s="27">
        <v>10</v>
      </c>
      <c r="C33" s="28">
        <v>3</v>
      </c>
      <c r="D33" s="29">
        <v>13</v>
      </c>
    </row>
    <row r="34" spans="1:4" ht="18" customHeight="1" x14ac:dyDescent="0.2">
      <c r="A34" s="31">
        <v>24</v>
      </c>
      <c r="B34" s="27">
        <v>5</v>
      </c>
      <c r="C34" s="28">
        <v>4</v>
      </c>
      <c r="D34" s="29">
        <v>9</v>
      </c>
    </row>
    <row r="35" spans="1:4" ht="18" customHeight="1" x14ac:dyDescent="0.2">
      <c r="A35" s="31" t="s">
        <v>53</v>
      </c>
      <c r="B35" s="27">
        <v>36</v>
      </c>
      <c r="C35" s="28">
        <v>26</v>
      </c>
      <c r="D35" s="29">
        <v>62</v>
      </c>
    </row>
    <row r="36" spans="1:4" ht="18" customHeight="1" x14ac:dyDescent="0.2">
      <c r="A36" s="31">
        <v>25</v>
      </c>
      <c r="B36" s="27">
        <v>6</v>
      </c>
      <c r="C36" s="28">
        <v>6</v>
      </c>
      <c r="D36" s="29">
        <v>12</v>
      </c>
    </row>
    <row r="37" spans="1:4" ht="18" customHeight="1" x14ac:dyDescent="0.2">
      <c r="A37" s="31">
        <v>26</v>
      </c>
      <c r="B37" s="27">
        <v>10</v>
      </c>
      <c r="C37" s="28">
        <v>6</v>
      </c>
      <c r="D37" s="29">
        <v>16</v>
      </c>
    </row>
    <row r="38" spans="1:4" ht="18" customHeight="1" x14ac:dyDescent="0.2">
      <c r="A38" s="31">
        <v>27</v>
      </c>
      <c r="B38" s="27">
        <v>11</v>
      </c>
      <c r="C38" s="28">
        <v>3</v>
      </c>
      <c r="D38" s="29">
        <v>14</v>
      </c>
    </row>
    <row r="39" spans="1:4" ht="18" customHeight="1" x14ac:dyDescent="0.2">
      <c r="A39" s="31">
        <v>28</v>
      </c>
      <c r="B39" s="27">
        <v>9</v>
      </c>
      <c r="C39" s="28">
        <v>4</v>
      </c>
      <c r="D39" s="29">
        <v>13</v>
      </c>
    </row>
    <row r="40" spans="1:4" ht="18" customHeight="1" x14ac:dyDescent="0.2">
      <c r="A40" s="31">
        <v>29</v>
      </c>
      <c r="B40" s="27">
        <v>13</v>
      </c>
      <c r="C40" s="28">
        <v>10</v>
      </c>
      <c r="D40" s="29">
        <v>23</v>
      </c>
    </row>
    <row r="41" spans="1:4" ht="18" customHeight="1" x14ac:dyDescent="0.2">
      <c r="A41" s="31" t="s">
        <v>54</v>
      </c>
      <c r="B41" s="27">
        <v>49</v>
      </c>
      <c r="C41" s="28">
        <v>29</v>
      </c>
      <c r="D41" s="29">
        <v>78</v>
      </c>
    </row>
    <row r="42" spans="1:4" ht="18" customHeight="1" x14ac:dyDescent="0.2">
      <c r="A42" s="31">
        <v>30</v>
      </c>
      <c r="B42" s="27">
        <v>6</v>
      </c>
      <c r="C42" s="28">
        <v>10</v>
      </c>
      <c r="D42" s="29">
        <v>16</v>
      </c>
    </row>
    <row r="43" spans="1:4" ht="18" customHeight="1" x14ac:dyDescent="0.2">
      <c r="A43" s="31">
        <v>31</v>
      </c>
      <c r="B43" s="27">
        <v>14</v>
      </c>
      <c r="C43" s="28">
        <v>10</v>
      </c>
      <c r="D43" s="29">
        <v>24</v>
      </c>
    </row>
    <row r="44" spans="1:4" ht="18" customHeight="1" x14ac:dyDescent="0.2">
      <c r="A44" s="31">
        <v>32</v>
      </c>
      <c r="B44" s="27">
        <v>10</v>
      </c>
      <c r="C44" s="28">
        <v>9</v>
      </c>
      <c r="D44" s="29">
        <v>19</v>
      </c>
    </row>
    <row r="45" spans="1:4" ht="18" customHeight="1" x14ac:dyDescent="0.2">
      <c r="A45" s="31">
        <v>33</v>
      </c>
      <c r="B45" s="27">
        <v>7</v>
      </c>
      <c r="C45" s="28">
        <v>10</v>
      </c>
      <c r="D45" s="29">
        <v>17</v>
      </c>
    </row>
    <row r="46" spans="1:4" ht="18" customHeight="1" x14ac:dyDescent="0.2">
      <c r="A46" s="31">
        <v>34</v>
      </c>
      <c r="B46" s="27">
        <v>14</v>
      </c>
      <c r="C46" s="28">
        <v>13</v>
      </c>
      <c r="D46" s="29">
        <v>27</v>
      </c>
    </row>
    <row r="47" spans="1:4" ht="18" customHeight="1" x14ac:dyDescent="0.2">
      <c r="A47" s="31" t="s">
        <v>55</v>
      </c>
      <c r="B47" s="27">
        <v>51</v>
      </c>
      <c r="C47" s="28">
        <v>52</v>
      </c>
      <c r="D47" s="29">
        <v>103</v>
      </c>
    </row>
    <row r="48" spans="1:4" ht="18" customHeight="1" x14ac:dyDescent="0.2">
      <c r="A48" s="31">
        <v>35</v>
      </c>
      <c r="B48" s="27">
        <v>13</v>
      </c>
      <c r="C48" s="28">
        <v>8</v>
      </c>
      <c r="D48" s="29">
        <v>21</v>
      </c>
    </row>
    <row r="49" spans="1:4" ht="18" customHeight="1" x14ac:dyDescent="0.2">
      <c r="A49" s="31">
        <v>36</v>
      </c>
      <c r="B49" s="27">
        <v>11</v>
      </c>
      <c r="C49" s="28">
        <v>6</v>
      </c>
      <c r="D49" s="29">
        <v>17</v>
      </c>
    </row>
    <row r="50" spans="1:4" ht="18" customHeight="1" x14ac:dyDescent="0.2">
      <c r="A50" s="31">
        <v>37</v>
      </c>
      <c r="B50" s="27">
        <v>16</v>
      </c>
      <c r="C50" s="28">
        <v>8</v>
      </c>
      <c r="D50" s="29">
        <v>24</v>
      </c>
    </row>
    <row r="51" spans="1:4" ht="18" customHeight="1" x14ac:dyDescent="0.2">
      <c r="A51" s="31">
        <v>38</v>
      </c>
      <c r="B51" s="27">
        <v>14</v>
      </c>
      <c r="C51" s="28">
        <v>13</v>
      </c>
      <c r="D51" s="29">
        <v>27</v>
      </c>
    </row>
    <row r="52" spans="1:4" ht="18" customHeight="1" x14ac:dyDescent="0.2">
      <c r="A52" s="31">
        <v>39</v>
      </c>
      <c r="B52" s="27">
        <v>16</v>
      </c>
      <c r="C52" s="28">
        <v>9</v>
      </c>
      <c r="D52" s="29">
        <v>25</v>
      </c>
    </row>
    <row r="53" spans="1:4" ht="18" customHeight="1" x14ac:dyDescent="0.2">
      <c r="A53" s="31" t="s">
        <v>56</v>
      </c>
      <c r="B53" s="27">
        <v>70</v>
      </c>
      <c r="C53" s="28">
        <v>44</v>
      </c>
      <c r="D53" s="29">
        <v>114</v>
      </c>
    </row>
    <row r="54" spans="1:4" ht="18" customHeight="1" x14ac:dyDescent="0.2">
      <c r="A54" s="31">
        <v>40</v>
      </c>
      <c r="B54" s="27">
        <v>11</v>
      </c>
      <c r="C54" s="28">
        <v>10</v>
      </c>
      <c r="D54" s="29">
        <v>21</v>
      </c>
    </row>
    <row r="55" spans="1:4" ht="18" customHeight="1" x14ac:dyDescent="0.2">
      <c r="A55" s="31">
        <v>41</v>
      </c>
      <c r="B55" s="27">
        <v>12</v>
      </c>
      <c r="C55" s="28">
        <v>7</v>
      </c>
      <c r="D55" s="29">
        <v>19</v>
      </c>
    </row>
    <row r="56" spans="1:4" ht="18" customHeight="1" x14ac:dyDescent="0.2">
      <c r="A56" s="31">
        <v>42</v>
      </c>
      <c r="B56" s="27">
        <v>16</v>
      </c>
      <c r="C56" s="28">
        <v>15</v>
      </c>
      <c r="D56" s="29">
        <v>31</v>
      </c>
    </row>
    <row r="57" spans="1:4" ht="18" customHeight="1" x14ac:dyDescent="0.2">
      <c r="A57" s="31">
        <v>43</v>
      </c>
      <c r="B57" s="27">
        <v>11</v>
      </c>
      <c r="C57" s="28">
        <v>3</v>
      </c>
      <c r="D57" s="29">
        <v>14</v>
      </c>
    </row>
    <row r="58" spans="1:4" ht="18" customHeight="1" x14ac:dyDescent="0.2">
      <c r="A58" s="31">
        <v>44</v>
      </c>
      <c r="B58" s="27">
        <v>23</v>
      </c>
      <c r="C58" s="28">
        <v>16</v>
      </c>
      <c r="D58" s="29">
        <v>39</v>
      </c>
    </row>
    <row r="59" spans="1:4" ht="18" customHeight="1" x14ac:dyDescent="0.2">
      <c r="A59" s="31" t="s">
        <v>57</v>
      </c>
      <c r="B59" s="27">
        <v>73</v>
      </c>
      <c r="C59" s="28">
        <v>51</v>
      </c>
      <c r="D59" s="29">
        <v>124</v>
      </c>
    </row>
    <row r="60" spans="1:4" ht="18" customHeight="1" x14ac:dyDescent="0.2">
      <c r="A60" s="31">
        <v>45</v>
      </c>
      <c r="B60" s="27">
        <v>19</v>
      </c>
      <c r="C60" s="28">
        <v>8</v>
      </c>
      <c r="D60" s="29">
        <v>27</v>
      </c>
    </row>
    <row r="61" spans="1:4" ht="18" customHeight="1" x14ac:dyDescent="0.2">
      <c r="A61" s="31">
        <v>46</v>
      </c>
      <c r="B61" s="27">
        <v>8</v>
      </c>
      <c r="C61" s="28">
        <v>11</v>
      </c>
      <c r="D61" s="29">
        <v>19</v>
      </c>
    </row>
    <row r="62" spans="1:4" ht="18" customHeight="1" x14ac:dyDescent="0.2">
      <c r="A62" s="31">
        <v>47</v>
      </c>
      <c r="B62" s="27">
        <v>16</v>
      </c>
      <c r="C62" s="28">
        <v>2</v>
      </c>
      <c r="D62" s="29">
        <v>18</v>
      </c>
    </row>
    <row r="63" spans="1:4" ht="18" customHeight="1" x14ac:dyDescent="0.2">
      <c r="A63" s="31">
        <v>48</v>
      </c>
      <c r="B63" s="27">
        <v>15</v>
      </c>
      <c r="C63" s="28">
        <v>10</v>
      </c>
      <c r="D63" s="29">
        <v>25</v>
      </c>
    </row>
    <row r="64" spans="1:4" ht="18" customHeight="1" x14ac:dyDescent="0.2">
      <c r="A64" s="31">
        <v>49</v>
      </c>
      <c r="B64" s="27">
        <v>21</v>
      </c>
      <c r="C64" s="28">
        <v>15</v>
      </c>
      <c r="D64" s="29">
        <v>36</v>
      </c>
    </row>
    <row r="65" spans="1:4" ht="18" customHeight="1" x14ac:dyDescent="0.2">
      <c r="A65" s="31" t="s">
        <v>58</v>
      </c>
      <c r="B65" s="27">
        <v>79</v>
      </c>
      <c r="C65" s="28">
        <v>46</v>
      </c>
      <c r="D65" s="29">
        <v>125</v>
      </c>
    </row>
    <row r="66" spans="1:4" ht="18" customHeight="1" x14ac:dyDescent="0.2">
      <c r="A66" s="31">
        <v>50</v>
      </c>
      <c r="B66" s="27">
        <v>6</v>
      </c>
      <c r="C66" s="28">
        <v>11</v>
      </c>
      <c r="D66" s="29">
        <v>17</v>
      </c>
    </row>
    <row r="67" spans="1:4" ht="18" customHeight="1" x14ac:dyDescent="0.2">
      <c r="A67" s="31">
        <v>51</v>
      </c>
      <c r="B67" s="27">
        <v>13</v>
      </c>
      <c r="C67" s="28">
        <v>9</v>
      </c>
      <c r="D67" s="29">
        <v>22</v>
      </c>
    </row>
    <row r="68" spans="1:4" ht="18" customHeight="1" x14ac:dyDescent="0.2">
      <c r="A68" s="31">
        <v>52</v>
      </c>
      <c r="B68" s="27">
        <v>11</v>
      </c>
      <c r="C68" s="28">
        <v>11</v>
      </c>
      <c r="D68" s="29">
        <v>22</v>
      </c>
    </row>
    <row r="69" spans="1:4" ht="18" customHeight="1" x14ac:dyDescent="0.2">
      <c r="A69" s="31">
        <v>53</v>
      </c>
      <c r="B69" s="27">
        <v>15</v>
      </c>
      <c r="C69" s="28">
        <v>11</v>
      </c>
      <c r="D69" s="29">
        <v>26</v>
      </c>
    </row>
    <row r="70" spans="1:4" ht="18" customHeight="1" x14ac:dyDescent="0.2">
      <c r="A70" s="31">
        <v>54</v>
      </c>
      <c r="B70" s="27">
        <v>11</v>
      </c>
      <c r="C70" s="28">
        <v>10</v>
      </c>
      <c r="D70" s="29">
        <v>21</v>
      </c>
    </row>
    <row r="71" spans="1:4" ht="18" customHeight="1" x14ac:dyDescent="0.2">
      <c r="A71" s="31" t="s">
        <v>59</v>
      </c>
      <c r="B71" s="27">
        <v>56</v>
      </c>
      <c r="C71" s="28">
        <v>52</v>
      </c>
      <c r="D71" s="29">
        <v>108</v>
      </c>
    </row>
    <row r="72" spans="1:4" ht="18" customHeight="1" x14ac:dyDescent="0.2">
      <c r="A72" s="31">
        <v>55</v>
      </c>
      <c r="B72" s="27">
        <v>15</v>
      </c>
      <c r="C72" s="28">
        <v>16</v>
      </c>
      <c r="D72" s="29">
        <v>31</v>
      </c>
    </row>
    <row r="73" spans="1:4" ht="18" customHeight="1" x14ac:dyDescent="0.2">
      <c r="A73" s="31">
        <v>56</v>
      </c>
      <c r="B73" s="27">
        <v>17</v>
      </c>
      <c r="C73" s="28">
        <v>10</v>
      </c>
      <c r="D73" s="29">
        <v>27</v>
      </c>
    </row>
    <row r="74" spans="1:4" ht="18" customHeight="1" x14ac:dyDescent="0.2">
      <c r="A74" s="31">
        <v>57</v>
      </c>
      <c r="B74" s="27">
        <v>11</v>
      </c>
      <c r="C74" s="28">
        <v>14</v>
      </c>
      <c r="D74" s="29">
        <v>25</v>
      </c>
    </row>
    <row r="75" spans="1:4" ht="18" customHeight="1" x14ac:dyDescent="0.2">
      <c r="A75" s="31">
        <v>58</v>
      </c>
      <c r="B75" s="27">
        <v>14</v>
      </c>
      <c r="C75" s="28">
        <v>9</v>
      </c>
      <c r="D75" s="29">
        <v>23</v>
      </c>
    </row>
    <row r="76" spans="1:4" ht="18" customHeight="1" x14ac:dyDescent="0.2">
      <c r="A76" s="31">
        <v>59</v>
      </c>
      <c r="B76" s="27">
        <v>13</v>
      </c>
      <c r="C76" s="28">
        <v>16</v>
      </c>
      <c r="D76" s="29">
        <v>29</v>
      </c>
    </row>
    <row r="77" spans="1:4" ht="18" customHeight="1" x14ac:dyDescent="0.2">
      <c r="A77" s="31" t="s">
        <v>60</v>
      </c>
      <c r="B77" s="27">
        <v>70</v>
      </c>
      <c r="C77" s="28">
        <v>65</v>
      </c>
      <c r="D77" s="29">
        <v>135</v>
      </c>
    </row>
    <row r="78" spans="1:4" ht="18" customHeight="1" x14ac:dyDescent="0.2">
      <c r="A78" s="31">
        <v>60</v>
      </c>
      <c r="B78" s="27">
        <v>12</v>
      </c>
      <c r="C78" s="28">
        <v>15</v>
      </c>
      <c r="D78" s="29">
        <v>27</v>
      </c>
    </row>
    <row r="79" spans="1:4" ht="18" customHeight="1" x14ac:dyDescent="0.2">
      <c r="A79" s="31">
        <v>61</v>
      </c>
      <c r="B79" s="27">
        <v>13</v>
      </c>
      <c r="C79" s="28">
        <v>25</v>
      </c>
      <c r="D79" s="29">
        <v>38</v>
      </c>
    </row>
    <row r="80" spans="1:4" ht="18" customHeight="1" x14ac:dyDescent="0.2">
      <c r="A80" s="31">
        <v>62</v>
      </c>
      <c r="B80" s="27">
        <v>19</v>
      </c>
      <c r="C80" s="28">
        <v>18</v>
      </c>
      <c r="D80" s="29">
        <v>37</v>
      </c>
    </row>
    <row r="81" spans="1:4" ht="18" customHeight="1" x14ac:dyDescent="0.2">
      <c r="A81" s="31">
        <v>63</v>
      </c>
      <c r="B81" s="27">
        <v>25</v>
      </c>
      <c r="C81" s="28">
        <v>26</v>
      </c>
      <c r="D81" s="29">
        <v>51</v>
      </c>
    </row>
    <row r="82" spans="1:4" ht="18" customHeight="1" x14ac:dyDescent="0.2">
      <c r="A82" s="31">
        <v>64</v>
      </c>
      <c r="B82" s="27">
        <v>18</v>
      </c>
      <c r="C82" s="28">
        <v>18</v>
      </c>
      <c r="D82" s="29">
        <v>36</v>
      </c>
    </row>
    <row r="83" spans="1:4" ht="18" customHeight="1" x14ac:dyDescent="0.2">
      <c r="A83" s="31" t="s">
        <v>61</v>
      </c>
      <c r="B83" s="27">
        <v>87</v>
      </c>
      <c r="C83" s="28">
        <v>102</v>
      </c>
      <c r="D83" s="29">
        <v>189</v>
      </c>
    </row>
    <row r="84" spans="1:4" ht="18" customHeight="1" x14ac:dyDescent="0.2">
      <c r="A84" s="31" t="s">
        <v>62</v>
      </c>
      <c r="B84" s="27">
        <v>609</v>
      </c>
      <c r="C84" s="28">
        <v>501</v>
      </c>
      <c r="D84" s="29">
        <v>1110</v>
      </c>
    </row>
    <row r="85" spans="1:4" ht="18" customHeight="1" x14ac:dyDescent="0.2">
      <c r="A85" s="31">
        <v>65</v>
      </c>
      <c r="B85" s="27">
        <v>28</v>
      </c>
      <c r="C85" s="28">
        <v>19</v>
      </c>
      <c r="D85" s="29">
        <v>47</v>
      </c>
    </row>
    <row r="86" spans="1:4" ht="18" customHeight="1" x14ac:dyDescent="0.2">
      <c r="A86" s="31">
        <v>66</v>
      </c>
      <c r="B86" s="27">
        <v>31</v>
      </c>
      <c r="C86" s="28">
        <v>20</v>
      </c>
      <c r="D86" s="29">
        <v>51</v>
      </c>
    </row>
    <row r="87" spans="1:4" ht="18" customHeight="1" x14ac:dyDescent="0.2">
      <c r="A87" s="31">
        <v>67</v>
      </c>
      <c r="B87" s="27">
        <v>25</v>
      </c>
      <c r="C87" s="28">
        <v>19</v>
      </c>
      <c r="D87" s="29">
        <v>44</v>
      </c>
    </row>
    <row r="88" spans="1:4" ht="18" customHeight="1" x14ac:dyDescent="0.2">
      <c r="A88" s="31">
        <v>68</v>
      </c>
      <c r="B88" s="27">
        <v>23</v>
      </c>
      <c r="C88" s="28">
        <v>12</v>
      </c>
      <c r="D88" s="29">
        <v>35</v>
      </c>
    </row>
    <row r="89" spans="1:4" ht="18" customHeight="1" x14ac:dyDescent="0.2">
      <c r="A89" s="31">
        <v>69</v>
      </c>
      <c r="B89" s="27">
        <v>27</v>
      </c>
      <c r="C89" s="28">
        <v>17</v>
      </c>
      <c r="D89" s="29">
        <v>44</v>
      </c>
    </row>
    <row r="90" spans="1:4" ht="18" customHeight="1" x14ac:dyDescent="0.2">
      <c r="A90" s="31" t="s">
        <v>63</v>
      </c>
      <c r="B90" s="27">
        <v>134</v>
      </c>
      <c r="C90" s="28">
        <v>87</v>
      </c>
      <c r="D90" s="29">
        <v>221</v>
      </c>
    </row>
    <row r="91" spans="1:4" ht="18" customHeight="1" x14ac:dyDescent="0.2">
      <c r="A91" s="31">
        <v>70</v>
      </c>
      <c r="B91" s="27">
        <v>17</v>
      </c>
      <c r="C91" s="28">
        <v>25</v>
      </c>
      <c r="D91" s="29">
        <v>42</v>
      </c>
    </row>
    <row r="92" spans="1:4" ht="18" customHeight="1" x14ac:dyDescent="0.2">
      <c r="A92" s="31">
        <v>71</v>
      </c>
      <c r="B92" s="27">
        <v>21</v>
      </c>
      <c r="C92" s="28">
        <v>15</v>
      </c>
      <c r="D92" s="29">
        <v>36</v>
      </c>
    </row>
    <row r="93" spans="1:4" ht="18" customHeight="1" x14ac:dyDescent="0.2">
      <c r="A93" s="31">
        <v>72</v>
      </c>
      <c r="B93" s="27">
        <v>23</v>
      </c>
      <c r="C93" s="28">
        <v>22</v>
      </c>
      <c r="D93" s="29">
        <v>45</v>
      </c>
    </row>
    <row r="94" spans="1:4" ht="18" customHeight="1" x14ac:dyDescent="0.2">
      <c r="A94" s="31">
        <v>73</v>
      </c>
      <c r="B94" s="27">
        <v>23</v>
      </c>
      <c r="C94" s="28">
        <v>21</v>
      </c>
      <c r="D94" s="29">
        <v>44</v>
      </c>
    </row>
    <row r="95" spans="1:4" ht="18" customHeight="1" x14ac:dyDescent="0.2">
      <c r="A95" s="31">
        <v>74</v>
      </c>
      <c r="B95" s="27">
        <v>9</v>
      </c>
      <c r="C95" s="28">
        <v>12</v>
      </c>
      <c r="D95" s="29">
        <v>21</v>
      </c>
    </row>
    <row r="96" spans="1:4" ht="18" customHeight="1" x14ac:dyDescent="0.2">
      <c r="A96" s="31" t="s">
        <v>64</v>
      </c>
      <c r="B96" s="27">
        <v>93</v>
      </c>
      <c r="C96" s="28">
        <v>95</v>
      </c>
      <c r="D96" s="29">
        <v>188</v>
      </c>
    </row>
    <row r="97" spans="1:4" ht="18" customHeight="1" x14ac:dyDescent="0.2">
      <c r="A97" s="31">
        <v>75</v>
      </c>
      <c r="B97" s="27">
        <v>16</v>
      </c>
      <c r="C97" s="28">
        <v>15</v>
      </c>
      <c r="D97" s="29">
        <v>31</v>
      </c>
    </row>
    <row r="98" spans="1:4" ht="18" customHeight="1" x14ac:dyDescent="0.2">
      <c r="A98" s="31">
        <v>76</v>
      </c>
      <c r="B98" s="27">
        <v>10</v>
      </c>
      <c r="C98" s="28">
        <v>16</v>
      </c>
      <c r="D98" s="29">
        <v>26</v>
      </c>
    </row>
    <row r="99" spans="1:4" ht="18" customHeight="1" x14ac:dyDescent="0.2">
      <c r="A99" s="31">
        <v>77</v>
      </c>
      <c r="B99" s="27">
        <v>8</v>
      </c>
      <c r="C99" s="28">
        <v>13</v>
      </c>
      <c r="D99" s="29">
        <v>21</v>
      </c>
    </row>
    <row r="100" spans="1:4" ht="18" customHeight="1" x14ac:dyDescent="0.2">
      <c r="A100" s="31">
        <v>78</v>
      </c>
      <c r="B100" s="27">
        <v>11</v>
      </c>
      <c r="C100" s="28">
        <v>15</v>
      </c>
      <c r="D100" s="29">
        <v>26</v>
      </c>
    </row>
    <row r="101" spans="1:4" ht="18" customHeight="1" x14ac:dyDescent="0.2">
      <c r="A101" s="31">
        <v>79</v>
      </c>
      <c r="B101" s="27">
        <v>8</v>
      </c>
      <c r="C101" s="28">
        <v>12</v>
      </c>
      <c r="D101" s="29">
        <v>20</v>
      </c>
    </row>
    <row r="102" spans="1:4" ht="18" customHeight="1" x14ac:dyDescent="0.2">
      <c r="A102" s="31" t="s">
        <v>65</v>
      </c>
      <c r="B102" s="27">
        <v>53</v>
      </c>
      <c r="C102" s="28">
        <v>71</v>
      </c>
      <c r="D102" s="29">
        <v>124</v>
      </c>
    </row>
    <row r="103" spans="1:4" ht="18" customHeight="1" x14ac:dyDescent="0.2">
      <c r="A103" s="31">
        <v>80</v>
      </c>
      <c r="B103" s="27">
        <v>8</v>
      </c>
      <c r="C103" s="28">
        <v>9</v>
      </c>
      <c r="D103" s="29">
        <v>17</v>
      </c>
    </row>
    <row r="104" spans="1:4" ht="18" customHeight="1" x14ac:dyDescent="0.2">
      <c r="A104" s="31">
        <v>81</v>
      </c>
      <c r="B104" s="27">
        <v>13</v>
      </c>
      <c r="C104" s="28">
        <v>9</v>
      </c>
      <c r="D104" s="29">
        <v>22</v>
      </c>
    </row>
    <row r="105" spans="1:4" ht="18" customHeight="1" x14ac:dyDescent="0.2">
      <c r="A105" s="31">
        <v>82</v>
      </c>
      <c r="B105" s="27">
        <v>11</v>
      </c>
      <c r="C105" s="28">
        <v>11</v>
      </c>
      <c r="D105" s="29">
        <v>22</v>
      </c>
    </row>
    <row r="106" spans="1:4" ht="18" customHeight="1" x14ac:dyDescent="0.2">
      <c r="A106" s="31">
        <v>83</v>
      </c>
      <c r="B106" s="27">
        <v>9</v>
      </c>
      <c r="C106" s="28">
        <v>17</v>
      </c>
      <c r="D106" s="29">
        <v>26</v>
      </c>
    </row>
    <row r="107" spans="1:4" ht="18" customHeight="1" x14ac:dyDescent="0.2">
      <c r="A107" s="31">
        <v>84</v>
      </c>
      <c r="B107" s="27">
        <v>4</v>
      </c>
      <c r="C107" s="28">
        <v>15</v>
      </c>
      <c r="D107" s="29">
        <v>19</v>
      </c>
    </row>
    <row r="108" spans="1:4" ht="18" customHeight="1" x14ac:dyDescent="0.2">
      <c r="A108" s="31" t="s">
        <v>66</v>
      </c>
      <c r="B108" s="27">
        <v>45</v>
      </c>
      <c r="C108" s="28">
        <v>61</v>
      </c>
      <c r="D108" s="29">
        <v>106</v>
      </c>
    </row>
    <row r="109" spans="1:4" ht="18" customHeight="1" x14ac:dyDescent="0.2">
      <c r="A109" s="31">
        <v>85</v>
      </c>
      <c r="B109" s="27">
        <v>4</v>
      </c>
      <c r="C109" s="28">
        <v>15</v>
      </c>
      <c r="D109" s="29">
        <v>19</v>
      </c>
    </row>
    <row r="110" spans="1:4" ht="18" customHeight="1" x14ac:dyDescent="0.2">
      <c r="A110" s="31">
        <v>86</v>
      </c>
      <c r="B110" s="27">
        <v>8</v>
      </c>
      <c r="C110" s="28">
        <v>15</v>
      </c>
      <c r="D110" s="29">
        <v>23</v>
      </c>
    </row>
    <row r="111" spans="1:4" ht="18" customHeight="1" x14ac:dyDescent="0.2">
      <c r="A111" s="31">
        <v>87</v>
      </c>
      <c r="B111" s="27">
        <v>1</v>
      </c>
      <c r="C111" s="28">
        <v>15</v>
      </c>
      <c r="D111" s="29">
        <v>16</v>
      </c>
    </row>
    <row r="112" spans="1:4" ht="18" customHeight="1" x14ac:dyDescent="0.2">
      <c r="A112" s="31">
        <v>88</v>
      </c>
      <c r="B112" s="27">
        <v>7</v>
      </c>
      <c r="C112" s="28">
        <v>17</v>
      </c>
      <c r="D112" s="29">
        <v>24</v>
      </c>
    </row>
    <row r="113" spans="1:4" ht="18" customHeight="1" x14ac:dyDescent="0.2">
      <c r="A113" s="31">
        <v>89</v>
      </c>
      <c r="B113" s="27">
        <v>7</v>
      </c>
      <c r="C113" s="28">
        <v>17</v>
      </c>
      <c r="D113" s="29">
        <v>24</v>
      </c>
    </row>
    <row r="114" spans="1:4" ht="18" customHeight="1" x14ac:dyDescent="0.2">
      <c r="A114" s="31" t="s">
        <v>67</v>
      </c>
      <c r="B114" s="27">
        <v>27</v>
      </c>
      <c r="C114" s="28">
        <v>79</v>
      </c>
      <c r="D114" s="29">
        <v>106</v>
      </c>
    </row>
    <row r="115" spans="1:4" ht="18" customHeight="1" x14ac:dyDescent="0.2">
      <c r="A115" s="31">
        <v>90</v>
      </c>
      <c r="B115" s="27">
        <v>6</v>
      </c>
      <c r="C115" s="28">
        <v>10</v>
      </c>
      <c r="D115" s="29">
        <v>16</v>
      </c>
    </row>
    <row r="116" spans="1:4" ht="18" customHeight="1" x14ac:dyDescent="0.2">
      <c r="A116" s="31">
        <v>91</v>
      </c>
      <c r="B116" s="27">
        <v>2</v>
      </c>
      <c r="C116" s="28">
        <v>9</v>
      </c>
      <c r="D116" s="29">
        <v>11</v>
      </c>
    </row>
    <row r="117" spans="1:4" ht="18" customHeight="1" x14ac:dyDescent="0.2">
      <c r="A117" s="31">
        <v>92</v>
      </c>
      <c r="B117" s="27">
        <v>2</v>
      </c>
      <c r="C117" s="28">
        <v>6</v>
      </c>
      <c r="D117" s="29">
        <v>8</v>
      </c>
    </row>
    <row r="118" spans="1:4" ht="18" customHeight="1" x14ac:dyDescent="0.2">
      <c r="A118" s="31">
        <v>93</v>
      </c>
      <c r="B118" s="27">
        <v>4</v>
      </c>
      <c r="C118" s="28">
        <v>6</v>
      </c>
      <c r="D118" s="29">
        <v>10</v>
      </c>
    </row>
    <row r="119" spans="1:4" ht="18" customHeight="1" x14ac:dyDescent="0.2">
      <c r="A119" s="31">
        <v>94</v>
      </c>
      <c r="B119" s="27">
        <v>1</v>
      </c>
      <c r="C119" s="28">
        <v>10</v>
      </c>
      <c r="D119" s="29">
        <v>11</v>
      </c>
    </row>
    <row r="120" spans="1:4" ht="18" customHeight="1" x14ac:dyDescent="0.2">
      <c r="A120" s="31" t="s">
        <v>68</v>
      </c>
      <c r="B120" s="27">
        <v>15</v>
      </c>
      <c r="C120" s="28">
        <v>41</v>
      </c>
      <c r="D120" s="29">
        <v>56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2</v>
      </c>
      <c r="C123" s="28">
        <v>1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4</v>
      </c>
      <c r="C126" s="28">
        <v>8</v>
      </c>
      <c r="D126" s="29">
        <v>12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3</v>
      </c>
      <c r="D128" s="29">
        <v>3</v>
      </c>
    </row>
    <row r="129" spans="1:4" ht="18" customHeight="1" x14ac:dyDescent="0.2">
      <c r="A129" s="31" t="s">
        <v>71</v>
      </c>
      <c r="B129" s="27">
        <v>0</v>
      </c>
      <c r="C129" s="28">
        <v>4</v>
      </c>
      <c r="D129" s="29">
        <v>4</v>
      </c>
    </row>
    <row r="130" spans="1:4" ht="18" customHeight="1" x14ac:dyDescent="0.2">
      <c r="A130" s="31" t="s">
        <v>72</v>
      </c>
      <c r="B130" s="4">
        <v>371</v>
      </c>
      <c r="C130" s="5">
        <v>446</v>
      </c>
      <c r="D130" s="6">
        <v>817</v>
      </c>
    </row>
    <row r="131" spans="1:4" ht="18" customHeight="1" x14ac:dyDescent="0.2">
      <c r="A131" s="33" t="s">
        <v>47</v>
      </c>
      <c r="B131" s="7">
        <v>1047</v>
      </c>
      <c r="C131" s="8">
        <v>1017</v>
      </c>
      <c r="D131" s="9">
        <v>206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6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5</v>
      </c>
      <c r="C5" s="37">
        <v>17</v>
      </c>
      <c r="D5" s="39">
        <v>42</v>
      </c>
    </row>
    <row r="6" spans="1:4" ht="18" customHeight="1" x14ac:dyDescent="0.2">
      <c r="A6" s="31">
        <v>1</v>
      </c>
      <c r="B6" s="35">
        <v>36</v>
      </c>
      <c r="C6" s="28">
        <v>29</v>
      </c>
      <c r="D6" s="29">
        <v>65</v>
      </c>
    </row>
    <row r="7" spans="1:4" ht="18" customHeight="1" x14ac:dyDescent="0.2">
      <c r="A7" s="31">
        <v>2</v>
      </c>
      <c r="B7" s="35">
        <v>29</v>
      </c>
      <c r="C7" s="28">
        <v>24</v>
      </c>
      <c r="D7" s="29">
        <v>53</v>
      </c>
    </row>
    <row r="8" spans="1:4" ht="18" customHeight="1" x14ac:dyDescent="0.2">
      <c r="A8" s="31">
        <v>3</v>
      </c>
      <c r="B8" s="35">
        <v>30</v>
      </c>
      <c r="C8" s="28">
        <v>40</v>
      </c>
      <c r="D8" s="29">
        <v>70</v>
      </c>
    </row>
    <row r="9" spans="1:4" ht="18" customHeight="1" x14ac:dyDescent="0.2">
      <c r="A9" s="31">
        <v>4</v>
      </c>
      <c r="B9" s="36">
        <v>40</v>
      </c>
      <c r="C9" s="38">
        <v>32</v>
      </c>
      <c r="D9" s="40">
        <v>72</v>
      </c>
    </row>
    <row r="10" spans="1:4" ht="18" customHeight="1" x14ac:dyDescent="0.2">
      <c r="A10" s="31" t="s">
        <v>48</v>
      </c>
      <c r="B10" s="27">
        <v>160</v>
      </c>
      <c r="C10" s="28">
        <v>142</v>
      </c>
      <c r="D10" s="29">
        <v>302</v>
      </c>
    </row>
    <row r="11" spans="1:4" ht="18" customHeight="1" x14ac:dyDescent="0.2">
      <c r="A11" s="31">
        <v>5</v>
      </c>
      <c r="B11" s="35">
        <v>42</v>
      </c>
      <c r="C11" s="28">
        <v>27</v>
      </c>
      <c r="D11" s="29">
        <v>69</v>
      </c>
    </row>
    <row r="12" spans="1:4" ht="18" customHeight="1" x14ac:dyDescent="0.2">
      <c r="A12" s="31">
        <v>6</v>
      </c>
      <c r="B12" s="35">
        <v>28</v>
      </c>
      <c r="C12" s="28">
        <v>36</v>
      </c>
      <c r="D12" s="29">
        <v>64</v>
      </c>
    </row>
    <row r="13" spans="1:4" ht="18" customHeight="1" x14ac:dyDescent="0.2">
      <c r="A13" s="31">
        <v>7</v>
      </c>
      <c r="B13" s="35">
        <v>37</v>
      </c>
      <c r="C13" s="28">
        <v>31</v>
      </c>
      <c r="D13" s="29">
        <v>68</v>
      </c>
    </row>
    <row r="14" spans="1:4" ht="18" customHeight="1" x14ac:dyDescent="0.2">
      <c r="A14" s="31">
        <v>8</v>
      </c>
      <c r="B14" s="35">
        <v>36</v>
      </c>
      <c r="C14" s="28">
        <v>47</v>
      </c>
      <c r="D14" s="29">
        <v>83</v>
      </c>
    </row>
    <row r="15" spans="1:4" ht="18" customHeight="1" x14ac:dyDescent="0.2">
      <c r="A15" s="31">
        <v>9</v>
      </c>
      <c r="B15" s="35">
        <v>53</v>
      </c>
      <c r="C15" s="28">
        <v>37</v>
      </c>
      <c r="D15" s="29">
        <v>90</v>
      </c>
    </row>
    <row r="16" spans="1:4" ht="18" customHeight="1" x14ac:dyDescent="0.2">
      <c r="A16" s="31" t="s">
        <v>49</v>
      </c>
      <c r="B16" s="27">
        <v>196</v>
      </c>
      <c r="C16" s="28">
        <v>178</v>
      </c>
      <c r="D16" s="29">
        <v>374</v>
      </c>
    </row>
    <row r="17" spans="1:4" ht="18" customHeight="1" x14ac:dyDescent="0.2">
      <c r="A17" s="31">
        <v>10</v>
      </c>
      <c r="B17" s="27">
        <v>45</v>
      </c>
      <c r="C17" s="28">
        <v>40</v>
      </c>
      <c r="D17" s="29">
        <v>85</v>
      </c>
    </row>
    <row r="18" spans="1:4" ht="18" customHeight="1" x14ac:dyDescent="0.2">
      <c r="A18" s="31">
        <v>11</v>
      </c>
      <c r="B18" s="27">
        <v>49</v>
      </c>
      <c r="C18" s="28">
        <v>39</v>
      </c>
      <c r="D18" s="29">
        <v>88</v>
      </c>
    </row>
    <row r="19" spans="1:4" ht="18" customHeight="1" x14ac:dyDescent="0.2">
      <c r="A19" s="31">
        <v>12</v>
      </c>
      <c r="B19" s="27">
        <v>38</v>
      </c>
      <c r="C19" s="28">
        <v>44</v>
      </c>
      <c r="D19" s="29">
        <v>82</v>
      </c>
    </row>
    <row r="20" spans="1:4" ht="18" customHeight="1" x14ac:dyDescent="0.2">
      <c r="A20" s="31">
        <v>13</v>
      </c>
      <c r="B20" s="27">
        <v>34</v>
      </c>
      <c r="C20" s="28">
        <v>42</v>
      </c>
      <c r="D20" s="29">
        <v>76</v>
      </c>
    </row>
    <row r="21" spans="1:4" ht="18" customHeight="1" x14ac:dyDescent="0.2">
      <c r="A21" s="31">
        <v>14</v>
      </c>
      <c r="B21" s="27">
        <v>45</v>
      </c>
      <c r="C21" s="28">
        <v>52</v>
      </c>
      <c r="D21" s="29">
        <v>97</v>
      </c>
    </row>
    <row r="22" spans="1:4" ht="18" customHeight="1" x14ac:dyDescent="0.2">
      <c r="A22" s="31" t="s">
        <v>50</v>
      </c>
      <c r="B22" s="27">
        <v>211</v>
      </c>
      <c r="C22" s="28">
        <v>217</v>
      </c>
      <c r="D22" s="29">
        <v>428</v>
      </c>
    </row>
    <row r="23" spans="1:4" ht="18" customHeight="1" x14ac:dyDescent="0.2">
      <c r="A23" s="31" t="s">
        <v>51</v>
      </c>
      <c r="B23" s="27">
        <v>567</v>
      </c>
      <c r="C23" s="28">
        <v>537</v>
      </c>
      <c r="D23" s="29">
        <v>1104</v>
      </c>
    </row>
    <row r="24" spans="1:4" ht="18" customHeight="1" x14ac:dyDescent="0.2">
      <c r="A24" s="31">
        <v>15</v>
      </c>
      <c r="B24" s="27">
        <v>62</v>
      </c>
      <c r="C24" s="28">
        <v>42</v>
      </c>
      <c r="D24" s="29">
        <v>104</v>
      </c>
    </row>
    <row r="25" spans="1:4" ht="18" customHeight="1" x14ac:dyDescent="0.2">
      <c r="A25" s="31">
        <v>16</v>
      </c>
      <c r="B25" s="27">
        <v>51</v>
      </c>
      <c r="C25" s="28">
        <v>47</v>
      </c>
      <c r="D25" s="29">
        <v>98</v>
      </c>
    </row>
    <row r="26" spans="1:4" ht="18" customHeight="1" x14ac:dyDescent="0.2">
      <c r="A26" s="31">
        <v>17</v>
      </c>
      <c r="B26" s="27">
        <v>71</v>
      </c>
      <c r="C26" s="28">
        <v>50</v>
      </c>
      <c r="D26" s="29">
        <v>121</v>
      </c>
    </row>
    <row r="27" spans="1:4" ht="18" customHeight="1" x14ac:dyDescent="0.2">
      <c r="A27" s="31">
        <v>18</v>
      </c>
      <c r="B27" s="27">
        <v>64</v>
      </c>
      <c r="C27" s="28">
        <v>59</v>
      </c>
      <c r="D27" s="29">
        <v>123</v>
      </c>
    </row>
    <row r="28" spans="1:4" ht="18" customHeight="1" x14ac:dyDescent="0.2">
      <c r="A28" s="31">
        <v>19</v>
      </c>
      <c r="B28" s="27">
        <v>63</v>
      </c>
      <c r="C28" s="28">
        <v>68</v>
      </c>
      <c r="D28" s="29">
        <v>131</v>
      </c>
    </row>
    <row r="29" spans="1:4" ht="18" customHeight="1" x14ac:dyDescent="0.2">
      <c r="A29" s="31" t="s">
        <v>52</v>
      </c>
      <c r="B29" s="27">
        <v>311</v>
      </c>
      <c r="C29" s="28">
        <v>266</v>
      </c>
      <c r="D29" s="29">
        <v>577</v>
      </c>
    </row>
    <row r="30" spans="1:4" ht="18" customHeight="1" x14ac:dyDescent="0.2">
      <c r="A30" s="31">
        <v>20</v>
      </c>
      <c r="B30" s="27">
        <v>59</v>
      </c>
      <c r="C30" s="28">
        <v>49</v>
      </c>
      <c r="D30" s="29">
        <v>108</v>
      </c>
    </row>
    <row r="31" spans="1:4" ht="18" customHeight="1" x14ac:dyDescent="0.2">
      <c r="A31" s="31">
        <v>21</v>
      </c>
      <c r="B31" s="27">
        <v>58</v>
      </c>
      <c r="C31" s="28">
        <v>78</v>
      </c>
      <c r="D31" s="29">
        <v>136</v>
      </c>
    </row>
    <row r="32" spans="1:4" ht="18" customHeight="1" x14ac:dyDescent="0.2">
      <c r="A32" s="31">
        <v>22</v>
      </c>
      <c r="B32" s="27">
        <v>68</v>
      </c>
      <c r="C32" s="28">
        <v>49</v>
      </c>
      <c r="D32" s="29">
        <v>117</v>
      </c>
    </row>
    <row r="33" spans="1:4" ht="18" customHeight="1" x14ac:dyDescent="0.2">
      <c r="A33" s="31">
        <v>23</v>
      </c>
      <c r="B33" s="27">
        <v>61</v>
      </c>
      <c r="C33" s="28">
        <v>41</v>
      </c>
      <c r="D33" s="29">
        <v>102</v>
      </c>
    </row>
    <row r="34" spans="1:4" ht="18" customHeight="1" x14ac:dyDescent="0.2">
      <c r="A34" s="31">
        <v>24</v>
      </c>
      <c r="B34" s="27">
        <v>65</v>
      </c>
      <c r="C34" s="28">
        <v>46</v>
      </c>
      <c r="D34" s="29">
        <v>111</v>
      </c>
    </row>
    <row r="35" spans="1:4" ht="18" customHeight="1" x14ac:dyDescent="0.2">
      <c r="A35" s="31" t="s">
        <v>53</v>
      </c>
      <c r="B35" s="27">
        <v>311</v>
      </c>
      <c r="C35" s="28">
        <v>263</v>
      </c>
      <c r="D35" s="29">
        <v>574</v>
      </c>
    </row>
    <row r="36" spans="1:4" ht="18" customHeight="1" x14ac:dyDescent="0.2">
      <c r="A36" s="31">
        <v>25</v>
      </c>
      <c r="B36" s="27">
        <v>67</v>
      </c>
      <c r="C36" s="28">
        <v>55</v>
      </c>
      <c r="D36" s="29">
        <v>122</v>
      </c>
    </row>
    <row r="37" spans="1:4" ht="18" customHeight="1" x14ac:dyDescent="0.2">
      <c r="A37" s="31">
        <v>26</v>
      </c>
      <c r="B37" s="27">
        <v>51</v>
      </c>
      <c r="C37" s="28">
        <v>47</v>
      </c>
      <c r="D37" s="29">
        <v>98</v>
      </c>
    </row>
    <row r="38" spans="1:4" ht="18" customHeight="1" x14ac:dyDescent="0.2">
      <c r="A38" s="31">
        <v>27</v>
      </c>
      <c r="B38" s="27">
        <v>48</v>
      </c>
      <c r="C38" s="28">
        <v>42</v>
      </c>
      <c r="D38" s="29">
        <v>90</v>
      </c>
    </row>
    <row r="39" spans="1:4" ht="18" customHeight="1" x14ac:dyDescent="0.2">
      <c r="A39" s="31">
        <v>28</v>
      </c>
      <c r="B39" s="27">
        <v>60</v>
      </c>
      <c r="C39" s="28">
        <v>57</v>
      </c>
      <c r="D39" s="29">
        <v>117</v>
      </c>
    </row>
    <row r="40" spans="1:4" ht="18" customHeight="1" x14ac:dyDescent="0.2">
      <c r="A40" s="31">
        <v>29</v>
      </c>
      <c r="B40" s="27">
        <v>52</v>
      </c>
      <c r="C40" s="28">
        <v>26</v>
      </c>
      <c r="D40" s="29">
        <v>78</v>
      </c>
    </row>
    <row r="41" spans="1:4" ht="18" customHeight="1" x14ac:dyDescent="0.2">
      <c r="A41" s="31" t="s">
        <v>54</v>
      </c>
      <c r="B41" s="27">
        <v>278</v>
      </c>
      <c r="C41" s="28">
        <v>227</v>
      </c>
      <c r="D41" s="29">
        <v>505</v>
      </c>
    </row>
    <row r="42" spans="1:4" ht="18" customHeight="1" x14ac:dyDescent="0.2">
      <c r="A42" s="31">
        <v>30</v>
      </c>
      <c r="B42" s="27">
        <v>44</v>
      </c>
      <c r="C42" s="28">
        <v>52</v>
      </c>
      <c r="D42" s="29">
        <v>96</v>
      </c>
    </row>
    <row r="43" spans="1:4" ht="18" customHeight="1" x14ac:dyDescent="0.2">
      <c r="A43" s="31">
        <v>31</v>
      </c>
      <c r="B43" s="27">
        <v>64</v>
      </c>
      <c r="C43" s="28">
        <v>27</v>
      </c>
      <c r="D43" s="29">
        <v>91</v>
      </c>
    </row>
    <row r="44" spans="1:4" ht="18" customHeight="1" x14ac:dyDescent="0.2">
      <c r="A44" s="31">
        <v>32</v>
      </c>
      <c r="B44" s="27">
        <v>62</v>
      </c>
      <c r="C44" s="28">
        <v>62</v>
      </c>
      <c r="D44" s="29">
        <v>124</v>
      </c>
    </row>
    <row r="45" spans="1:4" ht="18" customHeight="1" x14ac:dyDescent="0.2">
      <c r="A45" s="31">
        <v>33</v>
      </c>
      <c r="B45" s="27">
        <v>52</v>
      </c>
      <c r="C45" s="28">
        <v>51</v>
      </c>
      <c r="D45" s="29">
        <v>103</v>
      </c>
    </row>
    <row r="46" spans="1:4" ht="18" customHeight="1" x14ac:dyDescent="0.2">
      <c r="A46" s="31">
        <v>34</v>
      </c>
      <c r="B46" s="27">
        <v>60</v>
      </c>
      <c r="C46" s="28">
        <v>58</v>
      </c>
      <c r="D46" s="29">
        <v>118</v>
      </c>
    </row>
    <row r="47" spans="1:4" ht="18" customHeight="1" x14ac:dyDescent="0.2">
      <c r="A47" s="31" t="s">
        <v>55</v>
      </c>
      <c r="B47" s="27">
        <v>282</v>
      </c>
      <c r="C47" s="28">
        <v>250</v>
      </c>
      <c r="D47" s="29">
        <v>532</v>
      </c>
    </row>
    <row r="48" spans="1:4" ht="18" customHeight="1" x14ac:dyDescent="0.2">
      <c r="A48" s="31">
        <v>35</v>
      </c>
      <c r="B48" s="27">
        <v>65</v>
      </c>
      <c r="C48" s="28">
        <v>55</v>
      </c>
      <c r="D48" s="29">
        <v>120</v>
      </c>
    </row>
    <row r="49" spans="1:4" ht="18" customHeight="1" x14ac:dyDescent="0.2">
      <c r="A49" s="31">
        <v>36</v>
      </c>
      <c r="B49" s="27">
        <v>70</v>
      </c>
      <c r="C49" s="28">
        <v>47</v>
      </c>
      <c r="D49" s="29">
        <v>117</v>
      </c>
    </row>
    <row r="50" spans="1:4" ht="18" customHeight="1" x14ac:dyDescent="0.2">
      <c r="A50" s="31">
        <v>37</v>
      </c>
      <c r="B50" s="27">
        <v>61</v>
      </c>
      <c r="C50" s="28">
        <v>39</v>
      </c>
      <c r="D50" s="29">
        <v>100</v>
      </c>
    </row>
    <row r="51" spans="1:4" ht="18" customHeight="1" x14ac:dyDescent="0.2">
      <c r="A51" s="31">
        <v>38</v>
      </c>
      <c r="B51" s="27">
        <v>64</v>
      </c>
      <c r="C51" s="28">
        <v>68</v>
      </c>
      <c r="D51" s="29">
        <v>132</v>
      </c>
    </row>
    <row r="52" spans="1:4" ht="18" customHeight="1" x14ac:dyDescent="0.2">
      <c r="A52" s="31">
        <v>39</v>
      </c>
      <c r="B52" s="27">
        <v>47</v>
      </c>
      <c r="C52" s="28">
        <v>51</v>
      </c>
      <c r="D52" s="29">
        <v>98</v>
      </c>
    </row>
    <row r="53" spans="1:4" ht="18" customHeight="1" x14ac:dyDescent="0.2">
      <c r="A53" s="31" t="s">
        <v>56</v>
      </c>
      <c r="B53" s="27">
        <v>307</v>
      </c>
      <c r="C53" s="28">
        <v>260</v>
      </c>
      <c r="D53" s="29">
        <v>567</v>
      </c>
    </row>
    <row r="54" spans="1:4" ht="18" customHeight="1" x14ac:dyDescent="0.2">
      <c r="A54" s="31">
        <v>40</v>
      </c>
      <c r="B54" s="27">
        <v>69</v>
      </c>
      <c r="C54" s="28">
        <v>47</v>
      </c>
      <c r="D54" s="29">
        <v>116</v>
      </c>
    </row>
    <row r="55" spans="1:4" ht="18" customHeight="1" x14ac:dyDescent="0.2">
      <c r="A55" s="31">
        <v>41</v>
      </c>
      <c r="B55" s="27">
        <v>54</v>
      </c>
      <c r="C55" s="28">
        <v>64</v>
      </c>
      <c r="D55" s="29">
        <v>118</v>
      </c>
    </row>
    <row r="56" spans="1:4" ht="18" customHeight="1" x14ac:dyDescent="0.2">
      <c r="A56" s="31">
        <v>42</v>
      </c>
      <c r="B56" s="27">
        <v>72</v>
      </c>
      <c r="C56" s="28">
        <v>60</v>
      </c>
      <c r="D56" s="29">
        <v>132</v>
      </c>
    </row>
    <row r="57" spans="1:4" ht="18" customHeight="1" x14ac:dyDescent="0.2">
      <c r="A57" s="31">
        <v>43</v>
      </c>
      <c r="B57" s="27">
        <v>73</v>
      </c>
      <c r="C57" s="28">
        <v>62</v>
      </c>
      <c r="D57" s="29">
        <v>135</v>
      </c>
    </row>
    <row r="58" spans="1:4" ht="18" customHeight="1" x14ac:dyDescent="0.2">
      <c r="A58" s="31">
        <v>44</v>
      </c>
      <c r="B58" s="27">
        <v>70</v>
      </c>
      <c r="C58" s="28">
        <v>69</v>
      </c>
      <c r="D58" s="29">
        <v>139</v>
      </c>
    </row>
    <row r="59" spans="1:4" ht="18" customHeight="1" x14ac:dyDescent="0.2">
      <c r="A59" s="31" t="s">
        <v>57</v>
      </c>
      <c r="B59" s="27">
        <v>338</v>
      </c>
      <c r="C59" s="28">
        <v>302</v>
      </c>
      <c r="D59" s="29">
        <v>640</v>
      </c>
    </row>
    <row r="60" spans="1:4" ht="18" customHeight="1" x14ac:dyDescent="0.2">
      <c r="A60" s="31">
        <v>45</v>
      </c>
      <c r="B60" s="27">
        <v>72</v>
      </c>
      <c r="C60" s="28">
        <v>92</v>
      </c>
      <c r="D60" s="29">
        <v>164</v>
      </c>
    </row>
    <row r="61" spans="1:4" ht="18" customHeight="1" x14ac:dyDescent="0.2">
      <c r="A61" s="31">
        <v>46</v>
      </c>
      <c r="B61" s="27">
        <v>85</v>
      </c>
      <c r="C61" s="28">
        <v>66</v>
      </c>
      <c r="D61" s="29">
        <v>151</v>
      </c>
    </row>
    <row r="62" spans="1:4" ht="18" customHeight="1" x14ac:dyDescent="0.2">
      <c r="A62" s="31">
        <v>47</v>
      </c>
      <c r="B62" s="27">
        <v>92</v>
      </c>
      <c r="C62" s="28">
        <v>92</v>
      </c>
      <c r="D62" s="29">
        <v>184</v>
      </c>
    </row>
    <row r="63" spans="1:4" ht="18" customHeight="1" x14ac:dyDescent="0.2">
      <c r="A63" s="31">
        <v>48</v>
      </c>
      <c r="B63" s="27">
        <v>102</v>
      </c>
      <c r="C63" s="28">
        <v>91</v>
      </c>
      <c r="D63" s="29">
        <v>193</v>
      </c>
    </row>
    <row r="64" spans="1:4" ht="18" customHeight="1" x14ac:dyDescent="0.2">
      <c r="A64" s="31">
        <v>49</v>
      </c>
      <c r="B64" s="27">
        <v>87</v>
      </c>
      <c r="C64" s="28">
        <v>98</v>
      </c>
      <c r="D64" s="29">
        <v>185</v>
      </c>
    </row>
    <row r="65" spans="1:4" ht="18" customHeight="1" x14ac:dyDescent="0.2">
      <c r="A65" s="31" t="s">
        <v>58</v>
      </c>
      <c r="B65" s="27">
        <v>438</v>
      </c>
      <c r="C65" s="28">
        <v>439</v>
      </c>
      <c r="D65" s="29">
        <v>877</v>
      </c>
    </row>
    <row r="66" spans="1:4" ht="18" customHeight="1" x14ac:dyDescent="0.2">
      <c r="A66" s="31">
        <v>50</v>
      </c>
      <c r="B66" s="27">
        <v>73</v>
      </c>
      <c r="C66" s="28">
        <v>71</v>
      </c>
      <c r="D66" s="29">
        <v>144</v>
      </c>
    </row>
    <row r="67" spans="1:4" ht="18" customHeight="1" x14ac:dyDescent="0.2">
      <c r="A67" s="31">
        <v>51</v>
      </c>
      <c r="B67" s="27">
        <v>85</v>
      </c>
      <c r="C67" s="28">
        <v>89</v>
      </c>
      <c r="D67" s="29">
        <v>174</v>
      </c>
    </row>
    <row r="68" spans="1:4" ht="18" customHeight="1" x14ac:dyDescent="0.2">
      <c r="A68" s="31">
        <v>52</v>
      </c>
      <c r="B68" s="27">
        <v>95</v>
      </c>
      <c r="C68" s="28">
        <v>73</v>
      </c>
      <c r="D68" s="29">
        <v>168</v>
      </c>
    </row>
    <row r="69" spans="1:4" ht="18" customHeight="1" x14ac:dyDescent="0.2">
      <c r="A69" s="31">
        <v>53</v>
      </c>
      <c r="B69" s="27">
        <v>82</v>
      </c>
      <c r="C69" s="28">
        <v>94</v>
      </c>
      <c r="D69" s="29">
        <v>176</v>
      </c>
    </row>
    <row r="70" spans="1:4" ht="18" customHeight="1" x14ac:dyDescent="0.2">
      <c r="A70" s="31">
        <v>54</v>
      </c>
      <c r="B70" s="27">
        <v>78</v>
      </c>
      <c r="C70" s="28">
        <v>77</v>
      </c>
      <c r="D70" s="29">
        <v>155</v>
      </c>
    </row>
    <row r="71" spans="1:4" ht="18" customHeight="1" x14ac:dyDescent="0.2">
      <c r="A71" s="31" t="s">
        <v>59</v>
      </c>
      <c r="B71" s="27">
        <v>413</v>
      </c>
      <c r="C71" s="28">
        <v>404</v>
      </c>
      <c r="D71" s="29">
        <v>817</v>
      </c>
    </row>
    <row r="72" spans="1:4" ht="18" customHeight="1" x14ac:dyDescent="0.2">
      <c r="A72" s="31">
        <v>55</v>
      </c>
      <c r="B72" s="27">
        <v>67</v>
      </c>
      <c r="C72" s="28">
        <v>72</v>
      </c>
      <c r="D72" s="29">
        <v>139</v>
      </c>
    </row>
    <row r="73" spans="1:4" ht="18" customHeight="1" x14ac:dyDescent="0.2">
      <c r="A73" s="31">
        <v>56</v>
      </c>
      <c r="B73" s="27">
        <v>83</v>
      </c>
      <c r="C73" s="28">
        <v>70</v>
      </c>
      <c r="D73" s="29">
        <v>153</v>
      </c>
    </row>
    <row r="74" spans="1:4" ht="18" customHeight="1" x14ac:dyDescent="0.2">
      <c r="A74" s="31">
        <v>57</v>
      </c>
      <c r="B74" s="27">
        <v>98</v>
      </c>
      <c r="C74" s="28">
        <v>80</v>
      </c>
      <c r="D74" s="29">
        <v>178</v>
      </c>
    </row>
    <row r="75" spans="1:4" ht="18" customHeight="1" x14ac:dyDescent="0.2">
      <c r="A75" s="31">
        <v>58</v>
      </c>
      <c r="B75" s="27">
        <v>63</v>
      </c>
      <c r="C75" s="28">
        <v>73</v>
      </c>
      <c r="D75" s="29">
        <v>136</v>
      </c>
    </row>
    <row r="76" spans="1:4" ht="18" customHeight="1" x14ac:dyDescent="0.2">
      <c r="A76" s="31">
        <v>59</v>
      </c>
      <c r="B76" s="27">
        <v>75</v>
      </c>
      <c r="C76" s="28">
        <v>97</v>
      </c>
      <c r="D76" s="29">
        <v>172</v>
      </c>
    </row>
    <row r="77" spans="1:4" ht="18" customHeight="1" x14ac:dyDescent="0.2">
      <c r="A77" s="31" t="s">
        <v>60</v>
      </c>
      <c r="B77" s="27">
        <v>386</v>
      </c>
      <c r="C77" s="28">
        <v>392</v>
      </c>
      <c r="D77" s="29">
        <v>778</v>
      </c>
    </row>
    <row r="78" spans="1:4" ht="18" customHeight="1" x14ac:dyDescent="0.2">
      <c r="A78" s="31">
        <v>60</v>
      </c>
      <c r="B78" s="27">
        <v>81</v>
      </c>
      <c r="C78" s="28">
        <v>88</v>
      </c>
      <c r="D78" s="29">
        <v>169</v>
      </c>
    </row>
    <row r="79" spans="1:4" ht="18" customHeight="1" x14ac:dyDescent="0.2">
      <c r="A79" s="31">
        <v>61</v>
      </c>
      <c r="B79" s="27">
        <v>83</v>
      </c>
      <c r="C79" s="28">
        <v>74</v>
      </c>
      <c r="D79" s="29">
        <v>157</v>
      </c>
    </row>
    <row r="80" spans="1:4" ht="18" customHeight="1" x14ac:dyDescent="0.2">
      <c r="A80" s="31">
        <v>62</v>
      </c>
      <c r="B80" s="27">
        <v>78</v>
      </c>
      <c r="C80" s="28">
        <v>85</v>
      </c>
      <c r="D80" s="29">
        <v>163</v>
      </c>
    </row>
    <row r="81" spans="1:4" ht="18" customHeight="1" x14ac:dyDescent="0.2">
      <c r="A81" s="31">
        <v>63</v>
      </c>
      <c r="B81" s="27">
        <v>73</v>
      </c>
      <c r="C81" s="28">
        <v>62</v>
      </c>
      <c r="D81" s="29">
        <v>135</v>
      </c>
    </row>
    <row r="82" spans="1:4" ht="18" customHeight="1" x14ac:dyDescent="0.2">
      <c r="A82" s="31">
        <v>64</v>
      </c>
      <c r="B82" s="27">
        <v>88</v>
      </c>
      <c r="C82" s="28">
        <v>80</v>
      </c>
      <c r="D82" s="29">
        <v>168</v>
      </c>
    </row>
    <row r="83" spans="1:4" ht="18" customHeight="1" x14ac:dyDescent="0.2">
      <c r="A83" s="31" t="s">
        <v>61</v>
      </c>
      <c r="B83" s="27">
        <v>403</v>
      </c>
      <c r="C83" s="28">
        <v>389</v>
      </c>
      <c r="D83" s="29">
        <v>792</v>
      </c>
    </row>
    <row r="84" spans="1:4" ht="18" customHeight="1" x14ac:dyDescent="0.2">
      <c r="A84" s="31" t="s">
        <v>62</v>
      </c>
      <c r="B84" s="27">
        <v>3467</v>
      </c>
      <c r="C84" s="28">
        <v>3192</v>
      </c>
      <c r="D84" s="29">
        <v>6659</v>
      </c>
    </row>
    <row r="85" spans="1:4" ht="18" customHeight="1" x14ac:dyDescent="0.2">
      <c r="A85" s="31">
        <v>65</v>
      </c>
      <c r="B85" s="27">
        <v>73</v>
      </c>
      <c r="C85" s="28">
        <v>80</v>
      </c>
      <c r="D85" s="29">
        <v>153</v>
      </c>
    </row>
    <row r="86" spans="1:4" ht="18" customHeight="1" x14ac:dyDescent="0.2">
      <c r="A86" s="31">
        <v>66</v>
      </c>
      <c r="B86" s="27">
        <v>82</v>
      </c>
      <c r="C86" s="28">
        <v>77</v>
      </c>
      <c r="D86" s="29">
        <v>159</v>
      </c>
    </row>
    <row r="87" spans="1:4" ht="18" customHeight="1" x14ac:dyDescent="0.2">
      <c r="A87" s="31">
        <v>67</v>
      </c>
      <c r="B87" s="27">
        <v>70</v>
      </c>
      <c r="C87" s="28">
        <v>98</v>
      </c>
      <c r="D87" s="29">
        <v>168</v>
      </c>
    </row>
    <row r="88" spans="1:4" ht="18" customHeight="1" x14ac:dyDescent="0.2">
      <c r="A88" s="31">
        <v>68</v>
      </c>
      <c r="B88" s="27">
        <v>73</v>
      </c>
      <c r="C88" s="28">
        <v>80</v>
      </c>
      <c r="D88" s="29">
        <v>153</v>
      </c>
    </row>
    <row r="89" spans="1:4" ht="18" customHeight="1" x14ac:dyDescent="0.2">
      <c r="A89" s="31">
        <v>69</v>
      </c>
      <c r="B89" s="27">
        <v>92</v>
      </c>
      <c r="C89" s="28">
        <v>86</v>
      </c>
      <c r="D89" s="29">
        <v>178</v>
      </c>
    </row>
    <row r="90" spans="1:4" ht="18" customHeight="1" x14ac:dyDescent="0.2">
      <c r="A90" s="31" t="s">
        <v>63</v>
      </c>
      <c r="B90" s="27">
        <v>390</v>
      </c>
      <c r="C90" s="28">
        <v>421</v>
      </c>
      <c r="D90" s="29">
        <v>811</v>
      </c>
    </row>
    <row r="91" spans="1:4" ht="18" customHeight="1" x14ac:dyDescent="0.2">
      <c r="A91" s="31">
        <v>70</v>
      </c>
      <c r="B91" s="27">
        <v>80</v>
      </c>
      <c r="C91" s="28">
        <v>83</v>
      </c>
      <c r="D91" s="29">
        <v>163</v>
      </c>
    </row>
    <row r="92" spans="1:4" ht="18" customHeight="1" x14ac:dyDescent="0.2">
      <c r="A92" s="31">
        <v>71</v>
      </c>
      <c r="B92" s="27">
        <v>94</v>
      </c>
      <c r="C92" s="28">
        <v>101</v>
      </c>
      <c r="D92" s="29">
        <v>195</v>
      </c>
    </row>
    <row r="93" spans="1:4" ht="18" customHeight="1" x14ac:dyDescent="0.2">
      <c r="A93" s="31">
        <v>72</v>
      </c>
      <c r="B93" s="27">
        <v>94</v>
      </c>
      <c r="C93" s="28">
        <v>118</v>
      </c>
      <c r="D93" s="29">
        <v>212</v>
      </c>
    </row>
    <row r="94" spans="1:4" ht="18" customHeight="1" x14ac:dyDescent="0.2">
      <c r="A94" s="31">
        <v>73</v>
      </c>
      <c r="B94" s="27">
        <v>92</v>
      </c>
      <c r="C94" s="28">
        <v>110</v>
      </c>
      <c r="D94" s="29">
        <v>202</v>
      </c>
    </row>
    <row r="95" spans="1:4" ht="18" customHeight="1" x14ac:dyDescent="0.2">
      <c r="A95" s="31">
        <v>74</v>
      </c>
      <c r="B95" s="27">
        <v>49</v>
      </c>
      <c r="C95" s="28">
        <v>55</v>
      </c>
      <c r="D95" s="29">
        <v>104</v>
      </c>
    </row>
    <row r="96" spans="1:4" ht="18" customHeight="1" x14ac:dyDescent="0.2">
      <c r="A96" s="31" t="s">
        <v>64</v>
      </c>
      <c r="B96" s="27">
        <v>409</v>
      </c>
      <c r="C96" s="28">
        <v>467</v>
      </c>
      <c r="D96" s="29">
        <v>876</v>
      </c>
    </row>
    <row r="97" spans="1:4" ht="18" customHeight="1" x14ac:dyDescent="0.2">
      <c r="A97" s="31">
        <v>75</v>
      </c>
      <c r="B97" s="27">
        <v>53</v>
      </c>
      <c r="C97" s="28">
        <v>88</v>
      </c>
      <c r="D97" s="29">
        <v>141</v>
      </c>
    </row>
    <row r="98" spans="1:4" ht="18" customHeight="1" x14ac:dyDescent="0.2">
      <c r="A98" s="31">
        <v>76</v>
      </c>
      <c r="B98" s="27">
        <v>66</v>
      </c>
      <c r="C98" s="28">
        <v>97</v>
      </c>
      <c r="D98" s="29">
        <v>163</v>
      </c>
    </row>
    <row r="99" spans="1:4" ht="18" customHeight="1" x14ac:dyDescent="0.2">
      <c r="A99" s="31">
        <v>77</v>
      </c>
      <c r="B99" s="27">
        <v>54</v>
      </c>
      <c r="C99" s="28">
        <v>87</v>
      </c>
      <c r="D99" s="29">
        <v>141</v>
      </c>
    </row>
    <row r="100" spans="1:4" ht="18" customHeight="1" x14ac:dyDescent="0.2">
      <c r="A100" s="31">
        <v>78</v>
      </c>
      <c r="B100" s="27">
        <v>79</v>
      </c>
      <c r="C100" s="28">
        <v>107</v>
      </c>
      <c r="D100" s="29">
        <v>186</v>
      </c>
    </row>
    <row r="101" spans="1:4" ht="18" customHeight="1" x14ac:dyDescent="0.2">
      <c r="A101" s="31">
        <v>79</v>
      </c>
      <c r="B101" s="27">
        <v>64</v>
      </c>
      <c r="C101" s="28">
        <v>84</v>
      </c>
      <c r="D101" s="29">
        <v>148</v>
      </c>
    </row>
    <row r="102" spans="1:4" ht="18" customHeight="1" x14ac:dyDescent="0.2">
      <c r="A102" s="31" t="s">
        <v>65</v>
      </c>
      <c r="B102" s="27">
        <v>316</v>
      </c>
      <c r="C102" s="28">
        <v>463</v>
      </c>
      <c r="D102" s="29">
        <v>779</v>
      </c>
    </row>
    <row r="103" spans="1:4" ht="18" customHeight="1" x14ac:dyDescent="0.2">
      <c r="A103" s="31">
        <v>80</v>
      </c>
      <c r="B103" s="27">
        <v>59</v>
      </c>
      <c r="C103" s="28">
        <v>86</v>
      </c>
      <c r="D103" s="29">
        <v>145</v>
      </c>
    </row>
    <row r="104" spans="1:4" ht="18" customHeight="1" x14ac:dyDescent="0.2">
      <c r="A104" s="31">
        <v>81</v>
      </c>
      <c r="B104" s="27">
        <v>35</v>
      </c>
      <c r="C104" s="28">
        <v>60</v>
      </c>
      <c r="D104" s="29">
        <v>95</v>
      </c>
    </row>
    <row r="105" spans="1:4" ht="18" customHeight="1" x14ac:dyDescent="0.2">
      <c r="A105" s="31">
        <v>82</v>
      </c>
      <c r="B105" s="27">
        <v>56</v>
      </c>
      <c r="C105" s="28">
        <v>58</v>
      </c>
      <c r="D105" s="29">
        <v>114</v>
      </c>
    </row>
    <row r="106" spans="1:4" ht="18" customHeight="1" x14ac:dyDescent="0.2">
      <c r="A106" s="31">
        <v>83</v>
      </c>
      <c r="B106" s="27">
        <v>45</v>
      </c>
      <c r="C106" s="28">
        <v>58</v>
      </c>
      <c r="D106" s="29">
        <v>103</v>
      </c>
    </row>
    <row r="107" spans="1:4" ht="18" customHeight="1" x14ac:dyDescent="0.2">
      <c r="A107" s="31">
        <v>84</v>
      </c>
      <c r="B107" s="27">
        <v>44</v>
      </c>
      <c r="C107" s="28">
        <v>66</v>
      </c>
      <c r="D107" s="29">
        <v>110</v>
      </c>
    </row>
    <row r="108" spans="1:4" ht="18" customHeight="1" x14ac:dyDescent="0.2">
      <c r="A108" s="31" t="s">
        <v>66</v>
      </c>
      <c r="B108" s="27">
        <v>239</v>
      </c>
      <c r="C108" s="28">
        <v>328</v>
      </c>
      <c r="D108" s="29">
        <v>567</v>
      </c>
    </row>
    <row r="109" spans="1:4" ht="18" customHeight="1" x14ac:dyDescent="0.2">
      <c r="A109" s="31">
        <v>85</v>
      </c>
      <c r="B109" s="27">
        <v>37</v>
      </c>
      <c r="C109" s="28">
        <v>74</v>
      </c>
      <c r="D109" s="29">
        <v>111</v>
      </c>
    </row>
    <row r="110" spans="1:4" ht="18" customHeight="1" x14ac:dyDescent="0.2">
      <c r="A110" s="31">
        <v>86</v>
      </c>
      <c r="B110" s="27">
        <v>32</v>
      </c>
      <c r="C110" s="28">
        <v>77</v>
      </c>
      <c r="D110" s="29">
        <v>109</v>
      </c>
    </row>
    <row r="111" spans="1:4" ht="18" customHeight="1" x14ac:dyDescent="0.2">
      <c r="A111" s="31">
        <v>87</v>
      </c>
      <c r="B111" s="27">
        <v>21</v>
      </c>
      <c r="C111" s="28">
        <v>49</v>
      </c>
      <c r="D111" s="29">
        <v>70</v>
      </c>
    </row>
    <row r="112" spans="1:4" ht="18" customHeight="1" x14ac:dyDescent="0.2">
      <c r="A112" s="31">
        <v>88</v>
      </c>
      <c r="B112" s="27">
        <v>24</v>
      </c>
      <c r="C112" s="28">
        <v>54</v>
      </c>
      <c r="D112" s="29">
        <v>78</v>
      </c>
    </row>
    <row r="113" spans="1:4" ht="18" customHeight="1" x14ac:dyDescent="0.2">
      <c r="A113" s="31">
        <v>89</v>
      </c>
      <c r="B113" s="27">
        <v>12</v>
      </c>
      <c r="C113" s="28">
        <v>56</v>
      </c>
      <c r="D113" s="29">
        <v>68</v>
      </c>
    </row>
    <row r="114" spans="1:4" ht="18" customHeight="1" x14ac:dyDescent="0.2">
      <c r="A114" s="31" t="s">
        <v>67</v>
      </c>
      <c r="B114" s="27">
        <v>126</v>
      </c>
      <c r="C114" s="28">
        <v>310</v>
      </c>
      <c r="D114" s="29">
        <v>436</v>
      </c>
    </row>
    <row r="115" spans="1:4" ht="18" customHeight="1" x14ac:dyDescent="0.2">
      <c r="A115" s="31">
        <v>90</v>
      </c>
      <c r="B115" s="27">
        <v>14</v>
      </c>
      <c r="C115" s="28">
        <v>49</v>
      </c>
      <c r="D115" s="29">
        <v>63</v>
      </c>
    </row>
    <row r="116" spans="1:4" ht="18" customHeight="1" x14ac:dyDescent="0.2">
      <c r="A116" s="31">
        <v>91</v>
      </c>
      <c r="B116" s="27">
        <v>10</v>
      </c>
      <c r="C116" s="28">
        <v>36</v>
      </c>
      <c r="D116" s="29">
        <v>46</v>
      </c>
    </row>
    <row r="117" spans="1:4" ht="18" customHeight="1" x14ac:dyDescent="0.2">
      <c r="A117" s="31">
        <v>92</v>
      </c>
      <c r="B117" s="27">
        <v>9</v>
      </c>
      <c r="C117" s="28">
        <v>27</v>
      </c>
      <c r="D117" s="29">
        <v>36</v>
      </c>
    </row>
    <row r="118" spans="1:4" ht="18" customHeight="1" x14ac:dyDescent="0.2">
      <c r="A118" s="31">
        <v>93</v>
      </c>
      <c r="B118" s="27">
        <v>5</v>
      </c>
      <c r="C118" s="28">
        <v>24</v>
      </c>
      <c r="D118" s="29">
        <v>29</v>
      </c>
    </row>
    <row r="119" spans="1:4" ht="18" customHeight="1" x14ac:dyDescent="0.2">
      <c r="A119" s="31">
        <v>94</v>
      </c>
      <c r="B119" s="27">
        <v>5</v>
      </c>
      <c r="C119" s="28">
        <v>11</v>
      </c>
      <c r="D119" s="29">
        <v>16</v>
      </c>
    </row>
    <row r="120" spans="1:4" ht="18" customHeight="1" x14ac:dyDescent="0.2">
      <c r="A120" s="31" t="s">
        <v>68</v>
      </c>
      <c r="B120" s="27">
        <v>43</v>
      </c>
      <c r="C120" s="28">
        <v>147</v>
      </c>
      <c r="D120" s="29">
        <v>190</v>
      </c>
    </row>
    <row r="121" spans="1:4" ht="18" customHeight="1" x14ac:dyDescent="0.2">
      <c r="A121" s="31">
        <v>95</v>
      </c>
      <c r="B121" s="27">
        <v>6</v>
      </c>
      <c r="C121" s="28">
        <v>17</v>
      </c>
      <c r="D121" s="29">
        <v>23</v>
      </c>
    </row>
    <row r="122" spans="1:4" ht="18" customHeight="1" x14ac:dyDescent="0.2">
      <c r="A122" s="31">
        <v>96</v>
      </c>
      <c r="B122" s="27">
        <v>1</v>
      </c>
      <c r="C122" s="28">
        <v>10</v>
      </c>
      <c r="D122" s="29">
        <v>11</v>
      </c>
    </row>
    <row r="123" spans="1:4" ht="18" customHeight="1" x14ac:dyDescent="0.2">
      <c r="A123" s="31">
        <v>97</v>
      </c>
      <c r="B123" s="27">
        <v>2</v>
      </c>
      <c r="C123" s="28">
        <v>8</v>
      </c>
      <c r="D123" s="29">
        <v>10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7</v>
      </c>
      <c r="D125" s="29">
        <v>7</v>
      </c>
    </row>
    <row r="126" spans="1:4" ht="18" customHeight="1" x14ac:dyDescent="0.2">
      <c r="A126" s="31" t="s">
        <v>69</v>
      </c>
      <c r="B126" s="27">
        <v>9</v>
      </c>
      <c r="C126" s="28">
        <v>45</v>
      </c>
      <c r="D126" s="29">
        <v>54</v>
      </c>
    </row>
    <row r="127" spans="1:4" ht="18" customHeight="1" x14ac:dyDescent="0.2">
      <c r="A127" s="31">
        <v>100</v>
      </c>
      <c r="B127" s="27">
        <v>1</v>
      </c>
      <c r="C127" s="28">
        <v>3</v>
      </c>
      <c r="D127" s="29">
        <v>4</v>
      </c>
    </row>
    <row r="128" spans="1:4" ht="18" customHeight="1" x14ac:dyDescent="0.2">
      <c r="A128" s="32" t="s">
        <v>70</v>
      </c>
      <c r="B128" s="27">
        <v>1</v>
      </c>
      <c r="C128" s="28">
        <v>6</v>
      </c>
      <c r="D128" s="29">
        <v>7</v>
      </c>
    </row>
    <row r="129" spans="1:4" ht="18" customHeight="1" x14ac:dyDescent="0.2">
      <c r="A129" s="31" t="s">
        <v>71</v>
      </c>
      <c r="B129" s="27">
        <v>2</v>
      </c>
      <c r="C129" s="28">
        <v>9</v>
      </c>
      <c r="D129" s="29">
        <v>11</v>
      </c>
    </row>
    <row r="130" spans="1:4" ht="18" customHeight="1" x14ac:dyDescent="0.2">
      <c r="A130" s="31" t="s">
        <v>72</v>
      </c>
      <c r="B130" s="4">
        <v>1534</v>
      </c>
      <c r="C130" s="5">
        <v>2190</v>
      </c>
      <c r="D130" s="6">
        <v>3724</v>
      </c>
    </row>
    <row r="131" spans="1:4" ht="18" customHeight="1" x14ac:dyDescent="0.2">
      <c r="A131" s="33" t="s">
        <v>47</v>
      </c>
      <c r="B131" s="7">
        <v>5568</v>
      </c>
      <c r="C131" s="8">
        <v>5919</v>
      </c>
      <c r="D131" s="9">
        <v>1148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6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9</v>
      </c>
      <c r="C5" s="37">
        <v>29</v>
      </c>
      <c r="D5" s="39">
        <v>68</v>
      </c>
    </row>
    <row r="6" spans="1:4" ht="18" customHeight="1" x14ac:dyDescent="0.2">
      <c r="A6" s="31">
        <v>1</v>
      </c>
      <c r="B6" s="35">
        <v>36</v>
      </c>
      <c r="C6" s="28">
        <v>40</v>
      </c>
      <c r="D6" s="29">
        <v>76</v>
      </c>
    </row>
    <row r="7" spans="1:4" ht="18" customHeight="1" x14ac:dyDescent="0.2">
      <c r="A7" s="31">
        <v>2</v>
      </c>
      <c r="B7" s="35">
        <v>33</v>
      </c>
      <c r="C7" s="28">
        <v>39</v>
      </c>
      <c r="D7" s="29">
        <v>72</v>
      </c>
    </row>
    <row r="8" spans="1:4" ht="18" customHeight="1" x14ac:dyDescent="0.2">
      <c r="A8" s="31">
        <v>3</v>
      </c>
      <c r="B8" s="35">
        <v>54</v>
      </c>
      <c r="C8" s="28">
        <v>25</v>
      </c>
      <c r="D8" s="29">
        <v>79</v>
      </c>
    </row>
    <row r="9" spans="1:4" ht="18" customHeight="1" x14ac:dyDescent="0.2">
      <c r="A9" s="31">
        <v>4</v>
      </c>
      <c r="B9" s="36">
        <v>33</v>
      </c>
      <c r="C9" s="38">
        <v>46</v>
      </c>
      <c r="D9" s="40">
        <v>79</v>
      </c>
    </row>
    <row r="10" spans="1:4" ht="18" customHeight="1" x14ac:dyDescent="0.2">
      <c r="A10" s="31" t="s">
        <v>48</v>
      </c>
      <c r="B10" s="27">
        <v>195</v>
      </c>
      <c r="C10" s="28">
        <v>179</v>
      </c>
      <c r="D10" s="29">
        <v>374</v>
      </c>
    </row>
    <row r="11" spans="1:4" ht="18" customHeight="1" x14ac:dyDescent="0.2">
      <c r="A11" s="31">
        <v>5</v>
      </c>
      <c r="B11" s="35">
        <v>28</v>
      </c>
      <c r="C11" s="28">
        <v>40</v>
      </c>
      <c r="D11" s="29">
        <v>68</v>
      </c>
    </row>
    <row r="12" spans="1:4" ht="18" customHeight="1" x14ac:dyDescent="0.2">
      <c r="A12" s="31">
        <v>6</v>
      </c>
      <c r="B12" s="35">
        <v>39</v>
      </c>
      <c r="C12" s="28">
        <v>36</v>
      </c>
      <c r="D12" s="29">
        <v>75</v>
      </c>
    </row>
    <row r="13" spans="1:4" ht="18" customHeight="1" x14ac:dyDescent="0.2">
      <c r="A13" s="31">
        <v>7</v>
      </c>
      <c r="B13" s="35">
        <v>40</v>
      </c>
      <c r="C13" s="28">
        <v>37</v>
      </c>
      <c r="D13" s="29">
        <v>77</v>
      </c>
    </row>
    <row r="14" spans="1:4" ht="18" customHeight="1" x14ac:dyDescent="0.2">
      <c r="A14" s="31">
        <v>8</v>
      </c>
      <c r="B14" s="35">
        <v>37</v>
      </c>
      <c r="C14" s="28">
        <v>27</v>
      </c>
      <c r="D14" s="29">
        <v>64</v>
      </c>
    </row>
    <row r="15" spans="1:4" ht="18" customHeight="1" x14ac:dyDescent="0.2">
      <c r="A15" s="31">
        <v>9</v>
      </c>
      <c r="B15" s="35">
        <v>41</v>
      </c>
      <c r="C15" s="28">
        <v>35</v>
      </c>
      <c r="D15" s="29">
        <v>76</v>
      </c>
    </row>
    <row r="16" spans="1:4" ht="18" customHeight="1" x14ac:dyDescent="0.2">
      <c r="A16" s="31" t="s">
        <v>49</v>
      </c>
      <c r="B16" s="27">
        <v>185</v>
      </c>
      <c r="C16" s="28">
        <v>175</v>
      </c>
      <c r="D16" s="29">
        <v>360</v>
      </c>
    </row>
    <row r="17" spans="1:4" ht="18" customHeight="1" x14ac:dyDescent="0.2">
      <c r="A17" s="31">
        <v>10</v>
      </c>
      <c r="B17" s="27">
        <v>38</v>
      </c>
      <c r="C17" s="28">
        <v>29</v>
      </c>
      <c r="D17" s="29">
        <v>67</v>
      </c>
    </row>
    <row r="18" spans="1:4" ht="18" customHeight="1" x14ac:dyDescent="0.2">
      <c r="A18" s="31">
        <v>11</v>
      </c>
      <c r="B18" s="27">
        <v>38</v>
      </c>
      <c r="C18" s="28">
        <v>37</v>
      </c>
      <c r="D18" s="29">
        <v>75</v>
      </c>
    </row>
    <row r="19" spans="1:4" ht="18" customHeight="1" x14ac:dyDescent="0.2">
      <c r="A19" s="31">
        <v>12</v>
      </c>
      <c r="B19" s="27">
        <v>46</v>
      </c>
      <c r="C19" s="28">
        <v>30</v>
      </c>
      <c r="D19" s="29">
        <v>76</v>
      </c>
    </row>
    <row r="20" spans="1:4" ht="18" customHeight="1" x14ac:dyDescent="0.2">
      <c r="A20" s="31">
        <v>13</v>
      </c>
      <c r="B20" s="27">
        <v>36</v>
      </c>
      <c r="C20" s="28">
        <v>31</v>
      </c>
      <c r="D20" s="29">
        <v>67</v>
      </c>
    </row>
    <row r="21" spans="1:4" ht="18" customHeight="1" x14ac:dyDescent="0.2">
      <c r="A21" s="31">
        <v>14</v>
      </c>
      <c r="B21" s="27">
        <v>37</v>
      </c>
      <c r="C21" s="28">
        <v>36</v>
      </c>
      <c r="D21" s="29">
        <v>73</v>
      </c>
    </row>
    <row r="22" spans="1:4" ht="18" customHeight="1" x14ac:dyDescent="0.2">
      <c r="A22" s="31" t="s">
        <v>50</v>
      </c>
      <c r="B22" s="27">
        <v>195</v>
      </c>
      <c r="C22" s="28">
        <v>163</v>
      </c>
      <c r="D22" s="29">
        <v>358</v>
      </c>
    </row>
    <row r="23" spans="1:4" ht="18" customHeight="1" x14ac:dyDescent="0.2">
      <c r="A23" s="31" t="s">
        <v>51</v>
      </c>
      <c r="B23" s="27">
        <v>575</v>
      </c>
      <c r="C23" s="28">
        <v>517</v>
      </c>
      <c r="D23" s="29">
        <v>1092</v>
      </c>
    </row>
    <row r="24" spans="1:4" ht="18" customHeight="1" x14ac:dyDescent="0.2">
      <c r="A24" s="31">
        <v>15</v>
      </c>
      <c r="B24" s="27">
        <v>37</v>
      </c>
      <c r="C24" s="28">
        <v>41</v>
      </c>
      <c r="D24" s="29">
        <v>78</v>
      </c>
    </row>
    <row r="25" spans="1:4" ht="18" customHeight="1" x14ac:dyDescent="0.2">
      <c r="A25" s="31">
        <v>16</v>
      </c>
      <c r="B25" s="27">
        <v>44</v>
      </c>
      <c r="C25" s="28">
        <v>37</v>
      </c>
      <c r="D25" s="29">
        <v>81</v>
      </c>
    </row>
    <row r="26" spans="1:4" ht="18" customHeight="1" x14ac:dyDescent="0.2">
      <c r="A26" s="31">
        <v>17</v>
      </c>
      <c r="B26" s="27">
        <v>39</v>
      </c>
      <c r="C26" s="28">
        <v>34</v>
      </c>
      <c r="D26" s="29">
        <v>73</v>
      </c>
    </row>
    <row r="27" spans="1:4" ht="18" customHeight="1" x14ac:dyDescent="0.2">
      <c r="A27" s="31">
        <v>18</v>
      </c>
      <c r="B27" s="27">
        <v>45</v>
      </c>
      <c r="C27" s="28">
        <v>43</v>
      </c>
      <c r="D27" s="29">
        <v>88</v>
      </c>
    </row>
    <row r="28" spans="1:4" ht="18" customHeight="1" x14ac:dyDescent="0.2">
      <c r="A28" s="31">
        <v>19</v>
      </c>
      <c r="B28" s="27">
        <v>34</v>
      </c>
      <c r="C28" s="28">
        <v>39</v>
      </c>
      <c r="D28" s="29">
        <v>73</v>
      </c>
    </row>
    <row r="29" spans="1:4" ht="18" customHeight="1" x14ac:dyDescent="0.2">
      <c r="A29" s="31" t="s">
        <v>52</v>
      </c>
      <c r="B29" s="27">
        <v>199</v>
      </c>
      <c r="C29" s="28">
        <v>194</v>
      </c>
      <c r="D29" s="29">
        <v>393</v>
      </c>
    </row>
    <row r="30" spans="1:4" ht="18" customHeight="1" x14ac:dyDescent="0.2">
      <c r="A30" s="31">
        <v>20</v>
      </c>
      <c r="B30" s="27">
        <v>39</v>
      </c>
      <c r="C30" s="28">
        <v>54</v>
      </c>
      <c r="D30" s="29">
        <v>93</v>
      </c>
    </row>
    <row r="31" spans="1:4" ht="18" customHeight="1" x14ac:dyDescent="0.2">
      <c r="A31" s="31">
        <v>21</v>
      </c>
      <c r="B31" s="27">
        <v>38</v>
      </c>
      <c r="C31" s="28">
        <v>33</v>
      </c>
      <c r="D31" s="29">
        <v>71</v>
      </c>
    </row>
    <row r="32" spans="1:4" ht="18" customHeight="1" x14ac:dyDescent="0.2">
      <c r="A32" s="31">
        <v>22</v>
      </c>
      <c r="B32" s="27">
        <v>33</v>
      </c>
      <c r="C32" s="28">
        <v>27</v>
      </c>
      <c r="D32" s="29">
        <v>60</v>
      </c>
    </row>
    <row r="33" spans="1:4" ht="18" customHeight="1" x14ac:dyDescent="0.2">
      <c r="A33" s="31">
        <v>23</v>
      </c>
      <c r="B33" s="27">
        <v>32</v>
      </c>
      <c r="C33" s="28">
        <v>33</v>
      </c>
      <c r="D33" s="29">
        <v>65</v>
      </c>
    </row>
    <row r="34" spans="1:4" ht="18" customHeight="1" x14ac:dyDescent="0.2">
      <c r="A34" s="31">
        <v>24</v>
      </c>
      <c r="B34" s="27">
        <v>45</v>
      </c>
      <c r="C34" s="28">
        <v>26</v>
      </c>
      <c r="D34" s="29">
        <v>71</v>
      </c>
    </row>
    <row r="35" spans="1:4" ht="18" customHeight="1" x14ac:dyDescent="0.2">
      <c r="A35" s="31" t="s">
        <v>53</v>
      </c>
      <c r="B35" s="27">
        <v>187</v>
      </c>
      <c r="C35" s="28">
        <v>173</v>
      </c>
      <c r="D35" s="29">
        <v>360</v>
      </c>
    </row>
    <row r="36" spans="1:4" ht="18" customHeight="1" x14ac:dyDescent="0.2">
      <c r="A36" s="31">
        <v>25</v>
      </c>
      <c r="B36" s="27">
        <v>40</v>
      </c>
      <c r="C36" s="28">
        <v>38</v>
      </c>
      <c r="D36" s="29">
        <v>78</v>
      </c>
    </row>
    <row r="37" spans="1:4" ht="18" customHeight="1" x14ac:dyDescent="0.2">
      <c r="A37" s="31">
        <v>26</v>
      </c>
      <c r="B37" s="27">
        <v>39</v>
      </c>
      <c r="C37" s="28">
        <v>32</v>
      </c>
      <c r="D37" s="29">
        <v>71</v>
      </c>
    </row>
    <row r="38" spans="1:4" ht="18" customHeight="1" x14ac:dyDescent="0.2">
      <c r="A38" s="31">
        <v>27</v>
      </c>
      <c r="B38" s="27">
        <v>34</v>
      </c>
      <c r="C38" s="28">
        <v>36</v>
      </c>
      <c r="D38" s="29">
        <v>70</v>
      </c>
    </row>
    <row r="39" spans="1:4" ht="18" customHeight="1" x14ac:dyDescent="0.2">
      <c r="A39" s="31">
        <v>28</v>
      </c>
      <c r="B39" s="27">
        <v>50</v>
      </c>
      <c r="C39" s="28">
        <v>46</v>
      </c>
      <c r="D39" s="29">
        <v>96</v>
      </c>
    </row>
    <row r="40" spans="1:4" ht="18" customHeight="1" x14ac:dyDescent="0.2">
      <c r="A40" s="31">
        <v>29</v>
      </c>
      <c r="B40" s="27">
        <v>39</v>
      </c>
      <c r="C40" s="28">
        <v>31</v>
      </c>
      <c r="D40" s="29">
        <v>70</v>
      </c>
    </row>
    <row r="41" spans="1:4" ht="18" customHeight="1" x14ac:dyDescent="0.2">
      <c r="A41" s="31" t="s">
        <v>54</v>
      </c>
      <c r="B41" s="27">
        <v>202</v>
      </c>
      <c r="C41" s="28">
        <v>183</v>
      </c>
      <c r="D41" s="29">
        <v>385</v>
      </c>
    </row>
    <row r="42" spans="1:4" ht="18" customHeight="1" x14ac:dyDescent="0.2">
      <c r="A42" s="31">
        <v>30</v>
      </c>
      <c r="B42" s="27">
        <v>39</v>
      </c>
      <c r="C42" s="28">
        <v>47</v>
      </c>
      <c r="D42" s="29">
        <v>86</v>
      </c>
    </row>
    <row r="43" spans="1:4" ht="18" customHeight="1" x14ac:dyDescent="0.2">
      <c r="A43" s="31">
        <v>31</v>
      </c>
      <c r="B43" s="27">
        <v>44</v>
      </c>
      <c r="C43" s="28">
        <v>43</v>
      </c>
      <c r="D43" s="29">
        <v>87</v>
      </c>
    </row>
    <row r="44" spans="1:4" ht="18" customHeight="1" x14ac:dyDescent="0.2">
      <c r="A44" s="31">
        <v>32</v>
      </c>
      <c r="B44" s="27">
        <v>46</v>
      </c>
      <c r="C44" s="28">
        <v>38</v>
      </c>
      <c r="D44" s="29">
        <v>84</v>
      </c>
    </row>
    <row r="45" spans="1:4" ht="18" customHeight="1" x14ac:dyDescent="0.2">
      <c r="A45" s="31">
        <v>33</v>
      </c>
      <c r="B45" s="27">
        <v>47</v>
      </c>
      <c r="C45" s="28">
        <v>44</v>
      </c>
      <c r="D45" s="29">
        <v>91</v>
      </c>
    </row>
    <row r="46" spans="1:4" ht="18" customHeight="1" x14ac:dyDescent="0.2">
      <c r="A46" s="31">
        <v>34</v>
      </c>
      <c r="B46" s="27">
        <v>54</v>
      </c>
      <c r="C46" s="28">
        <v>46</v>
      </c>
      <c r="D46" s="29">
        <v>100</v>
      </c>
    </row>
    <row r="47" spans="1:4" ht="18" customHeight="1" x14ac:dyDescent="0.2">
      <c r="A47" s="31" t="s">
        <v>55</v>
      </c>
      <c r="B47" s="27">
        <v>230</v>
      </c>
      <c r="C47" s="28">
        <v>218</v>
      </c>
      <c r="D47" s="29">
        <v>448</v>
      </c>
    </row>
    <row r="48" spans="1:4" ht="18" customHeight="1" x14ac:dyDescent="0.2">
      <c r="A48" s="31">
        <v>35</v>
      </c>
      <c r="B48" s="27">
        <v>60</v>
      </c>
      <c r="C48" s="28">
        <v>51</v>
      </c>
      <c r="D48" s="29">
        <v>111</v>
      </c>
    </row>
    <row r="49" spans="1:4" ht="18" customHeight="1" x14ac:dyDescent="0.2">
      <c r="A49" s="31">
        <v>36</v>
      </c>
      <c r="B49" s="27">
        <v>68</v>
      </c>
      <c r="C49" s="28">
        <v>47</v>
      </c>
      <c r="D49" s="29">
        <v>115</v>
      </c>
    </row>
    <row r="50" spans="1:4" ht="18" customHeight="1" x14ac:dyDescent="0.2">
      <c r="A50" s="31">
        <v>37</v>
      </c>
      <c r="B50" s="27">
        <v>50</v>
      </c>
      <c r="C50" s="28">
        <v>38</v>
      </c>
      <c r="D50" s="29">
        <v>88</v>
      </c>
    </row>
    <row r="51" spans="1:4" ht="18" customHeight="1" x14ac:dyDescent="0.2">
      <c r="A51" s="31">
        <v>38</v>
      </c>
      <c r="B51" s="27">
        <v>51</v>
      </c>
      <c r="C51" s="28">
        <v>59</v>
      </c>
      <c r="D51" s="29">
        <v>110</v>
      </c>
    </row>
    <row r="52" spans="1:4" ht="18" customHeight="1" x14ac:dyDescent="0.2">
      <c r="A52" s="31">
        <v>39</v>
      </c>
      <c r="B52" s="27">
        <v>40</v>
      </c>
      <c r="C52" s="28">
        <v>43</v>
      </c>
      <c r="D52" s="29">
        <v>83</v>
      </c>
    </row>
    <row r="53" spans="1:4" ht="18" customHeight="1" x14ac:dyDescent="0.2">
      <c r="A53" s="31" t="s">
        <v>56</v>
      </c>
      <c r="B53" s="27">
        <v>269</v>
      </c>
      <c r="C53" s="28">
        <v>238</v>
      </c>
      <c r="D53" s="29">
        <v>507</v>
      </c>
    </row>
    <row r="54" spans="1:4" ht="18" customHeight="1" x14ac:dyDescent="0.2">
      <c r="A54" s="31">
        <v>40</v>
      </c>
      <c r="B54" s="27">
        <v>53</v>
      </c>
      <c r="C54" s="28">
        <v>51</v>
      </c>
      <c r="D54" s="29">
        <v>104</v>
      </c>
    </row>
    <row r="55" spans="1:4" ht="18" customHeight="1" x14ac:dyDescent="0.2">
      <c r="A55" s="31">
        <v>41</v>
      </c>
      <c r="B55" s="27">
        <v>69</v>
      </c>
      <c r="C55" s="28">
        <v>53</v>
      </c>
      <c r="D55" s="29">
        <v>122</v>
      </c>
    </row>
    <row r="56" spans="1:4" ht="18" customHeight="1" x14ac:dyDescent="0.2">
      <c r="A56" s="31">
        <v>42</v>
      </c>
      <c r="B56" s="27">
        <v>56</v>
      </c>
      <c r="C56" s="28">
        <v>52</v>
      </c>
      <c r="D56" s="29">
        <v>108</v>
      </c>
    </row>
    <row r="57" spans="1:4" ht="18" customHeight="1" x14ac:dyDescent="0.2">
      <c r="A57" s="31">
        <v>43</v>
      </c>
      <c r="B57" s="27">
        <v>48</v>
      </c>
      <c r="C57" s="28">
        <v>53</v>
      </c>
      <c r="D57" s="29">
        <v>101</v>
      </c>
    </row>
    <row r="58" spans="1:4" ht="18" customHeight="1" x14ac:dyDescent="0.2">
      <c r="A58" s="31">
        <v>44</v>
      </c>
      <c r="B58" s="27">
        <v>77</v>
      </c>
      <c r="C58" s="28">
        <v>50</v>
      </c>
      <c r="D58" s="29">
        <v>127</v>
      </c>
    </row>
    <row r="59" spans="1:4" ht="18" customHeight="1" x14ac:dyDescent="0.2">
      <c r="A59" s="31" t="s">
        <v>57</v>
      </c>
      <c r="B59" s="27">
        <v>303</v>
      </c>
      <c r="C59" s="28">
        <v>259</v>
      </c>
      <c r="D59" s="29">
        <v>562</v>
      </c>
    </row>
    <row r="60" spans="1:4" ht="18" customHeight="1" x14ac:dyDescent="0.2">
      <c r="A60" s="31">
        <v>45</v>
      </c>
      <c r="B60" s="27">
        <v>59</v>
      </c>
      <c r="C60" s="28">
        <v>56</v>
      </c>
      <c r="D60" s="29">
        <v>115</v>
      </c>
    </row>
    <row r="61" spans="1:4" ht="18" customHeight="1" x14ac:dyDescent="0.2">
      <c r="A61" s="31">
        <v>46</v>
      </c>
      <c r="B61" s="27">
        <v>55</v>
      </c>
      <c r="C61" s="28">
        <v>73</v>
      </c>
      <c r="D61" s="29">
        <v>128</v>
      </c>
    </row>
    <row r="62" spans="1:4" ht="18" customHeight="1" x14ac:dyDescent="0.2">
      <c r="A62" s="31">
        <v>47</v>
      </c>
      <c r="B62" s="27">
        <v>76</v>
      </c>
      <c r="C62" s="28">
        <v>53</v>
      </c>
      <c r="D62" s="29">
        <v>129</v>
      </c>
    </row>
    <row r="63" spans="1:4" ht="18" customHeight="1" x14ac:dyDescent="0.2">
      <c r="A63" s="31">
        <v>48</v>
      </c>
      <c r="B63" s="27">
        <v>58</v>
      </c>
      <c r="C63" s="28">
        <v>48</v>
      </c>
      <c r="D63" s="29">
        <v>106</v>
      </c>
    </row>
    <row r="64" spans="1:4" ht="18" customHeight="1" x14ac:dyDescent="0.2">
      <c r="A64" s="31">
        <v>49</v>
      </c>
      <c r="B64" s="27">
        <v>49</v>
      </c>
      <c r="C64" s="28">
        <v>52</v>
      </c>
      <c r="D64" s="29">
        <v>101</v>
      </c>
    </row>
    <row r="65" spans="1:4" ht="18" customHeight="1" x14ac:dyDescent="0.2">
      <c r="A65" s="31" t="s">
        <v>58</v>
      </c>
      <c r="B65" s="27">
        <v>297</v>
      </c>
      <c r="C65" s="28">
        <v>282</v>
      </c>
      <c r="D65" s="29">
        <v>579</v>
      </c>
    </row>
    <row r="66" spans="1:4" ht="18" customHeight="1" x14ac:dyDescent="0.2">
      <c r="A66" s="31">
        <v>50</v>
      </c>
      <c r="B66" s="27">
        <v>41</v>
      </c>
      <c r="C66" s="28">
        <v>53</v>
      </c>
      <c r="D66" s="29">
        <v>94</v>
      </c>
    </row>
    <row r="67" spans="1:4" ht="18" customHeight="1" x14ac:dyDescent="0.2">
      <c r="A67" s="31">
        <v>51</v>
      </c>
      <c r="B67" s="27">
        <v>51</v>
      </c>
      <c r="C67" s="28">
        <v>48</v>
      </c>
      <c r="D67" s="29">
        <v>99</v>
      </c>
    </row>
    <row r="68" spans="1:4" ht="18" customHeight="1" x14ac:dyDescent="0.2">
      <c r="A68" s="31">
        <v>52</v>
      </c>
      <c r="B68" s="27">
        <v>56</v>
      </c>
      <c r="C68" s="28">
        <v>44</v>
      </c>
      <c r="D68" s="29">
        <v>100</v>
      </c>
    </row>
    <row r="69" spans="1:4" ht="18" customHeight="1" x14ac:dyDescent="0.2">
      <c r="A69" s="31">
        <v>53</v>
      </c>
      <c r="B69" s="27">
        <v>44</v>
      </c>
      <c r="C69" s="28">
        <v>60</v>
      </c>
      <c r="D69" s="29">
        <v>104</v>
      </c>
    </row>
    <row r="70" spans="1:4" ht="18" customHeight="1" x14ac:dyDescent="0.2">
      <c r="A70" s="31">
        <v>54</v>
      </c>
      <c r="B70" s="27">
        <v>43</v>
      </c>
      <c r="C70" s="28">
        <v>34</v>
      </c>
      <c r="D70" s="29">
        <v>77</v>
      </c>
    </row>
    <row r="71" spans="1:4" ht="18" customHeight="1" x14ac:dyDescent="0.2">
      <c r="A71" s="31" t="s">
        <v>59</v>
      </c>
      <c r="B71" s="27">
        <v>235</v>
      </c>
      <c r="C71" s="28">
        <v>239</v>
      </c>
      <c r="D71" s="29">
        <v>474</v>
      </c>
    </row>
    <row r="72" spans="1:4" ht="18" customHeight="1" x14ac:dyDescent="0.2">
      <c r="A72" s="31">
        <v>55</v>
      </c>
      <c r="B72" s="27">
        <v>48</v>
      </c>
      <c r="C72" s="28">
        <v>48</v>
      </c>
      <c r="D72" s="29">
        <v>96</v>
      </c>
    </row>
    <row r="73" spans="1:4" ht="18" customHeight="1" x14ac:dyDescent="0.2">
      <c r="A73" s="31">
        <v>56</v>
      </c>
      <c r="B73" s="27">
        <v>61</v>
      </c>
      <c r="C73" s="28">
        <v>51</v>
      </c>
      <c r="D73" s="29">
        <v>112</v>
      </c>
    </row>
    <row r="74" spans="1:4" ht="18" customHeight="1" x14ac:dyDescent="0.2">
      <c r="A74" s="31">
        <v>57</v>
      </c>
      <c r="B74" s="27">
        <v>45</v>
      </c>
      <c r="C74" s="28">
        <v>48</v>
      </c>
      <c r="D74" s="29">
        <v>93</v>
      </c>
    </row>
    <row r="75" spans="1:4" ht="18" customHeight="1" x14ac:dyDescent="0.2">
      <c r="A75" s="31">
        <v>58</v>
      </c>
      <c r="B75" s="27">
        <v>36</v>
      </c>
      <c r="C75" s="28">
        <v>34</v>
      </c>
      <c r="D75" s="29">
        <v>70</v>
      </c>
    </row>
    <row r="76" spans="1:4" ht="18" customHeight="1" x14ac:dyDescent="0.2">
      <c r="A76" s="31">
        <v>59</v>
      </c>
      <c r="B76" s="27">
        <v>38</v>
      </c>
      <c r="C76" s="28">
        <v>29</v>
      </c>
      <c r="D76" s="29">
        <v>67</v>
      </c>
    </row>
    <row r="77" spans="1:4" ht="18" customHeight="1" x14ac:dyDescent="0.2">
      <c r="A77" s="31" t="s">
        <v>60</v>
      </c>
      <c r="B77" s="27">
        <v>228</v>
      </c>
      <c r="C77" s="28">
        <v>210</v>
      </c>
      <c r="D77" s="29">
        <v>438</v>
      </c>
    </row>
    <row r="78" spans="1:4" ht="18" customHeight="1" x14ac:dyDescent="0.2">
      <c r="A78" s="31">
        <v>60</v>
      </c>
      <c r="B78" s="27">
        <v>38</v>
      </c>
      <c r="C78" s="28">
        <v>34</v>
      </c>
      <c r="D78" s="29">
        <v>72</v>
      </c>
    </row>
    <row r="79" spans="1:4" ht="18" customHeight="1" x14ac:dyDescent="0.2">
      <c r="A79" s="31">
        <v>61</v>
      </c>
      <c r="B79" s="27">
        <v>46</v>
      </c>
      <c r="C79" s="28">
        <v>40</v>
      </c>
      <c r="D79" s="29">
        <v>86</v>
      </c>
    </row>
    <row r="80" spans="1:4" ht="18" customHeight="1" x14ac:dyDescent="0.2">
      <c r="A80" s="31">
        <v>62</v>
      </c>
      <c r="B80" s="27">
        <v>48</v>
      </c>
      <c r="C80" s="28">
        <v>34</v>
      </c>
      <c r="D80" s="29">
        <v>82</v>
      </c>
    </row>
    <row r="81" spans="1:4" ht="18" customHeight="1" x14ac:dyDescent="0.2">
      <c r="A81" s="31">
        <v>63</v>
      </c>
      <c r="B81" s="27">
        <v>31</v>
      </c>
      <c r="C81" s="28">
        <v>44</v>
      </c>
      <c r="D81" s="29">
        <v>75</v>
      </c>
    </row>
    <row r="82" spans="1:4" ht="18" customHeight="1" x14ac:dyDescent="0.2">
      <c r="A82" s="31">
        <v>64</v>
      </c>
      <c r="B82" s="27">
        <v>35</v>
      </c>
      <c r="C82" s="28">
        <v>49</v>
      </c>
      <c r="D82" s="29">
        <v>84</v>
      </c>
    </row>
    <row r="83" spans="1:4" ht="18" customHeight="1" x14ac:dyDescent="0.2">
      <c r="A83" s="31" t="s">
        <v>61</v>
      </c>
      <c r="B83" s="27">
        <v>198</v>
      </c>
      <c r="C83" s="28">
        <v>201</v>
      </c>
      <c r="D83" s="29">
        <v>399</v>
      </c>
    </row>
    <row r="84" spans="1:4" ht="18" customHeight="1" x14ac:dyDescent="0.2">
      <c r="A84" s="31" t="s">
        <v>62</v>
      </c>
      <c r="B84" s="27">
        <v>2348</v>
      </c>
      <c r="C84" s="28">
        <v>2197</v>
      </c>
      <c r="D84" s="29">
        <v>4545</v>
      </c>
    </row>
    <row r="85" spans="1:4" ht="18" customHeight="1" x14ac:dyDescent="0.2">
      <c r="A85" s="31">
        <v>65</v>
      </c>
      <c r="B85" s="27">
        <v>47</v>
      </c>
      <c r="C85" s="28">
        <v>54</v>
      </c>
      <c r="D85" s="29">
        <v>101</v>
      </c>
    </row>
    <row r="86" spans="1:4" ht="18" customHeight="1" x14ac:dyDescent="0.2">
      <c r="A86" s="31">
        <v>66</v>
      </c>
      <c r="B86" s="27">
        <v>37</v>
      </c>
      <c r="C86" s="28">
        <v>49</v>
      </c>
      <c r="D86" s="29">
        <v>86</v>
      </c>
    </row>
    <row r="87" spans="1:4" ht="18" customHeight="1" x14ac:dyDescent="0.2">
      <c r="A87" s="31">
        <v>67</v>
      </c>
      <c r="B87" s="27">
        <v>39</v>
      </c>
      <c r="C87" s="28">
        <v>39</v>
      </c>
      <c r="D87" s="29">
        <v>78</v>
      </c>
    </row>
    <row r="88" spans="1:4" ht="18" customHeight="1" x14ac:dyDescent="0.2">
      <c r="A88" s="31">
        <v>68</v>
      </c>
      <c r="B88" s="27">
        <v>44</v>
      </c>
      <c r="C88" s="28">
        <v>42</v>
      </c>
      <c r="D88" s="29">
        <v>86</v>
      </c>
    </row>
    <row r="89" spans="1:4" ht="18" customHeight="1" x14ac:dyDescent="0.2">
      <c r="A89" s="31">
        <v>69</v>
      </c>
      <c r="B89" s="27">
        <v>53</v>
      </c>
      <c r="C89" s="28">
        <v>51</v>
      </c>
      <c r="D89" s="29">
        <v>104</v>
      </c>
    </row>
    <row r="90" spans="1:4" ht="18" customHeight="1" x14ac:dyDescent="0.2">
      <c r="A90" s="31" t="s">
        <v>63</v>
      </c>
      <c r="B90" s="27">
        <v>220</v>
      </c>
      <c r="C90" s="28">
        <v>235</v>
      </c>
      <c r="D90" s="29">
        <v>455</v>
      </c>
    </row>
    <row r="91" spans="1:4" ht="18" customHeight="1" x14ac:dyDescent="0.2">
      <c r="A91" s="31">
        <v>70</v>
      </c>
      <c r="B91" s="27">
        <v>55</v>
      </c>
      <c r="C91" s="28">
        <v>54</v>
      </c>
      <c r="D91" s="29">
        <v>109</v>
      </c>
    </row>
    <row r="92" spans="1:4" ht="18" customHeight="1" x14ac:dyDescent="0.2">
      <c r="A92" s="31">
        <v>71</v>
      </c>
      <c r="B92" s="27">
        <v>49</v>
      </c>
      <c r="C92" s="28">
        <v>66</v>
      </c>
      <c r="D92" s="29">
        <v>115</v>
      </c>
    </row>
    <row r="93" spans="1:4" ht="18" customHeight="1" x14ac:dyDescent="0.2">
      <c r="A93" s="31">
        <v>72</v>
      </c>
      <c r="B93" s="27">
        <v>54</v>
      </c>
      <c r="C93" s="28">
        <v>56</v>
      </c>
      <c r="D93" s="29">
        <v>110</v>
      </c>
    </row>
    <row r="94" spans="1:4" ht="18" customHeight="1" x14ac:dyDescent="0.2">
      <c r="A94" s="31">
        <v>73</v>
      </c>
      <c r="B94" s="27">
        <v>43</v>
      </c>
      <c r="C94" s="28">
        <v>47</v>
      </c>
      <c r="D94" s="29">
        <v>90</v>
      </c>
    </row>
    <row r="95" spans="1:4" ht="18" customHeight="1" x14ac:dyDescent="0.2">
      <c r="A95" s="31">
        <v>74</v>
      </c>
      <c r="B95" s="27">
        <v>20</v>
      </c>
      <c r="C95" s="28">
        <v>35</v>
      </c>
      <c r="D95" s="29">
        <v>55</v>
      </c>
    </row>
    <row r="96" spans="1:4" ht="18" customHeight="1" x14ac:dyDescent="0.2">
      <c r="A96" s="31" t="s">
        <v>64</v>
      </c>
      <c r="B96" s="27">
        <v>221</v>
      </c>
      <c r="C96" s="28">
        <v>258</v>
      </c>
      <c r="D96" s="29">
        <v>479</v>
      </c>
    </row>
    <row r="97" spans="1:4" ht="18" customHeight="1" x14ac:dyDescent="0.2">
      <c r="A97" s="31">
        <v>75</v>
      </c>
      <c r="B97" s="27">
        <v>38</v>
      </c>
      <c r="C97" s="28">
        <v>43</v>
      </c>
      <c r="D97" s="29">
        <v>81</v>
      </c>
    </row>
    <row r="98" spans="1:4" ht="18" customHeight="1" x14ac:dyDescent="0.2">
      <c r="A98" s="31">
        <v>76</v>
      </c>
      <c r="B98" s="27">
        <v>36</v>
      </c>
      <c r="C98" s="28">
        <v>47</v>
      </c>
      <c r="D98" s="29">
        <v>83</v>
      </c>
    </row>
    <row r="99" spans="1:4" ht="18" customHeight="1" x14ac:dyDescent="0.2">
      <c r="A99" s="31">
        <v>77</v>
      </c>
      <c r="B99" s="27">
        <v>33</v>
      </c>
      <c r="C99" s="28">
        <v>44</v>
      </c>
      <c r="D99" s="29">
        <v>77</v>
      </c>
    </row>
    <row r="100" spans="1:4" ht="18" customHeight="1" x14ac:dyDescent="0.2">
      <c r="A100" s="31">
        <v>78</v>
      </c>
      <c r="B100" s="27">
        <v>42</v>
      </c>
      <c r="C100" s="28">
        <v>50</v>
      </c>
      <c r="D100" s="29">
        <v>92</v>
      </c>
    </row>
    <row r="101" spans="1:4" ht="18" customHeight="1" x14ac:dyDescent="0.2">
      <c r="A101" s="31">
        <v>79</v>
      </c>
      <c r="B101" s="27">
        <v>26</v>
      </c>
      <c r="C101" s="28">
        <v>39</v>
      </c>
      <c r="D101" s="29">
        <v>65</v>
      </c>
    </row>
    <row r="102" spans="1:4" ht="18" customHeight="1" x14ac:dyDescent="0.2">
      <c r="A102" s="31" t="s">
        <v>65</v>
      </c>
      <c r="B102" s="27">
        <v>175</v>
      </c>
      <c r="C102" s="28">
        <v>223</v>
      </c>
      <c r="D102" s="29">
        <v>398</v>
      </c>
    </row>
    <row r="103" spans="1:4" ht="18" customHeight="1" x14ac:dyDescent="0.2">
      <c r="A103" s="31">
        <v>80</v>
      </c>
      <c r="B103" s="27">
        <v>31</v>
      </c>
      <c r="C103" s="28">
        <v>31</v>
      </c>
      <c r="D103" s="29">
        <v>62</v>
      </c>
    </row>
    <row r="104" spans="1:4" ht="18" customHeight="1" x14ac:dyDescent="0.2">
      <c r="A104" s="31">
        <v>81</v>
      </c>
      <c r="B104" s="27">
        <v>23</v>
      </c>
      <c r="C104" s="28">
        <v>20</v>
      </c>
      <c r="D104" s="29">
        <v>43</v>
      </c>
    </row>
    <row r="105" spans="1:4" ht="18" customHeight="1" x14ac:dyDescent="0.2">
      <c r="A105" s="31">
        <v>82</v>
      </c>
      <c r="B105" s="27">
        <v>28</v>
      </c>
      <c r="C105" s="28">
        <v>33</v>
      </c>
      <c r="D105" s="29">
        <v>61</v>
      </c>
    </row>
    <row r="106" spans="1:4" ht="18" customHeight="1" x14ac:dyDescent="0.2">
      <c r="A106" s="31">
        <v>83</v>
      </c>
      <c r="B106" s="27">
        <v>19</v>
      </c>
      <c r="C106" s="28">
        <v>36</v>
      </c>
      <c r="D106" s="29">
        <v>55</v>
      </c>
    </row>
    <row r="107" spans="1:4" ht="18" customHeight="1" x14ac:dyDescent="0.2">
      <c r="A107" s="31">
        <v>84</v>
      </c>
      <c r="B107" s="27">
        <v>20</v>
      </c>
      <c r="C107" s="28">
        <v>34</v>
      </c>
      <c r="D107" s="29">
        <v>54</v>
      </c>
    </row>
    <row r="108" spans="1:4" ht="18" customHeight="1" x14ac:dyDescent="0.2">
      <c r="A108" s="31" t="s">
        <v>66</v>
      </c>
      <c r="B108" s="27">
        <v>121</v>
      </c>
      <c r="C108" s="28">
        <v>154</v>
      </c>
      <c r="D108" s="29">
        <v>275</v>
      </c>
    </row>
    <row r="109" spans="1:4" ht="18" customHeight="1" x14ac:dyDescent="0.2">
      <c r="A109" s="31">
        <v>85</v>
      </c>
      <c r="B109" s="27">
        <v>17</v>
      </c>
      <c r="C109" s="28">
        <v>27</v>
      </c>
      <c r="D109" s="29">
        <v>44</v>
      </c>
    </row>
    <row r="110" spans="1:4" ht="18" customHeight="1" x14ac:dyDescent="0.2">
      <c r="A110" s="31">
        <v>86</v>
      </c>
      <c r="B110" s="27">
        <v>14</v>
      </c>
      <c r="C110" s="28">
        <v>26</v>
      </c>
      <c r="D110" s="29">
        <v>40</v>
      </c>
    </row>
    <row r="111" spans="1:4" ht="18" customHeight="1" x14ac:dyDescent="0.2">
      <c r="A111" s="31">
        <v>87</v>
      </c>
      <c r="B111" s="27">
        <v>11</v>
      </c>
      <c r="C111" s="28">
        <v>20</v>
      </c>
      <c r="D111" s="29">
        <v>31</v>
      </c>
    </row>
    <row r="112" spans="1:4" ht="18" customHeight="1" x14ac:dyDescent="0.2">
      <c r="A112" s="31">
        <v>88</v>
      </c>
      <c r="B112" s="27">
        <v>11</v>
      </c>
      <c r="C112" s="28">
        <v>24</v>
      </c>
      <c r="D112" s="29">
        <v>35</v>
      </c>
    </row>
    <row r="113" spans="1:4" ht="18" customHeight="1" x14ac:dyDescent="0.2">
      <c r="A113" s="31">
        <v>89</v>
      </c>
      <c r="B113" s="27">
        <v>5</v>
      </c>
      <c r="C113" s="28">
        <v>19</v>
      </c>
      <c r="D113" s="29">
        <v>24</v>
      </c>
    </row>
    <row r="114" spans="1:4" ht="18" customHeight="1" x14ac:dyDescent="0.2">
      <c r="A114" s="31" t="s">
        <v>67</v>
      </c>
      <c r="B114" s="27">
        <v>58</v>
      </c>
      <c r="C114" s="28">
        <v>116</v>
      </c>
      <c r="D114" s="29">
        <v>174</v>
      </c>
    </row>
    <row r="115" spans="1:4" ht="18" customHeight="1" x14ac:dyDescent="0.2">
      <c r="A115" s="31">
        <v>90</v>
      </c>
      <c r="B115" s="27">
        <v>11</v>
      </c>
      <c r="C115" s="28">
        <v>25</v>
      </c>
      <c r="D115" s="29">
        <v>36</v>
      </c>
    </row>
    <row r="116" spans="1:4" ht="18" customHeight="1" x14ac:dyDescent="0.2">
      <c r="A116" s="31">
        <v>91</v>
      </c>
      <c r="B116" s="27">
        <v>3</v>
      </c>
      <c r="C116" s="28">
        <v>19</v>
      </c>
      <c r="D116" s="29">
        <v>22</v>
      </c>
    </row>
    <row r="117" spans="1:4" ht="18" customHeight="1" x14ac:dyDescent="0.2">
      <c r="A117" s="31">
        <v>92</v>
      </c>
      <c r="B117" s="27">
        <v>5</v>
      </c>
      <c r="C117" s="28">
        <v>16</v>
      </c>
      <c r="D117" s="29">
        <v>21</v>
      </c>
    </row>
    <row r="118" spans="1:4" ht="18" customHeight="1" x14ac:dyDescent="0.2">
      <c r="A118" s="31">
        <v>93</v>
      </c>
      <c r="B118" s="27">
        <v>4</v>
      </c>
      <c r="C118" s="28">
        <v>9</v>
      </c>
      <c r="D118" s="29">
        <v>13</v>
      </c>
    </row>
    <row r="119" spans="1:4" ht="18" customHeight="1" x14ac:dyDescent="0.2">
      <c r="A119" s="31">
        <v>94</v>
      </c>
      <c r="B119" s="27">
        <v>1</v>
      </c>
      <c r="C119" s="28">
        <v>18</v>
      </c>
      <c r="D119" s="29">
        <v>19</v>
      </c>
    </row>
    <row r="120" spans="1:4" ht="18" customHeight="1" x14ac:dyDescent="0.2">
      <c r="A120" s="31" t="s">
        <v>68</v>
      </c>
      <c r="B120" s="27">
        <v>24</v>
      </c>
      <c r="C120" s="28">
        <v>87</v>
      </c>
      <c r="D120" s="29">
        <v>111</v>
      </c>
    </row>
    <row r="121" spans="1:4" ht="18" customHeight="1" x14ac:dyDescent="0.2">
      <c r="A121" s="31">
        <v>95</v>
      </c>
      <c r="B121" s="27">
        <v>0</v>
      </c>
      <c r="C121" s="28">
        <v>8</v>
      </c>
      <c r="D121" s="29">
        <v>8</v>
      </c>
    </row>
    <row r="122" spans="1:4" ht="18" customHeight="1" x14ac:dyDescent="0.2">
      <c r="A122" s="31">
        <v>96</v>
      </c>
      <c r="B122" s="27">
        <v>2</v>
      </c>
      <c r="C122" s="28">
        <v>5</v>
      </c>
      <c r="D122" s="29">
        <v>7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1</v>
      </c>
      <c r="C124" s="28">
        <v>3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3</v>
      </c>
      <c r="C126" s="28">
        <v>20</v>
      </c>
      <c r="D126" s="29">
        <v>23</v>
      </c>
    </row>
    <row r="127" spans="1:4" ht="18" customHeight="1" x14ac:dyDescent="0.2">
      <c r="A127" s="31">
        <v>100</v>
      </c>
      <c r="B127" s="27">
        <v>2</v>
      </c>
      <c r="C127" s="28">
        <v>1</v>
      </c>
      <c r="D127" s="29">
        <v>3</v>
      </c>
    </row>
    <row r="128" spans="1:4" ht="18" customHeight="1" x14ac:dyDescent="0.2">
      <c r="A128" s="32" t="s">
        <v>70</v>
      </c>
      <c r="B128" s="27">
        <v>0</v>
      </c>
      <c r="C128" s="28">
        <v>5</v>
      </c>
      <c r="D128" s="29">
        <v>5</v>
      </c>
    </row>
    <row r="129" spans="1:4" ht="18" customHeight="1" x14ac:dyDescent="0.2">
      <c r="A129" s="31" t="s">
        <v>71</v>
      </c>
      <c r="B129" s="27">
        <v>2</v>
      </c>
      <c r="C129" s="28">
        <v>6</v>
      </c>
      <c r="D129" s="29">
        <v>8</v>
      </c>
    </row>
    <row r="130" spans="1:4" ht="18" customHeight="1" x14ac:dyDescent="0.2">
      <c r="A130" s="31" t="s">
        <v>72</v>
      </c>
      <c r="B130" s="4">
        <v>824</v>
      </c>
      <c r="C130" s="5">
        <v>1099</v>
      </c>
      <c r="D130" s="6">
        <v>1923</v>
      </c>
    </row>
    <row r="131" spans="1:4" ht="18" customHeight="1" x14ac:dyDescent="0.2">
      <c r="A131" s="33" t="s">
        <v>47</v>
      </c>
      <c r="B131" s="7">
        <v>3747</v>
      </c>
      <c r="C131" s="8">
        <v>3813</v>
      </c>
      <c r="D131" s="9">
        <v>756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6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7</v>
      </c>
      <c r="C5" s="37">
        <v>49</v>
      </c>
      <c r="D5" s="39">
        <v>116</v>
      </c>
    </row>
    <row r="6" spans="1:4" ht="18" customHeight="1" x14ac:dyDescent="0.2">
      <c r="A6" s="31">
        <v>1</v>
      </c>
      <c r="B6" s="35">
        <v>78</v>
      </c>
      <c r="C6" s="28">
        <v>80</v>
      </c>
      <c r="D6" s="29">
        <v>158</v>
      </c>
    </row>
    <row r="7" spans="1:4" ht="18" customHeight="1" x14ac:dyDescent="0.2">
      <c r="A7" s="31">
        <v>2</v>
      </c>
      <c r="B7" s="35">
        <v>65</v>
      </c>
      <c r="C7" s="28">
        <v>65</v>
      </c>
      <c r="D7" s="29">
        <v>130</v>
      </c>
    </row>
    <row r="8" spans="1:4" ht="18" customHeight="1" x14ac:dyDescent="0.2">
      <c r="A8" s="31">
        <v>3</v>
      </c>
      <c r="B8" s="35">
        <v>89</v>
      </c>
      <c r="C8" s="28">
        <v>71</v>
      </c>
      <c r="D8" s="29">
        <v>160</v>
      </c>
    </row>
    <row r="9" spans="1:4" ht="18" customHeight="1" x14ac:dyDescent="0.2">
      <c r="A9" s="31">
        <v>4</v>
      </c>
      <c r="B9" s="36">
        <v>83</v>
      </c>
      <c r="C9" s="38">
        <v>81</v>
      </c>
      <c r="D9" s="40">
        <v>164</v>
      </c>
    </row>
    <row r="10" spans="1:4" ht="18" customHeight="1" x14ac:dyDescent="0.2">
      <c r="A10" s="31" t="s">
        <v>48</v>
      </c>
      <c r="B10" s="27">
        <v>382</v>
      </c>
      <c r="C10" s="28">
        <v>346</v>
      </c>
      <c r="D10" s="29">
        <v>728</v>
      </c>
    </row>
    <row r="11" spans="1:4" ht="18" customHeight="1" x14ac:dyDescent="0.2">
      <c r="A11" s="31">
        <v>5</v>
      </c>
      <c r="B11" s="35">
        <v>78</v>
      </c>
      <c r="C11" s="28">
        <v>72</v>
      </c>
      <c r="D11" s="29">
        <v>150</v>
      </c>
    </row>
    <row r="12" spans="1:4" ht="18" customHeight="1" x14ac:dyDescent="0.2">
      <c r="A12" s="31">
        <v>6</v>
      </c>
      <c r="B12" s="35">
        <v>71</v>
      </c>
      <c r="C12" s="28">
        <v>78</v>
      </c>
      <c r="D12" s="29">
        <v>149</v>
      </c>
    </row>
    <row r="13" spans="1:4" ht="18" customHeight="1" x14ac:dyDescent="0.2">
      <c r="A13" s="31">
        <v>7</v>
      </c>
      <c r="B13" s="35">
        <v>80</v>
      </c>
      <c r="C13" s="28">
        <v>73</v>
      </c>
      <c r="D13" s="29">
        <v>153</v>
      </c>
    </row>
    <row r="14" spans="1:4" ht="18" customHeight="1" x14ac:dyDescent="0.2">
      <c r="A14" s="31">
        <v>8</v>
      </c>
      <c r="B14" s="35">
        <v>80</v>
      </c>
      <c r="C14" s="28">
        <v>81</v>
      </c>
      <c r="D14" s="29">
        <v>161</v>
      </c>
    </row>
    <row r="15" spans="1:4" ht="18" customHeight="1" x14ac:dyDescent="0.2">
      <c r="A15" s="31">
        <v>9</v>
      </c>
      <c r="B15" s="35">
        <v>104</v>
      </c>
      <c r="C15" s="28">
        <v>75</v>
      </c>
      <c r="D15" s="29">
        <v>179</v>
      </c>
    </row>
    <row r="16" spans="1:4" ht="18" customHeight="1" x14ac:dyDescent="0.2">
      <c r="A16" s="31" t="s">
        <v>49</v>
      </c>
      <c r="B16" s="27">
        <v>413</v>
      </c>
      <c r="C16" s="28">
        <v>379</v>
      </c>
      <c r="D16" s="29">
        <v>792</v>
      </c>
    </row>
    <row r="17" spans="1:4" ht="18" customHeight="1" x14ac:dyDescent="0.2">
      <c r="A17" s="31">
        <v>10</v>
      </c>
      <c r="B17" s="27">
        <v>92</v>
      </c>
      <c r="C17" s="28">
        <v>74</v>
      </c>
      <c r="D17" s="29">
        <v>166</v>
      </c>
    </row>
    <row r="18" spans="1:4" ht="18" customHeight="1" x14ac:dyDescent="0.2">
      <c r="A18" s="31">
        <v>11</v>
      </c>
      <c r="B18" s="27">
        <v>94</v>
      </c>
      <c r="C18" s="28">
        <v>84</v>
      </c>
      <c r="D18" s="29">
        <v>178</v>
      </c>
    </row>
    <row r="19" spans="1:4" ht="18" customHeight="1" x14ac:dyDescent="0.2">
      <c r="A19" s="31">
        <v>12</v>
      </c>
      <c r="B19" s="27">
        <v>92</v>
      </c>
      <c r="C19" s="28">
        <v>84</v>
      </c>
      <c r="D19" s="29">
        <v>176</v>
      </c>
    </row>
    <row r="20" spans="1:4" ht="18" customHeight="1" x14ac:dyDescent="0.2">
      <c r="A20" s="31">
        <v>13</v>
      </c>
      <c r="B20" s="27">
        <v>75</v>
      </c>
      <c r="C20" s="28">
        <v>80</v>
      </c>
      <c r="D20" s="29">
        <v>155</v>
      </c>
    </row>
    <row r="21" spans="1:4" ht="18" customHeight="1" x14ac:dyDescent="0.2">
      <c r="A21" s="31">
        <v>14</v>
      </c>
      <c r="B21" s="27">
        <v>89</v>
      </c>
      <c r="C21" s="28">
        <v>100</v>
      </c>
      <c r="D21" s="29">
        <v>189</v>
      </c>
    </row>
    <row r="22" spans="1:4" ht="18" customHeight="1" x14ac:dyDescent="0.2">
      <c r="A22" s="31" t="s">
        <v>50</v>
      </c>
      <c r="B22" s="27">
        <v>442</v>
      </c>
      <c r="C22" s="28">
        <v>422</v>
      </c>
      <c r="D22" s="29">
        <v>864</v>
      </c>
    </row>
    <row r="23" spans="1:4" ht="18" customHeight="1" x14ac:dyDescent="0.2">
      <c r="A23" s="31" t="s">
        <v>51</v>
      </c>
      <c r="B23" s="27">
        <v>1237</v>
      </c>
      <c r="C23" s="28">
        <v>1147</v>
      </c>
      <c r="D23" s="29">
        <v>2384</v>
      </c>
    </row>
    <row r="24" spans="1:4" ht="18" customHeight="1" x14ac:dyDescent="0.2">
      <c r="A24" s="31">
        <v>15</v>
      </c>
      <c r="B24" s="27">
        <v>107</v>
      </c>
      <c r="C24" s="28">
        <v>88</v>
      </c>
      <c r="D24" s="29">
        <v>195</v>
      </c>
    </row>
    <row r="25" spans="1:4" ht="18" customHeight="1" x14ac:dyDescent="0.2">
      <c r="A25" s="31">
        <v>16</v>
      </c>
      <c r="B25" s="27">
        <v>108</v>
      </c>
      <c r="C25" s="28">
        <v>93</v>
      </c>
      <c r="D25" s="29">
        <v>201</v>
      </c>
    </row>
    <row r="26" spans="1:4" ht="18" customHeight="1" x14ac:dyDescent="0.2">
      <c r="A26" s="31">
        <v>17</v>
      </c>
      <c r="B26" s="27">
        <v>118</v>
      </c>
      <c r="C26" s="28">
        <v>95</v>
      </c>
      <c r="D26" s="29">
        <v>213</v>
      </c>
    </row>
    <row r="27" spans="1:4" ht="18" customHeight="1" x14ac:dyDescent="0.2">
      <c r="A27" s="31">
        <v>18</v>
      </c>
      <c r="B27" s="27">
        <v>120</v>
      </c>
      <c r="C27" s="28">
        <v>111</v>
      </c>
      <c r="D27" s="29">
        <v>231</v>
      </c>
    </row>
    <row r="28" spans="1:4" ht="18" customHeight="1" x14ac:dyDescent="0.2">
      <c r="A28" s="31">
        <v>19</v>
      </c>
      <c r="B28" s="27">
        <v>107</v>
      </c>
      <c r="C28" s="28">
        <v>116</v>
      </c>
      <c r="D28" s="29">
        <v>223</v>
      </c>
    </row>
    <row r="29" spans="1:4" ht="18" customHeight="1" x14ac:dyDescent="0.2">
      <c r="A29" s="31" t="s">
        <v>52</v>
      </c>
      <c r="B29" s="27">
        <v>560</v>
      </c>
      <c r="C29" s="28">
        <v>503</v>
      </c>
      <c r="D29" s="29">
        <v>1063</v>
      </c>
    </row>
    <row r="30" spans="1:4" ht="18" customHeight="1" x14ac:dyDescent="0.2">
      <c r="A30" s="31">
        <v>20</v>
      </c>
      <c r="B30" s="27">
        <v>106</v>
      </c>
      <c r="C30" s="28">
        <v>114</v>
      </c>
      <c r="D30" s="29">
        <v>220</v>
      </c>
    </row>
    <row r="31" spans="1:4" ht="18" customHeight="1" x14ac:dyDescent="0.2">
      <c r="A31" s="31">
        <v>21</v>
      </c>
      <c r="B31" s="27">
        <v>105</v>
      </c>
      <c r="C31" s="28">
        <v>119</v>
      </c>
      <c r="D31" s="29">
        <v>224</v>
      </c>
    </row>
    <row r="32" spans="1:4" ht="18" customHeight="1" x14ac:dyDescent="0.2">
      <c r="A32" s="31">
        <v>22</v>
      </c>
      <c r="B32" s="27">
        <v>109</v>
      </c>
      <c r="C32" s="28">
        <v>83</v>
      </c>
      <c r="D32" s="29">
        <v>192</v>
      </c>
    </row>
    <row r="33" spans="1:4" ht="18" customHeight="1" x14ac:dyDescent="0.2">
      <c r="A33" s="31">
        <v>23</v>
      </c>
      <c r="B33" s="27">
        <v>107</v>
      </c>
      <c r="C33" s="28">
        <v>77</v>
      </c>
      <c r="D33" s="29">
        <v>184</v>
      </c>
    </row>
    <row r="34" spans="1:4" ht="18" customHeight="1" x14ac:dyDescent="0.2">
      <c r="A34" s="31">
        <v>24</v>
      </c>
      <c r="B34" s="27">
        <v>118</v>
      </c>
      <c r="C34" s="28">
        <v>77</v>
      </c>
      <c r="D34" s="29">
        <v>195</v>
      </c>
    </row>
    <row r="35" spans="1:4" ht="18" customHeight="1" x14ac:dyDescent="0.2">
      <c r="A35" s="31" t="s">
        <v>53</v>
      </c>
      <c r="B35" s="27">
        <v>545</v>
      </c>
      <c r="C35" s="28">
        <v>470</v>
      </c>
      <c r="D35" s="29">
        <v>1015</v>
      </c>
    </row>
    <row r="36" spans="1:4" ht="18" customHeight="1" x14ac:dyDescent="0.2">
      <c r="A36" s="31">
        <v>25</v>
      </c>
      <c r="B36" s="27">
        <v>115</v>
      </c>
      <c r="C36" s="28">
        <v>101</v>
      </c>
      <c r="D36" s="29">
        <v>216</v>
      </c>
    </row>
    <row r="37" spans="1:4" ht="18" customHeight="1" x14ac:dyDescent="0.2">
      <c r="A37" s="31">
        <v>26</v>
      </c>
      <c r="B37" s="27">
        <v>103</v>
      </c>
      <c r="C37" s="28">
        <v>86</v>
      </c>
      <c r="D37" s="29">
        <v>189</v>
      </c>
    </row>
    <row r="38" spans="1:4" ht="18" customHeight="1" x14ac:dyDescent="0.2">
      <c r="A38" s="31">
        <v>27</v>
      </c>
      <c r="B38" s="27">
        <v>95</v>
      </c>
      <c r="C38" s="28">
        <v>83</v>
      </c>
      <c r="D38" s="29">
        <v>178</v>
      </c>
    </row>
    <row r="39" spans="1:4" ht="18" customHeight="1" x14ac:dyDescent="0.2">
      <c r="A39" s="31">
        <v>28</v>
      </c>
      <c r="B39" s="27">
        <v>122</v>
      </c>
      <c r="C39" s="28">
        <v>109</v>
      </c>
      <c r="D39" s="29">
        <v>231</v>
      </c>
    </row>
    <row r="40" spans="1:4" ht="18" customHeight="1" x14ac:dyDescent="0.2">
      <c r="A40" s="31">
        <v>29</v>
      </c>
      <c r="B40" s="27">
        <v>105</v>
      </c>
      <c r="C40" s="28">
        <v>68</v>
      </c>
      <c r="D40" s="29">
        <v>173</v>
      </c>
    </row>
    <row r="41" spans="1:4" ht="18" customHeight="1" x14ac:dyDescent="0.2">
      <c r="A41" s="31" t="s">
        <v>54</v>
      </c>
      <c r="B41" s="27">
        <v>540</v>
      </c>
      <c r="C41" s="28">
        <v>447</v>
      </c>
      <c r="D41" s="29">
        <v>987</v>
      </c>
    </row>
    <row r="42" spans="1:4" ht="18" customHeight="1" x14ac:dyDescent="0.2">
      <c r="A42" s="31">
        <v>30</v>
      </c>
      <c r="B42" s="27">
        <v>90</v>
      </c>
      <c r="C42" s="28">
        <v>111</v>
      </c>
      <c r="D42" s="29">
        <v>201</v>
      </c>
    </row>
    <row r="43" spans="1:4" ht="18" customHeight="1" x14ac:dyDescent="0.2">
      <c r="A43" s="31">
        <v>31</v>
      </c>
      <c r="B43" s="27">
        <v>127</v>
      </c>
      <c r="C43" s="28">
        <v>82</v>
      </c>
      <c r="D43" s="29">
        <v>209</v>
      </c>
    </row>
    <row r="44" spans="1:4" ht="18" customHeight="1" x14ac:dyDescent="0.2">
      <c r="A44" s="31">
        <v>32</v>
      </c>
      <c r="B44" s="27">
        <v>120</v>
      </c>
      <c r="C44" s="28">
        <v>111</v>
      </c>
      <c r="D44" s="29">
        <v>231</v>
      </c>
    </row>
    <row r="45" spans="1:4" ht="18" customHeight="1" x14ac:dyDescent="0.2">
      <c r="A45" s="31">
        <v>33</v>
      </c>
      <c r="B45" s="27">
        <v>108</v>
      </c>
      <c r="C45" s="28">
        <v>105</v>
      </c>
      <c r="D45" s="29">
        <v>213</v>
      </c>
    </row>
    <row r="46" spans="1:4" ht="18" customHeight="1" x14ac:dyDescent="0.2">
      <c r="A46" s="31">
        <v>34</v>
      </c>
      <c r="B46" s="27">
        <v>132</v>
      </c>
      <c r="C46" s="28">
        <v>122</v>
      </c>
      <c r="D46" s="29">
        <v>254</v>
      </c>
    </row>
    <row r="47" spans="1:4" ht="18" customHeight="1" x14ac:dyDescent="0.2">
      <c r="A47" s="31" t="s">
        <v>55</v>
      </c>
      <c r="B47" s="27">
        <v>577</v>
      </c>
      <c r="C47" s="28">
        <v>531</v>
      </c>
      <c r="D47" s="29">
        <v>1108</v>
      </c>
    </row>
    <row r="48" spans="1:4" ht="18" customHeight="1" x14ac:dyDescent="0.2">
      <c r="A48" s="31">
        <v>35</v>
      </c>
      <c r="B48" s="27">
        <v>140</v>
      </c>
      <c r="C48" s="28">
        <v>115</v>
      </c>
      <c r="D48" s="29">
        <v>255</v>
      </c>
    </row>
    <row r="49" spans="1:4" ht="18" customHeight="1" x14ac:dyDescent="0.2">
      <c r="A49" s="31">
        <v>36</v>
      </c>
      <c r="B49" s="27">
        <v>153</v>
      </c>
      <c r="C49" s="28">
        <v>102</v>
      </c>
      <c r="D49" s="29">
        <v>255</v>
      </c>
    </row>
    <row r="50" spans="1:4" ht="18" customHeight="1" x14ac:dyDescent="0.2">
      <c r="A50" s="31">
        <v>37</v>
      </c>
      <c r="B50" s="27">
        <v>128</v>
      </c>
      <c r="C50" s="28">
        <v>88</v>
      </c>
      <c r="D50" s="29">
        <v>216</v>
      </c>
    </row>
    <row r="51" spans="1:4" ht="18" customHeight="1" x14ac:dyDescent="0.2">
      <c r="A51" s="31">
        <v>38</v>
      </c>
      <c r="B51" s="27">
        <v>131</v>
      </c>
      <c r="C51" s="28">
        <v>143</v>
      </c>
      <c r="D51" s="29">
        <v>274</v>
      </c>
    </row>
    <row r="52" spans="1:4" ht="18" customHeight="1" x14ac:dyDescent="0.2">
      <c r="A52" s="31">
        <v>39</v>
      </c>
      <c r="B52" s="27">
        <v>105</v>
      </c>
      <c r="C52" s="28">
        <v>105</v>
      </c>
      <c r="D52" s="29">
        <v>210</v>
      </c>
    </row>
    <row r="53" spans="1:4" ht="18" customHeight="1" x14ac:dyDescent="0.2">
      <c r="A53" s="31" t="s">
        <v>56</v>
      </c>
      <c r="B53" s="27">
        <v>657</v>
      </c>
      <c r="C53" s="28">
        <v>553</v>
      </c>
      <c r="D53" s="29">
        <v>1210</v>
      </c>
    </row>
    <row r="54" spans="1:4" ht="18" customHeight="1" x14ac:dyDescent="0.2">
      <c r="A54" s="31">
        <v>40</v>
      </c>
      <c r="B54" s="27">
        <v>137</v>
      </c>
      <c r="C54" s="28">
        <v>110</v>
      </c>
      <c r="D54" s="29">
        <v>247</v>
      </c>
    </row>
    <row r="55" spans="1:4" ht="18" customHeight="1" x14ac:dyDescent="0.2">
      <c r="A55" s="31">
        <v>41</v>
      </c>
      <c r="B55" s="27">
        <v>138</v>
      </c>
      <c r="C55" s="28">
        <v>125</v>
      </c>
      <c r="D55" s="29">
        <v>263</v>
      </c>
    </row>
    <row r="56" spans="1:4" ht="18" customHeight="1" x14ac:dyDescent="0.2">
      <c r="A56" s="31">
        <v>42</v>
      </c>
      <c r="B56" s="27">
        <v>145</v>
      </c>
      <c r="C56" s="28">
        <v>130</v>
      </c>
      <c r="D56" s="29">
        <v>275</v>
      </c>
    </row>
    <row r="57" spans="1:4" ht="18" customHeight="1" x14ac:dyDescent="0.2">
      <c r="A57" s="31">
        <v>43</v>
      </c>
      <c r="B57" s="27">
        <v>136</v>
      </c>
      <c r="C57" s="28">
        <v>124</v>
      </c>
      <c r="D57" s="29">
        <v>260</v>
      </c>
    </row>
    <row r="58" spans="1:4" ht="18" customHeight="1" x14ac:dyDescent="0.2">
      <c r="A58" s="31">
        <v>44</v>
      </c>
      <c r="B58" s="27">
        <v>174</v>
      </c>
      <c r="C58" s="28">
        <v>138</v>
      </c>
      <c r="D58" s="29">
        <v>312</v>
      </c>
    </row>
    <row r="59" spans="1:4" ht="18" customHeight="1" x14ac:dyDescent="0.2">
      <c r="A59" s="31" t="s">
        <v>57</v>
      </c>
      <c r="B59" s="27">
        <v>730</v>
      </c>
      <c r="C59" s="28">
        <v>627</v>
      </c>
      <c r="D59" s="29">
        <v>1357</v>
      </c>
    </row>
    <row r="60" spans="1:4" ht="18" customHeight="1" x14ac:dyDescent="0.2">
      <c r="A60" s="31">
        <v>45</v>
      </c>
      <c r="B60" s="27">
        <v>152</v>
      </c>
      <c r="C60" s="28">
        <v>157</v>
      </c>
      <c r="D60" s="29">
        <v>309</v>
      </c>
    </row>
    <row r="61" spans="1:4" ht="18" customHeight="1" x14ac:dyDescent="0.2">
      <c r="A61" s="31">
        <v>46</v>
      </c>
      <c r="B61" s="27">
        <v>152</v>
      </c>
      <c r="C61" s="28">
        <v>152</v>
      </c>
      <c r="D61" s="29">
        <v>304</v>
      </c>
    </row>
    <row r="62" spans="1:4" ht="18" customHeight="1" x14ac:dyDescent="0.2">
      <c r="A62" s="31">
        <v>47</v>
      </c>
      <c r="B62" s="27">
        <v>186</v>
      </c>
      <c r="C62" s="28">
        <v>149</v>
      </c>
      <c r="D62" s="29">
        <v>335</v>
      </c>
    </row>
    <row r="63" spans="1:4" ht="18" customHeight="1" x14ac:dyDescent="0.2">
      <c r="A63" s="31">
        <v>48</v>
      </c>
      <c r="B63" s="27">
        <v>177</v>
      </c>
      <c r="C63" s="28">
        <v>151</v>
      </c>
      <c r="D63" s="29">
        <v>328</v>
      </c>
    </row>
    <row r="64" spans="1:4" ht="18" customHeight="1" x14ac:dyDescent="0.2">
      <c r="A64" s="31">
        <v>49</v>
      </c>
      <c r="B64" s="27">
        <v>159</v>
      </c>
      <c r="C64" s="28">
        <v>168</v>
      </c>
      <c r="D64" s="29">
        <v>327</v>
      </c>
    </row>
    <row r="65" spans="1:4" ht="18" customHeight="1" x14ac:dyDescent="0.2">
      <c r="A65" s="31" t="s">
        <v>58</v>
      </c>
      <c r="B65" s="27">
        <v>826</v>
      </c>
      <c r="C65" s="28">
        <v>777</v>
      </c>
      <c r="D65" s="29">
        <v>1603</v>
      </c>
    </row>
    <row r="66" spans="1:4" ht="18" customHeight="1" x14ac:dyDescent="0.2">
      <c r="A66" s="31">
        <v>50</v>
      </c>
      <c r="B66" s="27">
        <v>121</v>
      </c>
      <c r="C66" s="28">
        <v>137</v>
      </c>
      <c r="D66" s="29">
        <v>258</v>
      </c>
    </row>
    <row r="67" spans="1:4" ht="18" customHeight="1" x14ac:dyDescent="0.2">
      <c r="A67" s="31">
        <v>51</v>
      </c>
      <c r="B67" s="27">
        <v>153</v>
      </c>
      <c r="C67" s="28">
        <v>147</v>
      </c>
      <c r="D67" s="29">
        <v>300</v>
      </c>
    </row>
    <row r="68" spans="1:4" ht="18" customHeight="1" x14ac:dyDescent="0.2">
      <c r="A68" s="31">
        <v>52</v>
      </c>
      <c r="B68" s="27">
        <v>163</v>
      </c>
      <c r="C68" s="28">
        <v>133</v>
      </c>
      <c r="D68" s="29">
        <v>296</v>
      </c>
    </row>
    <row r="69" spans="1:4" ht="18" customHeight="1" x14ac:dyDescent="0.2">
      <c r="A69" s="31">
        <v>53</v>
      </c>
      <c r="B69" s="27">
        <v>143</v>
      </c>
      <c r="C69" s="28">
        <v>165</v>
      </c>
      <c r="D69" s="29">
        <v>308</v>
      </c>
    </row>
    <row r="70" spans="1:4" ht="18" customHeight="1" x14ac:dyDescent="0.2">
      <c r="A70" s="31">
        <v>54</v>
      </c>
      <c r="B70" s="27">
        <v>134</v>
      </c>
      <c r="C70" s="28">
        <v>124</v>
      </c>
      <c r="D70" s="29">
        <v>258</v>
      </c>
    </row>
    <row r="71" spans="1:4" ht="18" customHeight="1" x14ac:dyDescent="0.2">
      <c r="A71" s="31" t="s">
        <v>59</v>
      </c>
      <c r="B71" s="27">
        <v>714</v>
      </c>
      <c r="C71" s="28">
        <v>706</v>
      </c>
      <c r="D71" s="29">
        <v>1420</v>
      </c>
    </row>
    <row r="72" spans="1:4" ht="18" customHeight="1" x14ac:dyDescent="0.2">
      <c r="A72" s="31">
        <v>55</v>
      </c>
      <c r="B72" s="27">
        <v>132</v>
      </c>
      <c r="C72" s="28">
        <v>140</v>
      </c>
      <c r="D72" s="29">
        <v>272</v>
      </c>
    </row>
    <row r="73" spans="1:4" ht="18" customHeight="1" x14ac:dyDescent="0.2">
      <c r="A73" s="31">
        <v>56</v>
      </c>
      <c r="B73" s="27">
        <v>164</v>
      </c>
      <c r="C73" s="28">
        <v>133</v>
      </c>
      <c r="D73" s="29">
        <v>297</v>
      </c>
    </row>
    <row r="74" spans="1:4" ht="18" customHeight="1" x14ac:dyDescent="0.2">
      <c r="A74" s="31">
        <v>57</v>
      </c>
      <c r="B74" s="27">
        <v>158</v>
      </c>
      <c r="C74" s="28">
        <v>145</v>
      </c>
      <c r="D74" s="29">
        <v>303</v>
      </c>
    </row>
    <row r="75" spans="1:4" ht="18" customHeight="1" x14ac:dyDescent="0.2">
      <c r="A75" s="31">
        <v>58</v>
      </c>
      <c r="B75" s="27">
        <v>119</v>
      </c>
      <c r="C75" s="28">
        <v>122</v>
      </c>
      <c r="D75" s="29">
        <v>241</v>
      </c>
    </row>
    <row r="76" spans="1:4" ht="18" customHeight="1" x14ac:dyDescent="0.2">
      <c r="A76" s="31">
        <v>59</v>
      </c>
      <c r="B76" s="27">
        <v>130</v>
      </c>
      <c r="C76" s="28">
        <v>146</v>
      </c>
      <c r="D76" s="29">
        <v>276</v>
      </c>
    </row>
    <row r="77" spans="1:4" ht="18" customHeight="1" x14ac:dyDescent="0.2">
      <c r="A77" s="31" t="s">
        <v>60</v>
      </c>
      <c r="B77" s="27">
        <v>703</v>
      </c>
      <c r="C77" s="28">
        <v>686</v>
      </c>
      <c r="D77" s="29">
        <v>1389</v>
      </c>
    </row>
    <row r="78" spans="1:4" ht="18" customHeight="1" x14ac:dyDescent="0.2">
      <c r="A78" s="31">
        <v>60</v>
      </c>
      <c r="B78" s="27">
        <v>138</v>
      </c>
      <c r="C78" s="28">
        <v>139</v>
      </c>
      <c r="D78" s="29">
        <v>277</v>
      </c>
    </row>
    <row r="79" spans="1:4" ht="18" customHeight="1" x14ac:dyDescent="0.2">
      <c r="A79" s="31">
        <v>61</v>
      </c>
      <c r="B79" s="27">
        <v>148</v>
      </c>
      <c r="C79" s="28">
        <v>144</v>
      </c>
      <c r="D79" s="29">
        <v>292</v>
      </c>
    </row>
    <row r="80" spans="1:4" ht="18" customHeight="1" x14ac:dyDescent="0.2">
      <c r="A80" s="31">
        <v>62</v>
      </c>
      <c r="B80" s="27">
        <v>147</v>
      </c>
      <c r="C80" s="28">
        <v>138</v>
      </c>
      <c r="D80" s="29">
        <v>285</v>
      </c>
    </row>
    <row r="81" spans="1:4" ht="18" customHeight="1" x14ac:dyDescent="0.2">
      <c r="A81" s="31">
        <v>63</v>
      </c>
      <c r="B81" s="27">
        <v>134</v>
      </c>
      <c r="C81" s="28">
        <v>132</v>
      </c>
      <c r="D81" s="29">
        <v>266</v>
      </c>
    </row>
    <row r="82" spans="1:4" ht="18" customHeight="1" x14ac:dyDescent="0.2">
      <c r="A82" s="31">
        <v>64</v>
      </c>
      <c r="B82" s="27">
        <v>141</v>
      </c>
      <c r="C82" s="28">
        <v>151</v>
      </c>
      <c r="D82" s="29">
        <v>292</v>
      </c>
    </row>
    <row r="83" spans="1:4" ht="18" customHeight="1" x14ac:dyDescent="0.2">
      <c r="A83" s="31" t="s">
        <v>61</v>
      </c>
      <c r="B83" s="27">
        <v>708</v>
      </c>
      <c r="C83" s="28">
        <v>704</v>
      </c>
      <c r="D83" s="29">
        <v>1412</v>
      </c>
    </row>
    <row r="84" spans="1:4" ht="18" customHeight="1" x14ac:dyDescent="0.2">
      <c r="A84" s="31" t="s">
        <v>62</v>
      </c>
      <c r="B84" s="27">
        <v>6560</v>
      </c>
      <c r="C84" s="28">
        <v>6004</v>
      </c>
      <c r="D84" s="29">
        <v>12564</v>
      </c>
    </row>
    <row r="85" spans="1:4" ht="18" customHeight="1" x14ac:dyDescent="0.2">
      <c r="A85" s="31">
        <v>65</v>
      </c>
      <c r="B85" s="27">
        <v>152</v>
      </c>
      <c r="C85" s="28">
        <v>163</v>
      </c>
      <c r="D85" s="29">
        <v>315</v>
      </c>
    </row>
    <row r="86" spans="1:4" ht="18" customHeight="1" x14ac:dyDescent="0.2">
      <c r="A86" s="31">
        <v>66</v>
      </c>
      <c r="B86" s="27">
        <v>157</v>
      </c>
      <c r="C86" s="28">
        <v>150</v>
      </c>
      <c r="D86" s="29">
        <v>307</v>
      </c>
    </row>
    <row r="87" spans="1:4" ht="18" customHeight="1" x14ac:dyDescent="0.2">
      <c r="A87" s="31">
        <v>67</v>
      </c>
      <c r="B87" s="27">
        <v>140</v>
      </c>
      <c r="C87" s="28">
        <v>162</v>
      </c>
      <c r="D87" s="29">
        <v>302</v>
      </c>
    </row>
    <row r="88" spans="1:4" ht="18" customHeight="1" x14ac:dyDescent="0.2">
      <c r="A88" s="31">
        <v>68</v>
      </c>
      <c r="B88" s="27">
        <v>144</v>
      </c>
      <c r="C88" s="28">
        <v>138</v>
      </c>
      <c r="D88" s="29">
        <v>282</v>
      </c>
    </row>
    <row r="89" spans="1:4" ht="18" customHeight="1" x14ac:dyDescent="0.2">
      <c r="A89" s="31">
        <v>69</v>
      </c>
      <c r="B89" s="27">
        <v>178</v>
      </c>
      <c r="C89" s="28">
        <v>158</v>
      </c>
      <c r="D89" s="29">
        <v>336</v>
      </c>
    </row>
    <row r="90" spans="1:4" ht="18" customHeight="1" x14ac:dyDescent="0.2">
      <c r="A90" s="31" t="s">
        <v>63</v>
      </c>
      <c r="B90" s="27">
        <v>771</v>
      </c>
      <c r="C90" s="28">
        <v>771</v>
      </c>
      <c r="D90" s="29">
        <v>1542</v>
      </c>
    </row>
    <row r="91" spans="1:4" ht="18" customHeight="1" x14ac:dyDescent="0.2">
      <c r="A91" s="31">
        <v>70</v>
      </c>
      <c r="B91" s="27">
        <v>159</v>
      </c>
      <c r="C91" s="28">
        <v>169</v>
      </c>
      <c r="D91" s="29">
        <v>328</v>
      </c>
    </row>
    <row r="92" spans="1:4" ht="18" customHeight="1" x14ac:dyDescent="0.2">
      <c r="A92" s="31">
        <v>71</v>
      </c>
      <c r="B92" s="27">
        <v>174</v>
      </c>
      <c r="C92" s="28">
        <v>185</v>
      </c>
      <c r="D92" s="29">
        <v>359</v>
      </c>
    </row>
    <row r="93" spans="1:4" ht="18" customHeight="1" x14ac:dyDescent="0.2">
      <c r="A93" s="31">
        <v>72</v>
      </c>
      <c r="B93" s="27">
        <v>179</v>
      </c>
      <c r="C93" s="28">
        <v>204</v>
      </c>
      <c r="D93" s="29">
        <v>383</v>
      </c>
    </row>
    <row r="94" spans="1:4" ht="18" customHeight="1" x14ac:dyDescent="0.2">
      <c r="A94" s="31">
        <v>73</v>
      </c>
      <c r="B94" s="27">
        <v>167</v>
      </c>
      <c r="C94" s="28">
        <v>184</v>
      </c>
      <c r="D94" s="29">
        <v>351</v>
      </c>
    </row>
    <row r="95" spans="1:4" ht="18" customHeight="1" x14ac:dyDescent="0.2">
      <c r="A95" s="31">
        <v>74</v>
      </c>
      <c r="B95" s="27">
        <v>80</v>
      </c>
      <c r="C95" s="28">
        <v>105</v>
      </c>
      <c r="D95" s="29">
        <v>185</v>
      </c>
    </row>
    <row r="96" spans="1:4" ht="18" customHeight="1" x14ac:dyDescent="0.2">
      <c r="A96" s="31" t="s">
        <v>64</v>
      </c>
      <c r="B96" s="27">
        <v>759</v>
      </c>
      <c r="C96" s="28">
        <v>847</v>
      </c>
      <c r="D96" s="29">
        <v>1606</v>
      </c>
    </row>
    <row r="97" spans="1:4" ht="18" customHeight="1" x14ac:dyDescent="0.2">
      <c r="A97" s="31">
        <v>75</v>
      </c>
      <c r="B97" s="27">
        <v>111</v>
      </c>
      <c r="C97" s="28">
        <v>150</v>
      </c>
      <c r="D97" s="29">
        <v>261</v>
      </c>
    </row>
    <row r="98" spans="1:4" ht="18" customHeight="1" x14ac:dyDescent="0.2">
      <c r="A98" s="31">
        <v>76</v>
      </c>
      <c r="B98" s="27">
        <v>114</v>
      </c>
      <c r="C98" s="28">
        <v>165</v>
      </c>
      <c r="D98" s="29">
        <v>279</v>
      </c>
    </row>
    <row r="99" spans="1:4" ht="18" customHeight="1" x14ac:dyDescent="0.2">
      <c r="A99" s="31">
        <v>77</v>
      </c>
      <c r="B99" s="27">
        <v>98</v>
      </c>
      <c r="C99" s="28">
        <v>151</v>
      </c>
      <c r="D99" s="29">
        <v>249</v>
      </c>
    </row>
    <row r="100" spans="1:4" ht="18" customHeight="1" x14ac:dyDescent="0.2">
      <c r="A100" s="31">
        <v>78</v>
      </c>
      <c r="B100" s="27">
        <v>139</v>
      </c>
      <c r="C100" s="28">
        <v>176</v>
      </c>
      <c r="D100" s="29">
        <v>315</v>
      </c>
    </row>
    <row r="101" spans="1:4" ht="18" customHeight="1" x14ac:dyDescent="0.2">
      <c r="A101" s="31">
        <v>79</v>
      </c>
      <c r="B101" s="27">
        <v>101</v>
      </c>
      <c r="C101" s="28">
        <v>140</v>
      </c>
      <c r="D101" s="29">
        <v>241</v>
      </c>
    </row>
    <row r="102" spans="1:4" ht="18" customHeight="1" x14ac:dyDescent="0.2">
      <c r="A102" s="31" t="s">
        <v>65</v>
      </c>
      <c r="B102" s="27">
        <v>563</v>
      </c>
      <c r="C102" s="28">
        <v>782</v>
      </c>
      <c r="D102" s="29">
        <v>1345</v>
      </c>
    </row>
    <row r="103" spans="1:4" ht="18" customHeight="1" x14ac:dyDescent="0.2">
      <c r="A103" s="31">
        <v>80</v>
      </c>
      <c r="B103" s="27">
        <v>99</v>
      </c>
      <c r="C103" s="28">
        <v>129</v>
      </c>
      <c r="D103" s="29">
        <v>228</v>
      </c>
    </row>
    <row r="104" spans="1:4" ht="18" customHeight="1" x14ac:dyDescent="0.2">
      <c r="A104" s="31">
        <v>81</v>
      </c>
      <c r="B104" s="27">
        <v>76</v>
      </c>
      <c r="C104" s="28">
        <v>92</v>
      </c>
      <c r="D104" s="29">
        <v>168</v>
      </c>
    </row>
    <row r="105" spans="1:4" ht="18" customHeight="1" x14ac:dyDescent="0.2">
      <c r="A105" s="31">
        <v>82</v>
      </c>
      <c r="B105" s="27">
        <v>95</v>
      </c>
      <c r="C105" s="28">
        <v>111</v>
      </c>
      <c r="D105" s="29">
        <v>206</v>
      </c>
    </row>
    <row r="106" spans="1:4" ht="18" customHeight="1" x14ac:dyDescent="0.2">
      <c r="A106" s="31">
        <v>83</v>
      </c>
      <c r="B106" s="27">
        <v>76</v>
      </c>
      <c r="C106" s="28">
        <v>119</v>
      </c>
      <c r="D106" s="29">
        <v>195</v>
      </c>
    </row>
    <row r="107" spans="1:4" ht="18" customHeight="1" x14ac:dyDescent="0.2">
      <c r="A107" s="31">
        <v>84</v>
      </c>
      <c r="B107" s="27">
        <v>74</v>
      </c>
      <c r="C107" s="28">
        <v>127</v>
      </c>
      <c r="D107" s="29">
        <v>201</v>
      </c>
    </row>
    <row r="108" spans="1:4" ht="18" customHeight="1" x14ac:dyDescent="0.2">
      <c r="A108" s="31" t="s">
        <v>66</v>
      </c>
      <c r="B108" s="27">
        <v>420</v>
      </c>
      <c r="C108" s="28">
        <v>578</v>
      </c>
      <c r="D108" s="29">
        <v>998</v>
      </c>
    </row>
    <row r="109" spans="1:4" ht="18" customHeight="1" x14ac:dyDescent="0.2">
      <c r="A109" s="31">
        <v>85</v>
      </c>
      <c r="B109" s="27">
        <v>61</v>
      </c>
      <c r="C109" s="28">
        <v>120</v>
      </c>
      <c r="D109" s="29">
        <v>181</v>
      </c>
    </row>
    <row r="110" spans="1:4" ht="18" customHeight="1" x14ac:dyDescent="0.2">
      <c r="A110" s="31">
        <v>86</v>
      </c>
      <c r="B110" s="27">
        <v>54</v>
      </c>
      <c r="C110" s="28">
        <v>122</v>
      </c>
      <c r="D110" s="29">
        <v>176</v>
      </c>
    </row>
    <row r="111" spans="1:4" ht="18" customHeight="1" x14ac:dyDescent="0.2">
      <c r="A111" s="31">
        <v>87</v>
      </c>
      <c r="B111" s="27">
        <v>35</v>
      </c>
      <c r="C111" s="28">
        <v>89</v>
      </c>
      <c r="D111" s="29">
        <v>124</v>
      </c>
    </row>
    <row r="112" spans="1:4" ht="18" customHeight="1" x14ac:dyDescent="0.2">
      <c r="A112" s="31">
        <v>88</v>
      </c>
      <c r="B112" s="27">
        <v>44</v>
      </c>
      <c r="C112" s="28">
        <v>98</v>
      </c>
      <c r="D112" s="29">
        <v>142</v>
      </c>
    </row>
    <row r="113" spans="1:4" ht="18" customHeight="1" x14ac:dyDescent="0.2">
      <c r="A113" s="31">
        <v>89</v>
      </c>
      <c r="B113" s="27">
        <v>27</v>
      </c>
      <c r="C113" s="28">
        <v>97</v>
      </c>
      <c r="D113" s="29">
        <v>124</v>
      </c>
    </row>
    <row r="114" spans="1:4" ht="18" customHeight="1" x14ac:dyDescent="0.2">
      <c r="A114" s="31" t="s">
        <v>67</v>
      </c>
      <c r="B114" s="27">
        <v>221</v>
      </c>
      <c r="C114" s="28">
        <v>526</v>
      </c>
      <c r="D114" s="29">
        <v>747</v>
      </c>
    </row>
    <row r="115" spans="1:4" ht="18" customHeight="1" x14ac:dyDescent="0.2">
      <c r="A115" s="31">
        <v>90</v>
      </c>
      <c r="B115" s="27">
        <v>34</v>
      </c>
      <c r="C115" s="28">
        <v>93</v>
      </c>
      <c r="D115" s="29">
        <v>127</v>
      </c>
    </row>
    <row r="116" spans="1:4" ht="18" customHeight="1" x14ac:dyDescent="0.2">
      <c r="A116" s="31">
        <v>91</v>
      </c>
      <c r="B116" s="27">
        <v>17</v>
      </c>
      <c r="C116" s="28">
        <v>74</v>
      </c>
      <c r="D116" s="29">
        <v>91</v>
      </c>
    </row>
    <row r="117" spans="1:4" ht="18" customHeight="1" x14ac:dyDescent="0.2">
      <c r="A117" s="31">
        <v>92</v>
      </c>
      <c r="B117" s="27">
        <v>16</v>
      </c>
      <c r="C117" s="28">
        <v>53</v>
      </c>
      <c r="D117" s="29">
        <v>69</v>
      </c>
    </row>
    <row r="118" spans="1:4" ht="18" customHeight="1" x14ac:dyDescent="0.2">
      <c r="A118" s="31">
        <v>93</v>
      </c>
      <c r="B118" s="27">
        <v>13</v>
      </c>
      <c r="C118" s="28">
        <v>39</v>
      </c>
      <c r="D118" s="29">
        <v>52</v>
      </c>
    </row>
    <row r="119" spans="1:4" ht="18" customHeight="1" x14ac:dyDescent="0.2">
      <c r="A119" s="31">
        <v>94</v>
      </c>
      <c r="B119" s="27">
        <v>8</v>
      </c>
      <c r="C119" s="28">
        <v>41</v>
      </c>
      <c r="D119" s="29">
        <v>49</v>
      </c>
    </row>
    <row r="120" spans="1:4" ht="18" customHeight="1" x14ac:dyDescent="0.2">
      <c r="A120" s="31" t="s">
        <v>68</v>
      </c>
      <c r="B120" s="27">
        <v>88</v>
      </c>
      <c r="C120" s="28">
        <v>300</v>
      </c>
      <c r="D120" s="29">
        <v>388</v>
      </c>
    </row>
    <row r="121" spans="1:4" ht="18" customHeight="1" x14ac:dyDescent="0.2">
      <c r="A121" s="31">
        <v>95</v>
      </c>
      <c r="B121" s="27">
        <v>8</v>
      </c>
      <c r="C121" s="28">
        <v>29</v>
      </c>
      <c r="D121" s="29">
        <v>37</v>
      </c>
    </row>
    <row r="122" spans="1:4" ht="18" customHeight="1" x14ac:dyDescent="0.2">
      <c r="A122" s="31">
        <v>96</v>
      </c>
      <c r="B122" s="27">
        <v>4</v>
      </c>
      <c r="C122" s="28">
        <v>20</v>
      </c>
      <c r="D122" s="29">
        <v>24</v>
      </c>
    </row>
    <row r="123" spans="1:4" ht="18" customHeight="1" x14ac:dyDescent="0.2">
      <c r="A123" s="31">
        <v>97</v>
      </c>
      <c r="B123" s="27">
        <v>4</v>
      </c>
      <c r="C123" s="28">
        <v>16</v>
      </c>
      <c r="D123" s="29">
        <v>20</v>
      </c>
    </row>
    <row r="124" spans="1:4" ht="18" customHeight="1" x14ac:dyDescent="0.2">
      <c r="A124" s="31">
        <v>98</v>
      </c>
      <c r="B124" s="27">
        <v>1</v>
      </c>
      <c r="C124" s="28">
        <v>7</v>
      </c>
      <c r="D124" s="29">
        <v>8</v>
      </c>
    </row>
    <row r="125" spans="1:4" ht="18" customHeight="1" x14ac:dyDescent="0.2">
      <c r="A125" s="31">
        <v>99</v>
      </c>
      <c r="B125" s="27">
        <v>0</v>
      </c>
      <c r="C125" s="28">
        <v>8</v>
      </c>
      <c r="D125" s="29">
        <v>8</v>
      </c>
    </row>
    <row r="126" spans="1:4" ht="18" customHeight="1" x14ac:dyDescent="0.2">
      <c r="A126" s="31" t="s">
        <v>69</v>
      </c>
      <c r="B126" s="27">
        <v>17</v>
      </c>
      <c r="C126" s="28">
        <v>80</v>
      </c>
      <c r="D126" s="29">
        <v>97</v>
      </c>
    </row>
    <row r="127" spans="1:4" ht="18" customHeight="1" x14ac:dyDescent="0.2">
      <c r="A127" s="31">
        <v>100</v>
      </c>
      <c r="B127" s="27">
        <v>3</v>
      </c>
      <c r="C127" s="28">
        <v>5</v>
      </c>
      <c r="D127" s="29">
        <v>8</v>
      </c>
    </row>
    <row r="128" spans="1:4" ht="18" customHeight="1" x14ac:dyDescent="0.2">
      <c r="A128" s="32" t="s">
        <v>70</v>
      </c>
      <c r="B128" s="27">
        <v>2</v>
      </c>
      <c r="C128" s="28">
        <v>14</v>
      </c>
      <c r="D128" s="29">
        <v>16</v>
      </c>
    </row>
    <row r="129" spans="1:4" ht="18" customHeight="1" x14ac:dyDescent="0.2">
      <c r="A129" s="31" t="s">
        <v>71</v>
      </c>
      <c r="B129" s="27">
        <v>5</v>
      </c>
      <c r="C129" s="28">
        <v>19</v>
      </c>
      <c r="D129" s="29">
        <v>24</v>
      </c>
    </row>
    <row r="130" spans="1:4" ht="18" customHeight="1" x14ac:dyDescent="0.2">
      <c r="A130" s="31" t="s">
        <v>72</v>
      </c>
      <c r="B130" s="4">
        <v>2844</v>
      </c>
      <c r="C130" s="5">
        <v>3903</v>
      </c>
      <c r="D130" s="6">
        <v>6747</v>
      </c>
    </row>
    <row r="131" spans="1:4" ht="18" customHeight="1" x14ac:dyDescent="0.2">
      <c r="A131" s="33" t="s">
        <v>47</v>
      </c>
      <c r="B131" s="7">
        <v>10641</v>
      </c>
      <c r="C131" s="8">
        <v>11054</v>
      </c>
      <c r="D131" s="9">
        <v>2169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6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4" ht="18" customHeight="1" x14ac:dyDescent="0.2">
      <c r="A6" s="31">
        <v>1</v>
      </c>
      <c r="B6" s="35">
        <v>6</v>
      </c>
      <c r="C6" s="28">
        <v>7</v>
      </c>
      <c r="D6" s="29">
        <v>13</v>
      </c>
    </row>
    <row r="7" spans="1:4" ht="18" customHeight="1" x14ac:dyDescent="0.2">
      <c r="A7" s="31">
        <v>2</v>
      </c>
      <c r="B7" s="35">
        <v>8</v>
      </c>
      <c r="C7" s="28">
        <v>4</v>
      </c>
      <c r="D7" s="29">
        <v>12</v>
      </c>
    </row>
    <row r="8" spans="1:4" ht="18" customHeight="1" x14ac:dyDescent="0.2">
      <c r="A8" s="31">
        <v>3</v>
      </c>
      <c r="B8" s="35">
        <v>6</v>
      </c>
      <c r="C8" s="28">
        <v>6</v>
      </c>
      <c r="D8" s="29">
        <v>12</v>
      </c>
    </row>
    <row r="9" spans="1:4" ht="18" customHeight="1" x14ac:dyDescent="0.2">
      <c r="A9" s="31">
        <v>4</v>
      </c>
      <c r="B9" s="36">
        <v>10</v>
      </c>
      <c r="C9" s="38">
        <v>8</v>
      </c>
      <c r="D9" s="40">
        <v>18</v>
      </c>
    </row>
    <row r="10" spans="1:4" ht="18" customHeight="1" x14ac:dyDescent="0.2">
      <c r="A10" s="31" t="s">
        <v>48</v>
      </c>
      <c r="B10" s="27">
        <v>31</v>
      </c>
      <c r="C10" s="28">
        <v>26</v>
      </c>
      <c r="D10" s="29">
        <v>57</v>
      </c>
    </row>
    <row r="11" spans="1:4" ht="18" customHeight="1" x14ac:dyDescent="0.2">
      <c r="A11" s="31">
        <v>5</v>
      </c>
      <c r="B11" s="35">
        <v>8</v>
      </c>
      <c r="C11" s="28">
        <v>4</v>
      </c>
      <c r="D11" s="29">
        <v>12</v>
      </c>
    </row>
    <row r="12" spans="1:4" ht="18" customHeight="1" x14ac:dyDescent="0.2">
      <c r="A12" s="31">
        <v>6</v>
      </c>
      <c r="B12" s="35">
        <v>8</v>
      </c>
      <c r="C12" s="28">
        <v>5</v>
      </c>
      <c r="D12" s="29">
        <v>13</v>
      </c>
    </row>
    <row r="13" spans="1:4" ht="18" customHeight="1" x14ac:dyDescent="0.2">
      <c r="A13" s="31">
        <v>7</v>
      </c>
      <c r="B13" s="35">
        <v>5</v>
      </c>
      <c r="C13" s="28">
        <v>6</v>
      </c>
      <c r="D13" s="29">
        <v>11</v>
      </c>
    </row>
    <row r="14" spans="1:4" ht="18" customHeight="1" x14ac:dyDescent="0.2">
      <c r="A14" s="31">
        <v>8</v>
      </c>
      <c r="B14" s="35">
        <v>9</v>
      </c>
      <c r="C14" s="28">
        <v>11</v>
      </c>
      <c r="D14" s="29">
        <v>20</v>
      </c>
    </row>
    <row r="15" spans="1:4" ht="18" customHeight="1" x14ac:dyDescent="0.2">
      <c r="A15" s="31">
        <v>9</v>
      </c>
      <c r="B15" s="35">
        <v>7</v>
      </c>
      <c r="C15" s="28">
        <v>5</v>
      </c>
      <c r="D15" s="29">
        <v>12</v>
      </c>
    </row>
    <row r="16" spans="1:4" ht="18" customHeight="1" x14ac:dyDescent="0.2">
      <c r="A16" s="31" t="s">
        <v>49</v>
      </c>
      <c r="B16" s="27">
        <v>37</v>
      </c>
      <c r="C16" s="28">
        <v>31</v>
      </c>
      <c r="D16" s="29">
        <v>68</v>
      </c>
    </row>
    <row r="17" spans="1:4" ht="18" customHeight="1" x14ac:dyDescent="0.2">
      <c r="A17" s="31">
        <v>10</v>
      </c>
      <c r="B17" s="27">
        <v>10</v>
      </c>
      <c r="C17" s="28">
        <v>5</v>
      </c>
      <c r="D17" s="29">
        <v>15</v>
      </c>
    </row>
    <row r="18" spans="1:4" ht="18" customHeight="1" x14ac:dyDescent="0.2">
      <c r="A18" s="31">
        <v>11</v>
      </c>
      <c r="B18" s="27">
        <v>9</v>
      </c>
      <c r="C18" s="28">
        <v>4</v>
      </c>
      <c r="D18" s="29">
        <v>13</v>
      </c>
    </row>
    <row r="19" spans="1:4" ht="18" customHeight="1" x14ac:dyDescent="0.2">
      <c r="A19" s="31">
        <v>12</v>
      </c>
      <c r="B19" s="27">
        <v>6</v>
      </c>
      <c r="C19" s="28">
        <v>11</v>
      </c>
      <c r="D19" s="29">
        <v>17</v>
      </c>
    </row>
    <row r="20" spans="1:4" ht="18" customHeight="1" x14ac:dyDescent="0.2">
      <c r="A20" s="31">
        <v>13</v>
      </c>
      <c r="B20" s="27">
        <v>14</v>
      </c>
      <c r="C20" s="28">
        <v>6</v>
      </c>
      <c r="D20" s="29">
        <v>20</v>
      </c>
    </row>
    <row r="21" spans="1:4" ht="18" customHeight="1" x14ac:dyDescent="0.2">
      <c r="A21" s="31">
        <v>14</v>
      </c>
      <c r="B21" s="27">
        <v>13</v>
      </c>
      <c r="C21" s="28">
        <v>12</v>
      </c>
      <c r="D21" s="29">
        <v>25</v>
      </c>
    </row>
    <row r="22" spans="1:4" ht="18" customHeight="1" x14ac:dyDescent="0.2">
      <c r="A22" s="31" t="s">
        <v>50</v>
      </c>
      <c r="B22" s="27">
        <v>52</v>
      </c>
      <c r="C22" s="28">
        <v>38</v>
      </c>
      <c r="D22" s="29">
        <v>90</v>
      </c>
    </row>
    <row r="23" spans="1:4" ht="18" customHeight="1" x14ac:dyDescent="0.2">
      <c r="A23" s="31" t="s">
        <v>51</v>
      </c>
      <c r="B23" s="27">
        <v>120</v>
      </c>
      <c r="C23" s="28">
        <v>95</v>
      </c>
      <c r="D23" s="29">
        <v>215</v>
      </c>
    </row>
    <row r="24" spans="1:4" ht="18" customHeight="1" x14ac:dyDescent="0.2">
      <c r="A24" s="31">
        <v>15</v>
      </c>
      <c r="B24" s="27">
        <v>12</v>
      </c>
      <c r="C24" s="28">
        <v>11</v>
      </c>
      <c r="D24" s="29">
        <v>23</v>
      </c>
    </row>
    <row r="25" spans="1:4" ht="18" customHeight="1" x14ac:dyDescent="0.2">
      <c r="A25" s="31">
        <v>16</v>
      </c>
      <c r="B25" s="27">
        <v>13</v>
      </c>
      <c r="C25" s="28">
        <v>10</v>
      </c>
      <c r="D25" s="29">
        <v>23</v>
      </c>
    </row>
    <row r="26" spans="1:4" ht="18" customHeight="1" x14ac:dyDescent="0.2">
      <c r="A26" s="31">
        <v>17</v>
      </c>
      <c r="B26" s="27">
        <v>11</v>
      </c>
      <c r="C26" s="28">
        <v>17</v>
      </c>
      <c r="D26" s="29">
        <v>28</v>
      </c>
    </row>
    <row r="27" spans="1:4" ht="18" customHeight="1" x14ac:dyDescent="0.2">
      <c r="A27" s="31">
        <v>18</v>
      </c>
      <c r="B27" s="27">
        <v>9</v>
      </c>
      <c r="C27" s="28">
        <v>17</v>
      </c>
      <c r="D27" s="29">
        <v>26</v>
      </c>
    </row>
    <row r="28" spans="1:4" ht="18" customHeight="1" x14ac:dyDescent="0.2">
      <c r="A28" s="31">
        <v>19</v>
      </c>
      <c r="B28" s="27">
        <v>12</v>
      </c>
      <c r="C28" s="28">
        <v>9</v>
      </c>
      <c r="D28" s="29">
        <v>21</v>
      </c>
    </row>
    <row r="29" spans="1:4" ht="18" customHeight="1" x14ac:dyDescent="0.2">
      <c r="A29" s="31" t="s">
        <v>52</v>
      </c>
      <c r="B29" s="27">
        <v>57</v>
      </c>
      <c r="C29" s="28">
        <v>64</v>
      </c>
      <c r="D29" s="29">
        <v>121</v>
      </c>
    </row>
    <row r="30" spans="1:4" ht="18" customHeight="1" x14ac:dyDescent="0.2">
      <c r="A30" s="31">
        <v>20</v>
      </c>
      <c r="B30" s="27">
        <v>26</v>
      </c>
      <c r="C30" s="28">
        <v>17</v>
      </c>
      <c r="D30" s="29">
        <v>43</v>
      </c>
    </row>
    <row r="31" spans="1:4" ht="18" customHeight="1" x14ac:dyDescent="0.2">
      <c r="A31" s="31">
        <v>21</v>
      </c>
      <c r="B31" s="27">
        <v>17</v>
      </c>
      <c r="C31" s="28">
        <v>14</v>
      </c>
      <c r="D31" s="29">
        <v>31</v>
      </c>
    </row>
    <row r="32" spans="1:4" ht="18" customHeight="1" x14ac:dyDescent="0.2">
      <c r="A32" s="31">
        <v>22</v>
      </c>
      <c r="B32" s="27">
        <v>12</v>
      </c>
      <c r="C32" s="28">
        <v>12</v>
      </c>
      <c r="D32" s="29">
        <v>24</v>
      </c>
    </row>
    <row r="33" spans="1:4" ht="18" customHeight="1" x14ac:dyDescent="0.2">
      <c r="A33" s="31">
        <v>23</v>
      </c>
      <c r="B33" s="27">
        <v>16</v>
      </c>
      <c r="C33" s="28">
        <v>11</v>
      </c>
      <c r="D33" s="29">
        <v>27</v>
      </c>
    </row>
    <row r="34" spans="1:4" ht="18" customHeight="1" x14ac:dyDescent="0.2">
      <c r="A34" s="31">
        <v>24</v>
      </c>
      <c r="B34" s="27">
        <v>12</v>
      </c>
      <c r="C34" s="28">
        <v>11</v>
      </c>
      <c r="D34" s="29">
        <v>23</v>
      </c>
    </row>
    <row r="35" spans="1:4" ht="18" customHeight="1" x14ac:dyDescent="0.2">
      <c r="A35" s="31" t="s">
        <v>53</v>
      </c>
      <c r="B35" s="27">
        <v>83</v>
      </c>
      <c r="C35" s="28">
        <v>65</v>
      </c>
      <c r="D35" s="29">
        <v>148</v>
      </c>
    </row>
    <row r="36" spans="1:4" ht="18" customHeight="1" x14ac:dyDescent="0.2">
      <c r="A36" s="31">
        <v>25</v>
      </c>
      <c r="B36" s="27">
        <v>13</v>
      </c>
      <c r="C36" s="28">
        <v>9</v>
      </c>
      <c r="D36" s="29">
        <v>22</v>
      </c>
    </row>
    <row r="37" spans="1:4" ht="18" customHeight="1" x14ac:dyDescent="0.2">
      <c r="A37" s="31">
        <v>26</v>
      </c>
      <c r="B37" s="27">
        <v>14</v>
      </c>
      <c r="C37" s="28">
        <v>6</v>
      </c>
      <c r="D37" s="29">
        <v>20</v>
      </c>
    </row>
    <row r="38" spans="1:4" ht="18" customHeight="1" x14ac:dyDescent="0.2">
      <c r="A38" s="31">
        <v>27</v>
      </c>
      <c r="B38" s="27">
        <v>17</v>
      </c>
      <c r="C38" s="28">
        <v>14</v>
      </c>
      <c r="D38" s="29">
        <v>31</v>
      </c>
    </row>
    <row r="39" spans="1:4" ht="18" customHeight="1" x14ac:dyDescent="0.2">
      <c r="A39" s="31">
        <v>28</v>
      </c>
      <c r="B39" s="27">
        <v>6</v>
      </c>
      <c r="C39" s="28">
        <v>12</v>
      </c>
      <c r="D39" s="29">
        <v>18</v>
      </c>
    </row>
    <row r="40" spans="1:4" ht="18" customHeight="1" x14ac:dyDescent="0.2">
      <c r="A40" s="31">
        <v>29</v>
      </c>
      <c r="B40" s="27">
        <v>10</v>
      </c>
      <c r="C40" s="28">
        <v>5</v>
      </c>
      <c r="D40" s="29">
        <v>15</v>
      </c>
    </row>
    <row r="41" spans="1:4" ht="18" customHeight="1" x14ac:dyDescent="0.2">
      <c r="A41" s="31" t="s">
        <v>54</v>
      </c>
      <c r="B41" s="27">
        <v>60</v>
      </c>
      <c r="C41" s="28">
        <v>46</v>
      </c>
      <c r="D41" s="29">
        <v>106</v>
      </c>
    </row>
    <row r="42" spans="1:4" ht="18" customHeight="1" x14ac:dyDescent="0.2">
      <c r="A42" s="31">
        <v>30</v>
      </c>
      <c r="B42" s="27">
        <v>7</v>
      </c>
      <c r="C42" s="28">
        <v>5</v>
      </c>
      <c r="D42" s="29">
        <v>12</v>
      </c>
    </row>
    <row r="43" spans="1:4" ht="18" customHeight="1" x14ac:dyDescent="0.2">
      <c r="A43" s="31">
        <v>31</v>
      </c>
      <c r="B43" s="27">
        <v>9</v>
      </c>
      <c r="C43" s="28">
        <v>4</v>
      </c>
      <c r="D43" s="29">
        <v>13</v>
      </c>
    </row>
    <row r="44" spans="1:4" ht="18" customHeight="1" x14ac:dyDescent="0.2">
      <c r="A44" s="31">
        <v>32</v>
      </c>
      <c r="B44" s="27">
        <v>8</v>
      </c>
      <c r="C44" s="28">
        <v>5</v>
      </c>
      <c r="D44" s="29">
        <v>13</v>
      </c>
    </row>
    <row r="45" spans="1:4" ht="18" customHeight="1" x14ac:dyDescent="0.2">
      <c r="A45" s="31">
        <v>33</v>
      </c>
      <c r="B45" s="27">
        <v>10</v>
      </c>
      <c r="C45" s="28">
        <v>8</v>
      </c>
      <c r="D45" s="29">
        <v>18</v>
      </c>
    </row>
    <row r="46" spans="1:4" ht="18" customHeight="1" x14ac:dyDescent="0.2">
      <c r="A46" s="31">
        <v>34</v>
      </c>
      <c r="B46" s="27">
        <v>8</v>
      </c>
      <c r="C46" s="28">
        <v>9</v>
      </c>
      <c r="D46" s="29">
        <v>17</v>
      </c>
    </row>
    <row r="47" spans="1:4" ht="18" customHeight="1" x14ac:dyDescent="0.2">
      <c r="A47" s="31" t="s">
        <v>55</v>
      </c>
      <c r="B47" s="27">
        <v>42</v>
      </c>
      <c r="C47" s="28">
        <v>31</v>
      </c>
      <c r="D47" s="29">
        <v>73</v>
      </c>
    </row>
    <row r="48" spans="1:4" ht="18" customHeight="1" x14ac:dyDescent="0.2">
      <c r="A48" s="31">
        <v>35</v>
      </c>
      <c r="B48" s="27">
        <v>19</v>
      </c>
      <c r="C48" s="28">
        <v>11</v>
      </c>
      <c r="D48" s="29">
        <v>30</v>
      </c>
    </row>
    <row r="49" spans="1:4" ht="18" customHeight="1" x14ac:dyDescent="0.2">
      <c r="A49" s="31">
        <v>36</v>
      </c>
      <c r="B49" s="27">
        <v>16</v>
      </c>
      <c r="C49" s="28">
        <v>16</v>
      </c>
      <c r="D49" s="29">
        <v>32</v>
      </c>
    </row>
    <row r="50" spans="1:4" ht="18" customHeight="1" x14ac:dyDescent="0.2">
      <c r="A50" s="31">
        <v>37</v>
      </c>
      <c r="B50" s="27">
        <v>18</v>
      </c>
      <c r="C50" s="28">
        <v>12</v>
      </c>
      <c r="D50" s="29">
        <v>30</v>
      </c>
    </row>
    <row r="51" spans="1:4" ht="18" customHeight="1" x14ac:dyDescent="0.2">
      <c r="A51" s="31">
        <v>38</v>
      </c>
      <c r="B51" s="27">
        <v>7</v>
      </c>
      <c r="C51" s="28">
        <v>9</v>
      </c>
      <c r="D51" s="29">
        <v>16</v>
      </c>
    </row>
    <row r="52" spans="1:4" ht="18" customHeight="1" x14ac:dyDescent="0.2">
      <c r="A52" s="31">
        <v>39</v>
      </c>
      <c r="B52" s="27">
        <v>13</v>
      </c>
      <c r="C52" s="28">
        <v>10</v>
      </c>
      <c r="D52" s="29">
        <v>23</v>
      </c>
    </row>
    <row r="53" spans="1:4" ht="18" customHeight="1" x14ac:dyDescent="0.2">
      <c r="A53" s="31" t="s">
        <v>56</v>
      </c>
      <c r="B53" s="27">
        <v>73</v>
      </c>
      <c r="C53" s="28">
        <v>58</v>
      </c>
      <c r="D53" s="29">
        <v>131</v>
      </c>
    </row>
    <row r="54" spans="1:4" ht="18" customHeight="1" x14ac:dyDescent="0.2">
      <c r="A54" s="31">
        <v>40</v>
      </c>
      <c r="B54" s="27">
        <v>8</v>
      </c>
      <c r="C54" s="28">
        <v>11</v>
      </c>
      <c r="D54" s="29">
        <v>19</v>
      </c>
    </row>
    <row r="55" spans="1:4" ht="18" customHeight="1" x14ac:dyDescent="0.2">
      <c r="A55" s="31">
        <v>41</v>
      </c>
      <c r="B55" s="27">
        <v>13</v>
      </c>
      <c r="C55" s="28">
        <v>13</v>
      </c>
      <c r="D55" s="29">
        <v>26</v>
      </c>
    </row>
    <row r="56" spans="1:4" ht="18" customHeight="1" x14ac:dyDescent="0.2">
      <c r="A56" s="31">
        <v>42</v>
      </c>
      <c r="B56" s="27">
        <v>10</v>
      </c>
      <c r="C56" s="28">
        <v>18</v>
      </c>
      <c r="D56" s="29">
        <v>28</v>
      </c>
    </row>
    <row r="57" spans="1:4" ht="18" customHeight="1" x14ac:dyDescent="0.2">
      <c r="A57" s="31">
        <v>43</v>
      </c>
      <c r="B57" s="27">
        <v>17</v>
      </c>
      <c r="C57" s="28">
        <v>9</v>
      </c>
      <c r="D57" s="29">
        <v>26</v>
      </c>
    </row>
    <row r="58" spans="1:4" ht="18" customHeight="1" x14ac:dyDescent="0.2">
      <c r="A58" s="31">
        <v>44</v>
      </c>
      <c r="B58" s="27">
        <v>18</v>
      </c>
      <c r="C58" s="28">
        <v>18</v>
      </c>
      <c r="D58" s="29">
        <v>36</v>
      </c>
    </row>
    <row r="59" spans="1:4" ht="18" customHeight="1" x14ac:dyDescent="0.2">
      <c r="A59" s="31" t="s">
        <v>57</v>
      </c>
      <c r="B59" s="27">
        <v>66</v>
      </c>
      <c r="C59" s="28">
        <v>69</v>
      </c>
      <c r="D59" s="29">
        <v>135</v>
      </c>
    </row>
    <row r="60" spans="1:4" ht="18" customHeight="1" x14ac:dyDescent="0.2">
      <c r="A60" s="31">
        <v>45</v>
      </c>
      <c r="B60" s="27">
        <v>13</v>
      </c>
      <c r="C60" s="28">
        <v>17</v>
      </c>
      <c r="D60" s="29">
        <v>30</v>
      </c>
    </row>
    <row r="61" spans="1:4" ht="18" customHeight="1" x14ac:dyDescent="0.2">
      <c r="A61" s="31">
        <v>46</v>
      </c>
      <c r="B61" s="27">
        <v>16</v>
      </c>
      <c r="C61" s="28">
        <v>17</v>
      </c>
      <c r="D61" s="29">
        <v>33</v>
      </c>
    </row>
    <row r="62" spans="1:4" ht="18" customHeight="1" x14ac:dyDescent="0.2">
      <c r="A62" s="31">
        <v>47</v>
      </c>
      <c r="B62" s="27">
        <v>15</v>
      </c>
      <c r="C62" s="28">
        <v>27</v>
      </c>
      <c r="D62" s="29">
        <v>42</v>
      </c>
    </row>
    <row r="63" spans="1:4" ht="18" customHeight="1" x14ac:dyDescent="0.2">
      <c r="A63" s="31">
        <v>48</v>
      </c>
      <c r="B63" s="27">
        <v>28</v>
      </c>
      <c r="C63" s="28">
        <v>22</v>
      </c>
      <c r="D63" s="29">
        <v>50</v>
      </c>
    </row>
    <row r="64" spans="1:4" ht="18" customHeight="1" x14ac:dyDescent="0.2">
      <c r="A64" s="31">
        <v>49</v>
      </c>
      <c r="B64" s="27">
        <v>29</v>
      </c>
      <c r="C64" s="28">
        <v>17</v>
      </c>
      <c r="D64" s="29">
        <v>46</v>
      </c>
    </row>
    <row r="65" spans="1:4" ht="18" customHeight="1" x14ac:dyDescent="0.2">
      <c r="A65" s="31" t="s">
        <v>58</v>
      </c>
      <c r="B65" s="27">
        <v>101</v>
      </c>
      <c r="C65" s="28">
        <v>100</v>
      </c>
      <c r="D65" s="29">
        <v>201</v>
      </c>
    </row>
    <row r="66" spans="1:4" ht="18" customHeight="1" x14ac:dyDescent="0.2">
      <c r="A66" s="31">
        <v>50</v>
      </c>
      <c r="B66" s="27">
        <v>18</v>
      </c>
      <c r="C66" s="28">
        <v>23</v>
      </c>
      <c r="D66" s="29">
        <v>41</v>
      </c>
    </row>
    <row r="67" spans="1:4" ht="18" customHeight="1" x14ac:dyDescent="0.2">
      <c r="A67" s="31">
        <v>51</v>
      </c>
      <c r="B67" s="27">
        <v>17</v>
      </c>
      <c r="C67" s="28">
        <v>22</v>
      </c>
      <c r="D67" s="29">
        <v>39</v>
      </c>
    </row>
    <row r="68" spans="1:4" ht="18" customHeight="1" x14ac:dyDescent="0.2">
      <c r="A68" s="31">
        <v>52</v>
      </c>
      <c r="B68" s="27">
        <v>13</v>
      </c>
      <c r="C68" s="28">
        <v>17</v>
      </c>
      <c r="D68" s="29">
        <v>30</v>
      </c>
    </row>
    <row r="69" spans="1:4" ht="18" customHeight="1" x14ac:dyDescent="0.2">
      <c r="A69" s="31">
        <v>53</v>
      </c>
      <c r="B69" s="27">
        <v>16</v>
      </c>
      <c r="C69" s="28">
        <v>21</v>
      </c>
      <c r="D69" s="29">
        <v>37</v>
      </c>
    </row>
    <row r="70" spans="1:4" ht="18" customHeight="1" x14ac:dyDescent="0.2">
      <c r="A70" s="31">
        <v>54</v>
      </c>
      <c r="B70" s="27">
        <v>15</v>
      </c>
      <c r="C70" s="28">
        <v>7</v>
      </c>
      <c r="D70" s="29">
        <v>22</v>
      </c>
    </row>
    <row r="71" spans="1:4" ht="18" customHeight="1" x14ac:dyDescent="0.2">
      <c r="A71" s="31" t="s">
        <v>59</v>
      </c>
      <c r="B71" s="27">
        <v>79</v>
      </c>
      <c r="C71" s="28">
        <v>90</v>
      </c>
      <c r="D71" s="29">
        <v>169</v>
      </c>
    </row>
    <row r="72" spans="1:4" ht="18" customHeight="1" x14ac:dyDescent="0.2">
      <c r="A72" s="31">
        <v>55</v>
      </c>
      <c r="B72" s="27">
        <v>16</v>
      </c>
      <c r="C72" s="28">
        <v>19</v>
      </c>
      <c r="D72" s="29">
        <v>35</v>
      </c>
    </row>
    <row r="73" spans="1:4" ht="18" customHeight="1" x14ac:dyDescent="0.2">
      <c r="A73" s="31">
        <v>56</v>
      </c>
      <c r="B73" s="27">
        <v>19</v>
      </c>
      <c r="C73" s="28">
        <v>20</v>
      </c>
      <c r="D73" s="29">
        <v>39</v>
      </c>
    </row>
    <row r="74" spans="1:4" ht="18" customHeight="1" x14ac:dyDescent="0.2">
      <c r="A74" s="31">
        <v>57</v>
      </c>
      <c r="B74" s="27">
        <v>13</v>
      </c>
      <c r="C74" s="28">
        <v>10</v>
      </c>
      <c r="D74" s="29">
        <v>23</v>
      </c>
    </row>
    <row r="75" spans="1:4" ht="18" customHeight="1" x14ac:dyDescent="0.2">
      <c r="A75" s="31">
        <v>58</v>
      </c>
      <c r="B75" s="27">
        <v>19</v>
      </c>
      <c r="C75" s="28">
        <v>13</v>
      </c>
      <c r="D75" s="29">
        <v>32</v>
      </c>
    </row>
    <row r="76" spans="1:4" ht="18" customHeight="1" x14ac:dyDescent="0.2">
      <c r="A76" s="31">
        <v>59</v>
      </c>
      <c r="B76" s="27">
        <v>15</v>
      </c>
      <c r="C76" s="28">
        <v>12</v>
      </c>
      <c r="D76" s="29">
        <v>27</v>
      </c>
    </row>
    <row r="77" spans="1:4" ht="18" customHeight="1" x14ac:dyDescent="0.2">
      <c r="A77" s="31" t="s">
        <v>60</v>
      </c>
      <c r="B77" s="27">
        <v>82</v>
      </c>
      <c r="C77" s="28">
        <v>74</v>
      </c>
      <c r="D77" s="29">
        <v>156</v>
      </c>
    </row>
    <row r="78" spans="1:4" ht="18" customHeight="1" x14ac:dyDescent="0.2">
      <c r="A78" s="31">
        <v>60</v>
      </c>
      <c r="B78" s="27">
        <v>18</v>
      </c>
      <c r="C78" s="28">
        <v>12</v>
      </c>
      <c r="D78" s="29">
        <v>30</v>
      </c>
    </row>
    <row r="79" spans="1:4" ht="18" customHeight="1" x14ac:dyDescent="0.2">
      <c r="A79" s="31">
        <v>61</v>
      </c>
      <c r="B79" s="27">
        <v>18</v>
      </c>
      <c r="C79" s="28">
        <v>29</v>
      </c>
      <c r="D79" s="29">
        <v>47</v>
      </c>
    </row>
    <row r="80" spans="1:4" ht="18" customHeight="1" x14ac:dyDescent="0.2">
      <c r="A80" s="31">
        <v>62</v>
      </c>
      <c r="B80" s="27">
        <v>22</v>
      </c>
      <c r="C80" s="28">
        <v>16</v>
      </c>
      <c r="D80" s="29">
        <v>38</v>
      </c>
    </row>
    <row r="81" spans="1:4" ht="18" customHeight="1" x14ac:dyDescent="0.2">
      <c r="A81" s="31">
        <v>63</v>
      </c>
      <c r="B81" s="27">
        <v>20</v>
      </c>
      <c r="C81" s="28">
        <v>21</v>
      </c>
      <c r="D81" s="29">
        <v>41</v>
      </c>
    </row>
    <row r="82" spans="1:4" ht="18" customHeight="1" x14ac:dyDescent="0.2">
      <c r="A82" s="31">
        <v>64</v>
      </c>
      <c r="B82" s="27">
        <v>17</v>
      </c>
      <c r="C82" s="28">
        <v>20</v>
      </c>
      <c r="D82" s="29">
        <v>37</v>
      </c>
    </row>
    <row r="83" spans="1:4" ht="18" customHeight="1" x14ac:dyDescent="0.2">
      <c r="A83" s="31" t="s">
        <v>61</v>
      </c>
      <c r="B83" s="27">
        <v>95</v>
      </c>
      <c r="C83" s="28">
        <v>98</v>
      </c>
      <c r="D83" s="29">
        <v>193</v>
      </c>
    </row>
    <row r="84" spans="1:4" ht="18" customHeight="1" x14ac:dyDescent="0.2">
      <c r="A84" s="31" t="s">
        <v>62</v>
      </c>
      <c r="B84" s="27">
        <v>738</v>
      </c>
      <c r="C84" s="28">
        <v>695</v>
      </c>
      <c r="D84" s="29">
        <v>1433</v>
      </c>
    </row>
    <row r="85" spans="1:4" ht="18" customHeight="1" x14ac:dyDescent="0.2">
      <c r="A85" s="31">
        <v>65</v>
      </c>
      <c r="B85" s="27">
        <v>10</v>
      </c>
      <c r="C85" s="28">
        <v>16</v>
      </c>
      <c r="D85" s="29">
        <v>26</v>
      </c>
    </row>
    <row r="86" spans="1:4" ht="18" customHeight="1" x14ac:dyDescent="0.2">
      <c r="A86" s="31">
        <v>66</v>
      </c>
      <c r="B86" s="27">
        <v>11</v>
      </c>
      <c r="C86" s="28">
        <v>23</v>
      </c>
      <c r="D86" s="29">
        <v>34</v>
      </c>
    </row>
    <row r="87" spans="1:4" ht="18" customHeight="1" x14ac:dyDescent="0.2">
      <c r="A87" s="31">
        <v>67</v>
      </c>
      <c r="B87" s="27">
        <v>23</v>
      </c>
      <c r="C87" s="28">
        <v>30</v>
      </c>
      <c r="D87" s="29">
        <v>53</v>
      </c>
    </row>
    <row r="88" spans="1:4" ht="18" customHeight="1" x14ac:dyDescent="0.2">
      <c r="A88" s="31">
        <v>68</v>
      </c>
      <c r="B88" s="27">
        <v>26</v>
      </c>
      <c r="C88" s="28">
        <v>18</v>
      </c>
      <c r="D88" s="29">
        <v>44</v>
      </c>
    </row>
    <row r="89" spans="1:4" ht="18" customHeight="1" x14ac:dyDescent="0.2">
      <c r="A89" s="31">
        <v>69</v>
      </c>
      <c r="B89" s="27">
        <v>31</v>
      </c>
      <c r="C89" s="28">
        <v>32</v>
      </c>
      <c r="D89" s="29">
        <v>63</v>
      </c>
    </row>
    <row r="90" spans="1:4" ht="18" customHeight="1" x14ac:dyDescent="0.2">
      <c r="A90" s="31" t="s">
        <v>63</v>
      </c>
      <c r="B90" s="27">
        <v>101</v>
      </c>
      <c r="C90" s="28">
        <v>119</v>
      </c>
      <c r="D90" s="29">
        <v>220</v>
      </c>
    </row>
    <row r="91" spans="1:4" ht="18" customHeight="1" x14ac:dyDescent="0.2">
      <c r="A91" s="31">
        <v>70</v>
      </c>
      <c r="B91" s="27">
        <v>32</v>
      </c>
      <c r="C91" s="28">
        <v>38</v>
      </c>
      <c r="D91" s="29">
        <v>70</v>
      </c>
    </row>
    <row r="92" spans="1:4" ht="18" customHeight="1" x14ac:dyDescent="0.2">
      <c r="A92" s="31">
        <v>71</v>
      </c>
      <c r="B92" s="27">
        <v>27</v>
      </c>
      <c r="C92" s="28">
        <v>29</v>
      </c>
      <c r="D92" s="29">
        <v>56</v>
      </c>
    </row>
    <row r="93" spans="1:4" ht="18" customHeight="1" x14ac:dyDescent="0.2">
      <c r="A93" s="31">
        <v>72</v>
      </c>
      <c r="B93" s="27">
        <v>44</v>
      </c>
      <c r="C93" s="28">
        <v>25</v>
      </c>
      <c r="D93" s="29">
        <v>69</v>
      </c>
    </row>
    <row r="94" spans="1:4" ht="18" customHeight="1" x14ac:dyDescent="0.2">
      <c r="A94" s="31">
        <v>73</v>
      </c>
      <c r="B94" s="27">
        <v>29</v>
      </c>
      <c r="C94" s="28">
        <v>35</v>
      </c>
      <c r="D94" s="29">
        <v>64</v>
      </c>
    </row>
    <row r="95" spans="1:4" ht="18" customHeight="1" x14ac:dyDescent="0.2">
      <c r="A95" s="31">
        <v>74</v>
      </c>
      <c r="B95" s="27">
        <v>10</v>
      </c>
      <c r="C95" s="28">
        <v>15</v>
      </c>
      <c r="D95" s="29">
        <v>25</v>
      </c>
    </row>
    <row r="96" spans="1:4" ht="18" customHeight="1" x14ac:dyDescent="0.2">
      <c r="A96" s="31" t="s">
        <v>64</v>
      </c>
      <c r="B96" s="27">
        <v>142</v>
      </c>
      <c r="C96" s="28">
        <v>142</v>
      </c>
      <c r="D96" s="29">
        <v>284</v>
      </c>
    </row>
    <row r="97" spans="1:4" ht="18" customHeight="1" x14ac:dyDescent="0.2">
      <c r="A97" s="31">
        <v>75</v>
      </c>
      <c r="B97" s="27">
        <v>19</v>
      </c>
      <c r="C97" s="28">
        <v>22</v>
      </c>
      <c r="D97" s="29">
        <v>41</v>
      </c>
    </row>
    <row r="98" spans="1:4" ht="18" customHeight="1" x14ac:dyDescent="0.2">
      <c r="A98" s="31">
        <v>76</v>
      </c>
      <c r="B98" s="27">
        <v>18</v>
      </c>
      <c r="C98" s="28">
        <v>35</v>
      </c>
      <c r="D98" s="29">
        <v>53</v>
      </c>
    </row>
    <row r="99" spans="1:4" ht="18" customHeight="1" x14ac:dyDescent="0.2">
      <c r="A99" s="31">
        <v>77</v>
      </c>
      <c r="B99" s="27">
        <v>19</v>
      </c>
      <c r="C99" s="28">
        <v>31</v>
      </c>
      <c r="D99" s="29">
        <v>50</v>
      </c>
    </row>
    <row r="100" spans="1:4" ht="18" customHeight="1" x14ac:dyDescent="0.2">
      <c r="A100" s="31">
        <v>78</v>
      </c>
      <c r="B100" s="27">
        <v>19</v>
      </c>
      <c r="C100" s="28">
        <v>17</v>
      </c>
      <c r="D100" s="29">
        <v>36</v>
      </c>
    </row>
    <row r="101" spans="1:4" ht="18" customHeight="1" x14ac:dyDescent="0.2">
      <c r="A101" s="31">
        <v>79</v>
      </c>
      <c r="B101" s="27">
        <v>8</v>
      </c>
      <c r="C101" s="28">
        <v>25</v>
      </c>
      <c r="D101" s="29">
        <v>33</v>
      </c>
    </row>
    <row r="102" spans="1:4" ht="18" customHeight="1" x14ac:dyDescent="0.2">
      <c r="A102" s="31" t="s">
        <v>65</v>
      </c>
      <c r="B102" s="27">
        <v>83</v>
      </c>
      <c r="C102" s="28">
        <v>130</v>
      </c>
      <c r="D102" s="29">
        <v>213</v>
      </c>
    </row>
    <row r="103" spans="1:4" ht="18" customHeight="1" x14ac:dyDescent="0.2">
      <c r="A103" s="31">
        <v>80</v>
      </c>
      <c r="B103" s="27">
        <v>14</v>
      </c>
      <c r="C103" s="28">
        <v>17</v>
      </c>
      <c r="D103" s="29">
        <v>31</v>
      </c>
    </row>
    <row r="104" spans="1:4" ht="18" customHeight="1" x14ac:dyDescent="0.2">
      <c r="A104" s="31">
        <v>81</v>
      </c>
      <c r="B104" s="27">
        <v>13</v>
      </c>
      <c r="C104" s="28">
        <v>15</v>
      </c>
      <c r="D104" s="29">
        <v>28</v>
      </c>
    </row>
    <row r="105" spans="1:4" ht="18" customHeight="1" x14ac:dyDescent="0.2">
      <c r="A105" s="31">
        <v>82</v>
      </c>
      <c r="B105" s="27">
        <v>12</v>
      </c>
      <c r="C105" s="28">
        <v>27</v>
      </c>
      <c r="D105" s="29">
        <v>39</v>
      </c>
    </row>
    <row r="106" spans="1:4" ht="18" customHeight="1" x14ac:dyDescent="0.2">
      <c r="A106" s="31">
        <v>83</v>
      </c>
      <c r="B106" s="27">
        <v>15</v>
      </c>
      <c r="C106" s="28">
        <v>27</v>
      </c>
      <c r="D106" s="29">
        <v>42</v>
      </c>
    </row>
    <row r="107" spans="1:4" ht="18" customHeight="1" x14ac:dyDescent="0.2">
      <c r="A107" s="31">
        <v>84</v>
      </c>
      <c r="B107" s="27">
        <v>15</v>
      </c>
      <c r="C107" s="28">
        <v>19</v>
      </c>
      <c r="D107" s="29">
        <v>34</v>
      </c>
    </row>
    <row r="108" spans="1:4" ht="18" customHeight="1" x14ac:dyDescent="0.2">
      <c r="A108" s="31" t="s">
        <v>66</v>
      </c>
      <c r="B108" s="27">
        <v>69</v>
      </c>
      <c r="C108" s="28">
        <v>105</v>
      </c>
      <c r="D108" s="29">
        <v>174</v>
      </c>
    </row>
    <row r="109" spans="1:4" ht="18" customHeight="1" x14ac:dyDescent="0.2">
      <c r="A109" s="31">
        <v>85</v>
      </c>
      <c r="B109" s="27">
        <v>10</v>
      </c>
      <c r="C109" s="28">
        <v>20</v>
      </c>
      <c r="D109" s="29">
        <v>30</v>
      </c>
    </row>
    <row r="110" spans="1:4" ht="18" customHeight="1" x14ac:dyDescent="0.2">
      <c r="A110" s="31">
        <v>86</v>
      </c>
      <c r="B110" s="27">
        <v>13</v>
      </c>
      <c r="C110" s="28">
        <v>25</v>
      </c>
      <c r="D110" s="29">
        <v>38</v>
      </c>
    </row>
    <row r="111" spans="1:4" ht="18" customHeight="1" x14ac:dyDescent="0.2">
      <c r="A111" s="31">
        <v>87</v>
      </c>
      <c r="B111" s="27">
        <v>10</v>
      </c>
      <c r="C111" s="28">
        <v>11</v>
      </c>
      <c r="D111" s="29">
        <v>21</v>
      </c>
    </row>
    <row r="112" spans="1:4" ht="18" customHeight="1" x14ac:dyDescent="0.2">
      <c r="A112" s="31">
        <v>88</v>
      </c>
      <c r="B112" s="27">
        <v>3</v>
      </c>
      <c r="C112" s="28">
        <v>10</v>
      </c>
      <c r="D112" s="29">
        <v>13</v>
      </c>
    </row>
    <row r="113" spans="1:4" ht="18" customHeight="1" x14ac:dyDescent="0.2">
      <c r="A113" s="31">
        <v>89</v>
      </c>
      <c r="B113" s="27">
        <v>10</v>
      </c>
      <c r="C113" s="28">
        <v>12</v>
      </c>
      <c r="D113" s="29">
        <v>22</v>
      </c>
    </row>
    <row r="114" spans="1:4" ht="18" customHeight="1" x14ac:dyDescent="0.2">
      <c r="A114" s="31" t="s">
        <v>67</v>
      </c>
      <c r="B114" s="27">
        <v>46</v>
      </c>
      <c r="C114" s="28">
        <v>78</v>
      </c>
      <c r="D114" s="29">
        <v>124</v>
      </c>
    </row>
    <row r="115" spans="1:4" ht="18" customHeight="1" x14ac:dyDescent="0.2">
      <c r="A115" s="31">
        <v>90</v>
      </c>
      <c r="B115" s="27">
        <v>2</v>
      </c>
      <c r="C115" s="28">
        <v>10</v>
      </c>
      <c r="D115" s="29">
        <v>12</v>
      </c>
    </row>
    <row r="116" spans="1:4" ht="18" customHeight="1" x14ac:dyDescent="0.2">
      <c r="A116" s="31">
        <v>91</v>
      </c>
      <c r="B116" s="27">
        <v>0</v>
      </c>
      <c r="C116" s="28">
        <v>6</v>
      </c>
      <c r="D116" s="29">
        <v>6</v>
      </c>
    </row>
    <row r="117" spans="1:4" ht="18" customHeight="1" x14ac:dyDescent="0.2">
      <c r="A117" s="31">
        <v>92</v>
      </c>
      <c r="B117" s="27">
        <v>1</v>
      </c>
      <c r="C117" s="28">
        <v>9</v>
      </c>
      <c r="D117" s="29">
        <v>10</v>
      </c>
    </row>
    <row r="118" spans="1:4" ht="18" customHeight="1" x14ac:dyDescent="0.2">
      <c r="A118" s="31">
        <v>93</v>
      </c>
      <c r="B118" s="27">
        <v>1</v>
      </c>
      <c r="C118" s="28">
        <v>6</v>
      </c>
      <c r="D118" s="29">
        <v>7</v>
      </c>
    </row>
    <row r="119" spans="1:4" ht="18" customHeight="1" x14ac:dyDescent="0.2">
      <c r="A119" s="31">
        <v>94</v>
      </c>
      <c r="B119" s="27">
        <v>1</v>
      </c>
      <c r="C119" s="28">
        <v>5</v>
      </c>
      <c r="D119" s="29">
        <v>6</v>
      </c>
    </row>
    <row r="120" spans="1:4" ht="18" customHeight="1" x14ac:dyDescent="0.2">
      <c r="A120" s="31" t="s">
        <v>68</v>
      </c>
      <c r="B120" s="27">
        <v>5</v>
      </c>
      <c r="C120" s="28">
        <v>36</v>
      </c>
      <c r="D120" s="29">
        <v>41</v>
      </c>
    </row>
    <row r="121" spans="1:4" ht="18" customHeight="1" x14ac:dyDescent="0.2">
      <c r="A121" s="31">
        <v>95</v>
      </c>
      <c r="B121" s="27">
        <v>1</v>
      </c>
      <c r="C121" s="28">
        <v>8</v>
      </c>
      <c r="D121" s="29">
        <v>9</v>
      </c>
    </row>
    <row r="122" spans="1:4" ht="18" customHeight="1" x14ac:dyDescent="0.2">
      <c r="A122" s="31">
        <v>96</v>
      </c>
      <c r="B122" s="27">
        <v>1</v>
      </c>
      <c r="C122" s="28">
        <v>6</v>
      </c>
      <c r="D122" s="29">
        <v>7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19</v>
      </c>
      <c r="D126" s="29">
        <v>21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448</v>
      </c>
      <c r="C130" s="5">
        <v>630</v>
      </c>
      <c r="D130" s="6">
        <v>1078</v>
      </c>
    </row>
    <row r="131" spans="1:4" ht="18" customHeight="1" x14ac:dyDescent="0.2">
      <c r="A131" s="33" t="s">
        <v>47</v>
      </c>
      <c r="B131" s="7">
        <v>1306</v>
      </c>
      <c r="C131" s="8">
        <v>1420</v>
      </c>
      <c r="D131" s="9">
        <v>272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1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6</v>
      </c>
      <c r="C5" s="12">
        <v>13</v>
      </c>
      <c r="D5" s="13">
        <v>29</v>
      </c>
    </row>
    <row r="6" spans="1:4" ht="18" customHeight="1" x14ac:dyDescent="0.2">
      <c r="A6" s="14">
        <v>1</v>
      </c>
      <c r="B6" s="15">
        <v>15</v>
      </c>
      <c r="C6" s="16">
        <v>5</v>
      </c>
      <c r="D6" s="17">
        <v>20</v>
      </c>
    </row>
    <row r="7" spans="1:4" ht="18" customHeight="1" x14ac:dyDescent="0.2">
      <c r="A7" s="14">
        <v>2</v>
      </c>
      <c r="B7" s="15">
        <v>7</v>
      </c>
      <c r="C7" s="16">
        <v>9</v>
      </c>
      <c r="D7" s="17">
        <v>16</v>
      </c>
    </row>
    <row r="8" spans="1:4" ht="18" customHeight="1" x14ac:dyDescent="0.2">
      <c r="A8" s="14">
        <v>3</v>
      </c>
      <c r="B8" s="15">
        <v>12</v>
      </c>
      <c r="C8" s="16">
        <v>11</v>
      </c>
      <c r="D8" s="17">
        <v>23</v>
      </c>
    </row>
    <row r="9" spans="1:4" ht="18" customHeight="1" x14ac:dyDescent="0.2">
      <c r="A9" s="14">
        <v>4</v>
      </c>
      <c r="B9" s="15">
        <v>14</v>
      </c>
      <c r="C9" s="16">
        <v>11</v>
      </c>
      <c r="D9" s="17">
        <v>25</v>
      </c>
    </row>
    <row r="10" spans="1:4" ht="18" customHeight="1" x14ac:dyDescent="0.2">
      <c r="A10" s="18" t="s">
        <v>48</v>
      </c>
      <c r="B10" s="15">
        <v>64</v>
      </c>
      <c r="C10" s="16">
        <v>49</v>
      </c>
      <c r="D10" s="17">
        <v>113</v>
      </c>
    </row>
    <row r="11" spans="1:4" ht="18" customHeight="1" x14ac:dyDescent="0.2">
      <c r="A11" s="14">
        <v>5</v>
      </c>
      <c r="B11" s="15">
        <v>10</v>
      </c>
      <c r="C11" s="16">
        <v>7</v>
      </c>
      <c r="D11" s="17">
        <v>17</v>
      </c>
    </row>
    <row r="12" spans="1:4" ht="18" customHeight="1" x14ac:dyDescent="0.2">
      <c r="A12" s="14">
        <v>6</v>
      </c>
      <c r="B12" s="15">
        <v>11</v>
      </c>
      <c r="C12" s="16">
        <v>10</v>
      </c>
      <c r="D12" s="17">
        <v>21</v>
      </c>
    </row>
    <row r="13" spans="1:4" ht="18" customHeight="1" x14ac:dyDescent="0.2">
      <c r="A13" s="14">
        <v>7</v>
      </c>
      <c r="B13" s="15">
        <v>9</v>
      </c>
      <c r="C13" s="16">
        <v>7</v>
      </c>
      <c r="D13" s="17">
        <v>16</v>
      </c>
    </row>
    <row r="14" spans="1:4" ht="18" customHeight="1" x14ac:dyDescent="0.2">
      <c r="A14" s="14">
        <v>8</v>
      </c>
      <c r="B14" s="15">
        <v>14</v>
      </c>
      <c r="C14" s="16">
        <v>10</v>
      </c>
      <c r="D14" s="17">
        <v>24</v>
      </c>
    </row>
    <row r="15" spans="1:4" ht="18" customHeight="1" x14ac:dyDescent="0.2">
      <c r="A15" s="14">
        <v>9</v>
      </c>
      <c r="B15" s="15">
        <v>18</v>
      </c>
      <c r="C15" s="16">
        <v>8</v>
      </c>
      <c r="D15" s="17">
        <v>26</v>
      </c>
    </row>
    <row r="16" spans="1:4" ht="18" customHeight="1" x14ac:dyDescent="0.2">
      <c r="A16" s="18" t="s">
        <v>49</v>
      </c>
      <c r="B16" s="15">
        <v>62</v>
      </c>
      <c r="C16" s="16">
        <v>42</v>
      </c>
      <c r="D16" s="17">
        <v>104</v>
      </c>
    </row>
    <row r="17" spans="1:4" ht="18" customHeight="1" x14ac:dyDescent="0.2">
      <c r="A17" s="14">
        <v>10</v>
      </c>
      <c r="B17" s="15">
        <v>9</v>
      </c>
      <c r="C17" s="16">
        <v>12</v>
      </c>
      <c r="D17" s="17">
        <v>21</v>
      </c>
    </row>
    <row r="18" spans="1:4" ht="18" customHeight="1" x14ac:dyDescent="0.2">
      <c r="A18" s="14">
        <v>11</v>
      </c>
      <c r="B18" s="15">
        <v>10</v>
      </c>
      <c r="C18" s="16">
        <v>6</v>
      </c>
      <c r="D18" s="17">
        <v>16</v>
      </c>
    </row>
    <row r="19" spans="1:4" ht="18" customHeight="1" x14ac:dyDescent="0.2">
      <c r="A19" s="14">
        <v>12</v>
      </c>
      <c r="B19" s="15">
        <v>10</v>
      </c>
      <c r="C19" s="16">
        <v>18</v>
      </c>
      <c r="D19" s="17">
        <v>28</v>
      </c>
    </row>
    <row r="20" spans="1:4" ht="18" customHeight="1" x14ac:dyDescent="0.2">
      <c r="A20" s="14">
        <v>13</v>
      </c>
      <c r="B20" s="15">
        <v>10</v>
      </c>
      <c r="C20" s="16">
        <v>8</v>
      </c>
      <c r="D20" s="17">
        <v>18</v>
      </c>
    </row>
    <row r="21" spans="1:4" ht="18" customHeight="1" x14ac:dyDescent="0.2">
      <c r="A21" s="14">
        <v>14</v>
      </c>
      <c r="B21" s="15">
        <v>10</v>
      </c>
      <c r="C21" s="16">
        <v>16</v>
      </c>
      <c r="D21" s="17">
        <v>26</v>
      </c>
    </row>
    <row r="22" spans="1:4" ht="18" customHeight="1" x14ac:dyDescent="0.2">
      <c r="A22" s="18" t="s">
        <v>50</v>
      </c>
      <c r="B22" s="15">
        <v>49</v>
      </c>
      <c r="C22" s="16">
        <v>60</v>
      </c>
      <c r="D22" s="17">
        <v>109</v>
      </c>
    </row>
    <row r="23" spans="1:4" ht="18" customHeight="1" x14ac:dyDescent="0.2">
      <c r="A23" s="18" t="s">
        <v>51</v>
      </c>
      <c r="B23" s="15">
        <v>175</v>
      </c>
      <c r="C23" s="16">
        <v>151</v>
      </c>
      <c r="D23" s="17">
        <v>326</v>
      </c>
    </row>
    <row r="24" spans="1:4" ht="18" customHeight="1" x14ac:dyDescent="0.2">
      <c r="A24" s="14">
        <v>15</v>
      </c>
      <c r="B24" s="15">
        <v>11</v>
      </c>
      <c r="C24" s="16">
        <v>8</v>
      </c>
      <c r="D24" s="17">
        <v>19</v>
      </c>
    </row>
    <row r="25" spans="1:4" ht="18" customHeight="1" x14ac:dyDescent="0.2">
      <c r="A25" s="14">
        <v>16</v>
      </c>
      <c r="B25" s="15">
        <v>13</v>
      </c>
      <c r="C25" s="16">
        <v>12</v>
      </c>
      <c r="D25" s="17">
        <v>25</v>
      </c>
    </row>
    <row r="26" spans="1:4" ht="18" customHeight="1" x14ac:dyDescent="0.2">
      <c r="A26" s="14">
        <v>17</v>
      </c>
      <c r="B26" s="15">
        <v>9</v>
      </c>
      <c r="C26" s="16">
        <v>13</v>
      </c>
      <c r="D26" s="17">
        <v>22</v>
      </c>
    </row>
    <row r="27" spans="1:4" ht="18" customHeight="1" x14ac:dyDescent="0.2">
      <c r="A27" s="14">
        <v>18</v>
      </c>
      <c r="B27" s="15">
        <v>8</v>
      </c>
      <c r="C27" s="16">
        <v>7</v>
      </c>
      <c r="D27" s="17">
        <v>15</v>
      </c>
    </row>
    <row r="28" spans="1:4" ht="18" customHeight="1" x14ac:dyDescent="0.2">
      <c r="A28" s="14">
        <v>19</v>
      </c>
      <c r="B28" s="15">
        <v>13</v>
      </c>
      <c r="C28" s="16">
        <v>10</v>
      </c>
      <c r="D28" s="17">
        <v>23</v>
      </c>
    </row>
    <row r="29" spans="1:4" ht="18" customHeight="1" x14ac:dyDescent="0.2">
      <c r="A29" s="18" t="s">
        <v>52</v>
      </c>
      <c r="B29" s="15">
        <v>54</v>
      </c>
      <c r="C29" s="16">
        <v>50</v>
      </c>
      <c r="D29" s="17">
        <v>104</v>
      </c>
    </row>
    <row r="30" spans="1:4" ht="18" customHeight="1" x14ac:dyDescent="0.2">
      <c r="A30" s="14">
        <v>20</v>
      </c>
      <c r="B30" s="15">
        <v>5</v>
      </c>
      <c r="C30" s="16">
        <v>4</v>
      </c>
      <c r="D30" s="17">
        <v>9</v>
      </c>
    </row>
    <row r="31" spans="1:4" ht="18" customHeight="1" x14ac:dyDescent="0.2">
      <c r="A31" s="14">
        <v>21</v>
      </c>
      <c r="B31" s="15">
        <v>6</v>
      </c>
      <c r="C31" s="16">
        <v>10</v>
      </c>
      <c r="D31" s="17">
        <v>16</v>
      </c>
    </row>
    <row r="32" spans="1:4" ht="18" customHeight="1" x14ac:dyDescent="0.2">
      <c r="A32" s="14">
        <v>22</v>
      </c>
      <c r="B32" s="15">
        <v>9</v>
      </c>
      <c r="C32" s="16">
        <v>13</v>
      </c>
      <c r="D32" s="17">
        <v>22</v>
      </c>
    </row>
    <row r="33" spans="1:4" ht="18" customHeight="1" x14ac:dyDescent="0.2">
      <c r="A33" s="14">
        <v>23</v>
      </c>
      <c r="B33" s="15">
        <v>18</v>
      </c>
      <c r="C33" s="16">
        <v>3</v>
      </c>
      <c r="D33" s="17">
        <v>21</v>
      </c>
    </row>
    <row r="34" spans="1:4" ht="18" customHeight="1" x14ac:dyDescent="0.2">
      <c r="A34" s="14">
        <v>24</v>
      </c>
      <c r="B34" s="15">
        <v>15</v>
      </c>
      <c r="C34" s="16">
        <v>6</v>
      </c>
      <c r="D34" s="17">
        <v>21</v>
      </c>
    </row>
    <row r="35" spans="1:4" ht="18" customHeight="1" x14ac:dyDescent="0.2">
      <c r="A35" s="18" t="s">
        <v>53</v>
      </c>
      <c r="B35" s="15">
        <v>53</v>
      </c>
      <c r="C35" s="16">
        <v>36</v>
      </c>
      <c r="D35" s="17">
        <v>89</v>
      </c>
    </row>
    <row r="36" spans="1:4" ht="18" customHeight="1" x14ac:dyDescent="0.2">
      <c r="A36" s="14">
        <v>25</v>
      </c>
      <c r="B36" s="15">
        <v>11</v>
      </c>
      <c r="C36" s="16">
        <v>11</v>
      </c>
      <c r="D36" s="17">
        <v>22</v>
      </c>
    </row>
    <row r="37" spans="1:4" ht="18" customHeight="1" x14ac:dyDescent="0.2">
      <c r="A37" s="14">
        <v>26</v>
      </c>
      <c r="B37" s="15">
        <v>16</v>
      </c>
      <c r="C37" s="16">
        <v>6</v>
      </c>
      <c r="D37" s="17">
        <v>22</v>
      </c>
    </row>
    <row r="38" spans="1:4" ht="18" customHeight="1" x14ac:dyDescent="0.2">
      <c r="A38" s="14">
        <v>27</v>
      </c>
      <c r="B38" s="15">
        <v>16</v>
      </c>
      <c r="C38" s="16">
        <v>14</v>
      </c>
      <c r="D38" s="17">
        <v>30</v>
      </c>
    </row>
    <row r="39" spans="1:4" ht="18" customHeight="1" x14ac:dyDescent="0.2">
      <c r="A39" s="14">
        <v>28</v>
      </c>
      <c r="B39" s="15">
        <v>15</v>
      </c>
      <c r="C39" s="16">
        <v>12</v>
      </c>
      <c r="D39" s="17">
        <v>27</v>
      </c>
    </row>
    <row r="40" spans="1:4" ht="18" customHeight="1" x14ac:dyDescent="0.2">
      <c r="A40" s="14">
        <v>29</v>
      </c>
      <c r="B40" s="15">
        <v>11</v>
      </c>
      <c r="C40" s="16">
        <v>14</v>
      </c>
      <c r="D40" s="17">
        <v>25</v>
      </c>
    </row>
    <row r="41" spans="1:4" ht="18" customHeight="1" x14ac:dyDescent="0.2">
      <c r="A41" s="18" t="s">
        <v>54</v>
      </c>
      <c r="B41" s="15">
        <v>69</v>
      </c>
      <c r="C41" s="16">
        <v>57</v>
      </c>
      <c r="D41" s="17">
        <v>126</v>
      </c>
    </row>
    <row r="42" spans="1:4" ht="18" customHeight="1" x14ac:dyDescent="0.2">
      <c r="A42" s="14">
        <v>30</v>
      </c>
      <c r="B42" s="15">
        <v>17</v>
      </c>
      <c r="C42" s="16">
        <v>17</v>
      </c>
      <c r="D42" s="17">
        <v>34</v>
      </c>
    </row>
    <row r="43" spans="1:4" ht="18" customHeight="1" x14ac:dyDescent="0.2">
      <c r="A43" s="14">
        <v>31</v>
      </c>
      <c r="B43" s="15">
        <v>24</v>
      </c>
      <c r="C43" s="16">
        <v>8</v>
      </c>
      <c r="D43" s="17">
        <v>32</v>
      </c>
    </row>
    <row r="44" spans="1:4" ht="18" customHeight="1" x14ac:dyDescent="0.2">
      <c r="A44" s="14">
        <v>32</v>
      </c>
      <c r="B44" s="15">
        <v>18</v>
      </c>
      <c r="C44" s="16">
        <v>12</v>
      </c>
      <c r="D44" s="17">
        <v>30</v>
      </c>
    </row>
    <row r="45" spans="1:4" ht="18" customHeight="1" x14ac:dyDescent="0.2">
      <c r="A45" s="14">
        <v>33</v>
      </c>
      <c r="B45" s="15">
        <v>17</v>
      </c>
      <c r="C45" s="16">
        <v>17</v>
      </c>
      <c r="D45" s="17">
        <v>34</v>
      </c>
    </row>
    <row r="46" spans="1:4" ht="18" customHeight="1" x14ac:dyDescent="0.2">
      <c r="A46" s="14">
        <v>34</v>
      </c>
      <c r="B46" s="15">
        <v>18</v>
      </c>
      <c r="C46" s="16">
        <v>14</v>
      </c>
      <c r="D46" s="17">
        <v>32</v>
      </c>
    </row>
    <row r="47" spans="1:4" ht="18" customHeight="1" x14ac:dyDescent="0.2">
      <c r="A47" s="18" t="s">
        <v>55</v>
      </c>
      <c r="B47" s="15">
        <v>94</v>
      </c>
      <c r="C47" s="16">
        <v>68</v>
      </c>
      <c r="D47" s="17">
        <v>162</v>
      </c>
    </row>
    <row r="48" spans="1:4" ht="18" customHeight="1" x14ac:dyDescent="0.2">
      <c r="A48" s="14">
        <v>35</v>
      </c>
      <c r="B48" s="15">
        <v>20</v>
      </c>
      <c r="C48" s="16">
        <v>16</v>
      </c>
      <c r="D48" s="17">
        <v>36</v>
      </c>
    </row>
    <row r="49" spans="1:4" ht="18" customHeight="1" x14ac:dyDescent="0.2">
      <c r="A49" s="14">
        <v>36</v>
      </c>
      <c r="B49" s="15">
        <v>19</v>
      </c>
      <c r="C49" s="16">
        <v>18</v>
      </c>
      <c r="D49" s="17">
        <v>37</v>
      </c>
    </row>
    <row r="50" spans="1:4" ht="18" customHeight="1" x14ac:dyDescent="0.2">
      <c r="A50" s="14">
        <v>37</v>
      </c>
      <c r="B50" s="15">
        <v>23</v>
      </c>
      <c r="C50" s="16">
        <v>15</v>
      </c>
      <c r="D50" s="17">
        <v>38</v>
      </c>
    </row>
    <row r="51" spans="1:4" ht="18" customHeight="1" x14ac:dyDescent="0.2">
      <c r="A51" s="14">
        <v>38</v>
      </c>
      <c r="B51" s="15">
        <v>23</v>
      </c>
      <c r="C51" s="16">
        <v>22</v>
      </c>
      <c r="D51" s="17">
        <v>45</v>
      </c>
    </row>
    <row r="52" spans="1:4" ht="18" customHeight="1" x14ac:dyDescent="0.2">
      <c r="A52" s="14">
        <v>39</v>
      </c>
      <c r="B52" s="15">
        <v>12</v>
      </c>
      <c r="C52" s="16">
        <v>15</v>
      </c>
      <c r="D52" s="17">
        <v>27</v>
      </c>
    </row>
    <row r="53" spans="1:4" ht="18" customHeight="1" x14ac:dyDescent="0.2">
      <c r="A53" s="18" t="s">
        <v>56</v>
      </c>
      <c r="B53" s="15">
        <v>97</v>
      </c>
      <c r="C53" s="16">
        <v>86</v>
      </c>
      <c r="D53" s="17">
        <v>183</v>
      </c>
    </row>
    <row r="54" spans="1:4" ht="18" customHeight="1" x14ac:dyDescent="0.2">
      <c r="A54" s="14">
        <v>40</v>
      </c>
      <c r="B54" s="15">
        <v>20</v>
      </c>
      <c r="C54" s="16">
        <v>18</v>
      </c>
      <c r="D54" s="17">
        <v>38</v>
      </c>
    </row>
    <row r="55" spans="1:4" ht="18" customHeight="1" x14ac:dyDescent="0.2">
      <c r="A55" s="14">
        <v>41</v>
      </c>
      <c r="B55" s="15">
        <v>18</v>
      </c>
      <c r="C55" s="16">
        <v>19</v>
      </c>
      <c r="D55" s="17">
        <v>37</v>
      </c>
    </row>
    <row r="56" spans="1:4" ht="18" customHeight="1" x14ac:dyDescent="0.2">
      <c r="A56" s="14">
        <v>42</v>
      </c>
      <c r="B56" s="15">
        <v>18</v>
      </c>
      <c r="C56" s="16">
        <v>22</v>
      </c>
      <c r="D56" s="17">
        <v>40</v>
      </c>
    </row>
    <row r="57" spans="1:4" ht="18" customHeight="1" x14ac:dyDescent="0.2">
      <c r="A57" s="14">
        <v>43</v>
      </c>
      <c r="B57" s="15">
        <v>18</v>
      </c>
      <c r="C57" s="16">
        <v>30</v>
      </c>
      <c r="D57" s="17">
        <v>48</v>
      </c>
    </row>
    <row r="58" spans="1:4" ht="18" customHeight="1" x14ac:dyDescent="0.2">
      <c r="A58" s="14">
        <v>44</v>
      </c>
      <c r="B58" s="15">
        <v>30</v>
      </c>
      <c r="C58" s="16">
        <v>26</v>
      </c>
      <c r="D58" s="17">
        <v>56</v>
      </c>
    </row>
    <row r="59" spans="1:4" ht="18" customHeight="1" x14ac:dyDescent="0.2">
      <c r="A59" s="18" t="s">
        <v>57</v>
      </c>
      <c r="B59" s="15">
        <v>104</v>
      </c>
      <c r="C59" s="16">
        <v>115</v>
      </c>
      <c r="D59" s="17">
        <v>219</v>
      </c>
    </row>
    <row r="60" spans="1:4" ht="18" customHeight="1" x14ac:dyDescent="0.2">
      <c r="A60" s="14">
        <v>45</v>
      </c>
      <c r="B60" s="15">
        <v>19</v>
      </c>
      <c r="C60" s="16">
        <v>29</v>
      </c>
      <c r="D60" s="17">
        <v>48</v>
      </c>
    </row>
    <row r="61" spans="1:4" ht="18" customHeight="1" x14ac:dyDescent="0.2">
      <c r="A61" s="14">
        <v>46</v>
      </c>
      <c r="B61" s="15">
        <v>25</v>
      </c>
      <c r="C61" s="16">
        <v>34</v>
      </c>
      <c r="D61" s="17">
        <v>59</v>
      </c>
    </row>
    <row r="62" spans="1:4" ht="18" customHeight="1" x14ac:dyDescent="0.2">
      <c r="A62" s="14">
        <v>47</v>
      </c>
      <c r="B62" s="15">
        <v>27</v>
      </c>
      <c r="C62" s="16">
        <v>31</v>
      </c>
      <c r="D62" s="17">
        <v>58</v>
      </c>
    </row>
    <row r="63" spans="1:4" ht="18" customHeight="1" x14ac:dyDescent="0.2">
      <c r="A63" s="14">
        <v>48</v>
      </c>
      <c r="B63" s="15">
        <v>26</v>
      </c>
      <c r="C63" s="16">
        <v>29</v>
      </c>
      <c r="D63" s="17">
        <v>55</v>
      </c>
    </row>
    <row r="64" spans="1:4" ht="18" customHeight="1" x14ac:dyDescent="0.2">
      <c r="A64" s="14">
        <v>49</v>
      </c>
      <c r="B64" s="15">
        <v>19</v>
      </c>
      <c r="C64" s="16">
        <v>24</v>
      </c>
      <c r="D64" s="17">
        <v>43</v>
      </c>
    </row>
    <row r="65" spans="1:4" ht="18" customHeight="1" x14ac:dyDescent="0.2">
      <c r="A65" s="18" t="s">
        <v>58</v>
      </c>
      <c r="B65" s="15">
        <v>116</v>
      </c>
      <c r="C65" s="16">
        <v>147</v>
      </c>
      <c r="D65" s="17">
        <v>263</v>
      </c>
    </row>
    <row r="66" spans="1:4" ht="18" customHeight="1" x14ac:dyDescent="0.2">
      <c r="A66" s="14">
        <v>50</v>
      </c>
      <c r="B66" s="15">
        <v>28</v>
      </c>
      <c r="C66" s="16">
        <v>19</v>
      </c>
      <c r="D66" s="17">
        <v>47</v>
      </c>
    </row>
    <row r="67" spans="1:4" ht="18" customHeight="1" x14ac:dyDescent="0.2">
      <c r="A67" s="14">
        <v>51</v>
      </c>
      <c r="B67" s="15">
        <v>23</v>
      </c>
      <c r="C67" s="16">
        <v>19</v>
      </c>
      <c r="D67" s="17">
        <v>42</v>
      </c>
    </row>
    <row r="68" spans="1:4" ht="18" customHeight="1" x14ac:dyDescent="0.2">
      <c r="A68" s="14">
        <v>52</v>
      </c>
      <c r="B68" s="15">
        <v>28</v>
      </c>
      <c r="C68" s="16">
        <v>29</v>
      </c>
      <c r="D68" s="17">
        <v>57</v>
      </c>
    </row>
    <row r="69" spans="1:4" ht="18" customHeight="1" x14ac:dyDescent="0.2">
      <c r="A69" s="14">
        <v>53</v>
      </c>
      <c r="B69" s="15">
        <v>24</v>
      </c>
      <c r="C69" s="16">
        <v>34</v>
      </c>
      <c r="D69" s="17">
        <v>58</v>
      </c>
    </row>
    <row r="70" spans="1:4" ht="18" customHeight="1" x14ac:dyDescent="0.2">
      <c r="A70" s="14">
        <v>54</v>
      </c>
      <c r="B70" s="15">
        <v>20</v>
      </c>
      <c r="C70" s="16">
        <v>19</v>
      </c>
      <c r="D70" s="17">
        <v>39</v>
      </c>
    </row>
    <row r="71" spans="1:4" ht="18" customHeight="1" x14ac:dyDescent="0.2">
      <c r="A71" s="18" t="s">
        <v>59</v>
      </c>
      <c r="B71" s="15">
        <v>123</v>
      </c>
      <c r="C71" s="16">
        <v>120</v>
      </c>
      <c r="D71" s="17">
        <v>243</v>
      </c>
    </row>
    <row r="72" spans="1:4" ht="18" customHeight="1" x14ac:dyDescent="0.2">
      <c r="A72" s="14">
        <v>55</v>
      </c>
      <c r="B72" s="15">
        <v>33</v>
      </c>
      <c r="C72" s="16">
        <v>35</v>
      </c>
      <c r="D72" s="17">
        <v>68</v>
      </c>
    </row>
    <row r="73" spans="1:4" ht="18" customHeight="1" x14ac:dyDescent="0.2">
      <c r="A73" s="14">
        <v>56</v>
      </c>
      <c r="B73" s="15">
        <v>36</v>
      </c>
      <c r="C73" s="16">
        <v>30</v>
      </c>
      <c r="D73" s="17">
        <v>66</v>
      </c>
    </row>
    <row r="74" spans="1:4" ht="18" customHeight="1" x14ac:dyDescent="0.2">
      <c r="A74" s="14">
        <v>57</v>
      </c>
      <c r="B74" s="15">
        <v>13</v>
      </c>
      <c r="C74" s="16">
        <v>27</v>
      </c>
      <c r="D74" s="17">
        <v>40</v>
      </c>
    </row>
    <row r="75" spans="1:4" ht="18" customHeight="1" x14ac:dyDescent="0.2">
      <c r="A75" s="14">
        <v>58</v>
      </c>
      <c r="B75" s="15">
        <v>17</v>
      </c>
      <c r="C75" s="16">
        <v>20</v>
      </c>
      <c r="D75" s="17">
        <v>37</v>
      </c>
    </row>
    <row r="76" spans="1:4" ht="18" customHeight="1" x14ac:dyDescent="0.2">
      <c r="A76" s="14">
        <v>59</v>
      </c>
      <c r="B76" s="15">
        <v>18</v>
      </c>
      <c r="C76" s="16">
        <v>24</v>
      </c>
      <c r="D76" s="17">
        <v>42</v>
      </c>
    </row>
    <row r="77" spans="1:4" ht="18" customHeight="1" x14ac:dyDescent="0.2">
      <c r="A77" s="18" t="s">
        <v>60</v>
      </c>
      <c r="B77" s="15">
        <v>117</v>
      </c>
      <c r="C77" s="16">
        <v>136</v>
      </c>
      <c r="D77" s="17">
        <v>253</v>
      </c>
    </row>
    <row r="78" spans="1:4" ht="18" customHeight="1" x14ac:dyDescent="0.2">
      <c r="A78" s="14">
        <v>60</v>
      </c>
      <c r="B78" s="15">
        <v>20</v>
      </c>
      <c r="C78" s="16">
        <v>27</v>
      </c>
      <c r="D78" s="17">
        <v>47</v>
      </c>
    </row>
    <row r="79" spans="1:4" ht="18" customHeight="1" x14ac:dyDescent="0.2">
      <c r="A79" s="14">
        <v>61</v>
      </c>
      <c r="B79" s="15">
        <v>24</v>
      </c>
      <c r="C79" s="16">
        <v>31</v>
      </c>
      <c r="D79" s="17">
        <v>55</v>
      </c>
    </row>
    <row r="80" spans="1:4" ht="18" customHeight="1" x14ac:dyDescent="0.2">
      <c r="A80" s="14">
        <v>62</v>
      </c>
      <c r="B80" s="15">
        <v>22</v>
      </c>
      <c r="C80" s="16">
        <v>28</v>
      </c>
      <c r="D80" s="17">
        <v>50</v>
      </c>
    </row>
    <row r="81" spans="1:4" ht="18" customHeight="1" x14ac:dyDescent="0.2">
      <c r="A81" s="14">
        <v>63</v>
      </c>
      <c r="B81" s="15">
        <v>26</v>
      </c>
      <c r="C81" s="16">
        <v>24</v>
      </c>
      <c r="D81" s="17">
        <v>50</v>
      </c>
    </row>
    <row r="82" spans="1:4" ht="18" customHeight="1" x14ac:dyDescent="0.2">
      <c r="A82" s="14">
        <v>64</v>
      </c>
      <c r="B82" s="15">
        <v>25</v>
      </c>
      <c r="C82" s="16">
        <v>13</v>
      </c>
      <c r="D82" s="17">
        <v>38</v>
      </c>
    </row>
    <row r="83" spans="1:4" ht="18" customHeight="1" x14ac:dyDescent="0.2">
      <c r="A83" s="18" t="s">
        <v>61</v>
      </c>
      <c r="B83" s="15">
        <v>117</v>
      </c>
      <c r="C83" s="16">
        <v>123</v>
      </c>
      <c r="D83" s="17">
        <v>240</v>
      </c>
    </row>
    <row r="84" spans="1:4" ht="18" customHeight="1" x14ac:dyDescent="0.2">
      <c r="A84" s="18" t="s">
        <v>62</v>
      </c>
      <c r="B84" s="15">
        <v>944</v>
      </c>
      <c r="C84" s="16">
        <v>938</v>
      </c>
      <c r="D84" s="17">
        <v>1882</v>
      </c>
    </row>
    <row r="85" spans="1:4" ht="18" customHeight="1" x14ac:dyDescent="0.2">
      <c r="A85" s="14">
        <v>65</v>
      </c>
      <c r="B85" s="15">
        <v>23</v>
      </c>
      <c r="C85" s="16">
        <v>26</v>
      </c>
      <c r="D85" s="17">
        <v>49</v>
      </c>
    </row>
    <row r="86" spans="1:4" ht="18" customHeight="1" x14ac:dyDescent="0.2">
      <c r="A86" s="14">
        <v>66</v>
      </c>
      <c r="B86" s="15">
        <v>19</v>
      </c>
      <c r="C86" s="16">
        <v>21</v>
      </c>
      <c r="D86" s="17">
        <v>40</v>
      </c>
    </row>
    <row r="87" spans="1:4" ht="18" customHeight="1" x14ac:dyDescent="0.2">
      <c r="A87" s="14">
        <v>67</v>
      </c>
      <c r="B87" s="15">
        <v>22</v>
      </c>
      <c r="C87" s="16">
        <v>20</v>
      </c>
      <c r="D87" s="17">
        <v>42</v>
      </c>
    </row>
    <row r="88" spans="1:4" ht="18" customHeight="1" x14ac:dyDescent="0.2">
      <c r="A88" s="14">
        <v>68</v>
      </c>
      <c r="B88" s="15">
        <v>22</v>
      </c>
      <c r="C88" s="16">
        <v>21</v>
      </c>
      <c r="D88" s="17">
        <v>43</v>
      </c>
    </row>
    <row r="89" spans="1:4" ht="18" customHeight="1" x14ac:dyDescent="0.2">
      <c r="A89" s="14">
        <v>69</v>
      </c>
      <c r="B89" s="15">
        <v>28</v>
      </c>
      <c r="C89" s="16">
        <v>36</v>
      </c>
      <c r="D89" s="17">
        <v>64</v>
      </c>
    </row>
    <row r="90" spans="1:4" ht="18" customHeight="1" x14ac:dyDescent="0.2">
      <c r="A90" s="18" t="s">
        <v>63</v>
      </c>
      <c r="B90" s="15">
        <v>114</v>
      </c>
      <c r="C90" s="16">
        <v>124</v>
      </c>
      <c r="D90" s="17">
        <v>238</v>
      </c>
    </row>
    <row r="91" spans="1:4" ht="18" customHeight="1" x14ac:dyDescent="0.2">
      <c r="A91" s="14">
        <v>70</v>
      </c>
      <c r="B91" s="15">
        <v>17</v>
      </c>
      <c r="C91" s="16">
        <v>23</v>
      </c>
      <c r="D91" s="17">
        <v>40</v>
      </c>
    </row>
    <row r="92" spans="1:4" ht="18" customHeight="1" x14ac:dyDescent="0.2">
      <c r="A92" s="14">
        <v>71</v>
      </c>
      <c r="B92" s="15">
        <v>35</v>
      </c>
      <c r="C92" s="16">
        <v>39</v>
      </c>
      <c r="D92" s="17">
        <v>74</v>
      </c>
    </row>
    <row r="93" spans="1:4" ht="18" customHeight="1" x14ac:dyDescent="0.2">
      <c r="A93" s="14">
        <v>72</v>
      </c>
      <c r="B93" s="15">
        <v>30</v>
      </c>
      <c r="C93" s="16">
        <v>33</v>
      </c>
      <c r="D93" s="17">
        <v>63</v>
      </c>
    </row>
    <row r="94" spans="1:4" ht="18" customHeight="1" x14ac:dyDescent="0.2">
      <c r="A94" s="14">
        <v>73</v>
      </c>
      <c r="B94" s="15">
        <v>16</v>
      </c>
      <c r="C94" s="16">
        <v>28</v>
      </c>
      <c r="D94" s="17">
        <v>44</v>
      </c>
    </row>
    <row r="95" spans="1:4" ht="18" customHeight="1" x14ac:dyDescent="0.2">
      <c r="A95" s="14">
        <v>74</v>
      </c>
      <c r="B95" s="15">
        <v>10</v>
      </c>
      <c r="C95" s="16">
        <v>22</v>
      </c>
      <c r="D95" s="17">
        <v>32</v>
      </c>
    </row>
    <row r="96" spans="1:4" ht="18" customHeight="1" x14ac:dyDescent="0.2">
      <c r="A96" s="18" t="s">
        <v>64</v>
      </c>
      <c r="B96" s="15">
        <v>108</v>
      </c>
      <c r="C96" s="16">
        <v>145</v>
      </c>
      <c r="D96" s="17">
        <v>253</v>
      </c>
    </row>
    <row r="97" spans="1:4" ht="18" customHeight="1" x14ac:dyDescent="0.2">
      <c r="A97" s="14">
        <v>75</v>
      </c>
      <c r="B97" s="15">
        <v>16</v>
      </c>
      <c r="C97" s="16">
        <v>20</v>
      </c>
      <c r="D97" s="17">
        <v>36</v>
      </c>
    </row>
    <row r="98" spans="1:4" ht="18" customHeight="1" x14ac:dyDescent="0.2">
      <c r="A98" s="14">
        <v>76</v>
      </c>
      <c r="B98" s="15">
        <v>19</v>
      </c>
      <c r="C98" s="16">
        <v>17</v>
      </c>
      <c r="D98" s="17">
        <v>36</v>
      </c>
    </row>
    <row r="99" spans="1:4" ht="18" customHeight="1" x14ac:dyDescent="0.2">
      <c r="A99" s="14">
        <v>77</v>
      </c>
      <c r="B99" s="15">
        <v>22</v>
      </c>
      <c r="C99" s="16">
        <v>27</v>
      </c>
      <c r="D99" s="17">
        <v>49</v>
      </c>
    </row>
    <row r="100" spans="1:4" ht="18" customHeight="1" x14ac:dyDescent="0.2">
      <c r="A100" s="14">
        <v>78</v>
      </c>
      <c r="B100" s="15">
        <v>22</v>
      </c>
      <c r="C100" s="16">
        <v>29</v>
      </c>
      <c r="D100" s="17">
        <v>51</v>
      </c>
    </row>
    <row r="101" spans="1:4" ht="18" customHeight="1" x14ac:dyDescent="0.2">
      <c r="A101" s="14">
        <v>79</v>
      </c>
      <c r="B101" s="15">
        <v>14</v>
      </c>
      <c r="C101" s="16">
        <v>35</v>
      </c>
      <c r="D101" s="17">
        <v>49</v>
      </c>
    </row>
    <row r="102" spans="1:4" ht="18" customHeight="1" x14ac:dyDescent="0.2">
      <c r="A102" s="18" t="s">
        <v>65</v>
      </c>
      <c r="B102" s="15">
        <v>93</v>
      </c>
      <c r="C102" s="16">
        <v>128</v>
      </c>
      <c r="D102" s="17">
        <v>221</v>
      </c>
    </row>
    <row r="103" spans="1:4" ht="18" customHeight="1" x14ac:dyDescent="0.2">
      <c r="A103" s="14">
        <v>80</v>
      </c>
      <c r="B103" s="15">
        <v>19</v>
      </c>
      <c r="C103" s="16">
        <v>32</v>
      </c>
      <c r="D103" s="17">
        <v>51</v>
      </c>
    </row>
    <row r="104" spans="1:4" ht="18" customHeight="1" x14ac:dyDescent="0.2">
      <c r="A104" s="14">
        <v>81</v>
      </c>
      <c r="B104" s="15">
        <v>8</v>
      </c>
      <c r="C104" s="16">
        <v>26</v>
      </c>
      <c r="D104" s="17">
        <v>34</v>
      </c>
    </row>
    <row r="105" spans="1:4" ht="18" customHeight="1" x14ac:dyDescent="0.2">
      <c r="A105" s="14">
        <v>82</v>
      </c>
      <c r="B105" s="15">
        <v>16</v>
      </c>
      <c r="C105" s="16">
        <v>21</v>
      </c>
      <c r="D105" s="17">
        <v>37</v>
      </c>
    </row>
    <row r="106" spans="1:4" ht="18" customHeight="1" x14ac:dyDescent="0.2">
      <c r="A106" s="14">
        <v>83</v>
      </c>
      <c r="B106" s="15">
        <v>12</v>
      </c>
      <c r="C106" s="16">
        <v>25</v>
      </c>
      <c r="D106" s="17">
        <v>37</v>
      </c>
    </row>
    <row r="107" spans="1:4" ht="18" customHeight="1" x14ac:dyDescent="0.2">
      <c r="A107" s="14">
        <v>84</v>
      </c>
      <c r="B107" s="15">
        <v>20</v>
      </c>
      <c r="C107" s="16">
        <v>24</v>
      </c>
      <c r="D107" s="17">
        <v>44</v>
      </c>
    </row>
    <row r="108" spans="1:4" ht="18" customHeight="1" x14ac:dyDescent="0.2">
      <c r="A108" s="18" t="s">
        <v>66</v>
      </c>
      <c r="B108" s="15">
        <v>75</v>
      </c>
      <c r="C108" s="16">
        <v>128</v>
      </c>
      <c r="D108" s="17">
        <v>203</v>
      </c>
    </row>
    <row r="109" spans="1:4" ht="18" customHeight="1" x14ac:dyDescent="0.2">
      <c r="A109" s="14">
        <v>85</v>
      </c>
      <c r="B109" s="15">
        <v>13</v>
      </c>
      <c r="C109" s="16">
        <v>29</v>
      </c>
      <c r="D109" s="17">
        <v>42</v>
      </c>
    </row>
    <row r="110" spans="1:4" ht="18" customHeight="1" x14ac:dyDescent="0.2">
      <c r="A110" s="14">
        <v>86</v>
      </c>
      <c r="B110" s="15">
        <v>7</v>
      </c>
      <c r="C110" s="16">
        <v>14</v>
      </c>
      <c r="D110" s="17">
        <v>21</v>
      </c>
    </row>
    <row r="111" spans="1:4" ht="18" customHeight="1" x14ac:dyDescent="0.2">
      <c r="A111" s="14">
        <v>87</v>
      </c>
      <c r="B111" s="15">
        <v>16</v>
      </c>
      <c r="C111" s="16">
        <v>25</v>
      </c>
      <c r="D111" s="17">
        <v>41</v>
      </c>
    </row>
    <row r="112" spans="1:4" ht="18" customHeight="1" x14ac:dyDescent="0.2">
      <c r="A112" s="14">
        <v>88</v>
      </c>
      <c r="B112" s="15">
        <v>6</v>
      </c>
      <c r="C112" s="16">
        <v>18</v>
      </c>
      <c r="D112" s="17">
        <v>24</v>
      </c>
    </row>
    <row r="113" spans="1:4" ht="18" customHeight="1" x14ac:dyDescent="0.2">
      <c r="A113" s="14">
        <v>89</v>
      </c>
      <c r="B113" s="15">
        <v>5</v>
      </c>
      <c r="C113" s="16">
        <v>23</v>
      </c>
      <c r="D113" s="17">
        <v>28</v>
      </c>
    </row>
    <row r="114" spans="1:4" ht="18" customHeight="1" x14ac:dyDescent="0.2">
      <c r="A114" s="18" t="s">
        <v>67</v>
      </c>
      <c r="B114" s="15">
        <v>47</v>
      </c>
      <c r="C114" s="16">
        <v>109</v>
      </c>
      <c r="D114" s="17">
        <v>156</v>
      </c>
    </row>
    <row r="115" spans="1:4" ht="18" customHeight="1" x14ac:dyDescent="0.2">
      <c r="A115" s="14">
        <v>90</v>
      </c>
      <c r="B115" s="15">
        <v>7</v>
      </c>
      <c r="C115" s="16">
        <v>16</v>
      </c>
      <c r="D115" s="17">
        <v>23</v>
      </c>
    </row>
    <row r="116" spans="1:4" ht="18" customHeight="1" x14ac:dyDescent="0.2">
      <c r="A116" s="14">
        <v>91</v>
      </c>
      <c r="B116" s="15">
        <v>3</v>
      </c>
      <c r="C116" s="16">
        <v>17</v>
      </c>
      <c r="D116" s="17">
        <v>20</v>
      </c>
    </row>
    <row r="117" spans="1:4" ht="18" customHeight="1" x14ac:dyDescent="0.2">
      <c r="A117" s="14">
        <v>92</v>
      </c>
      <c r="B117" s="15">
        <v>2</v>
      </c>
      <c r="C117" s="16">
        <v>11</v>
      </c>
      <c r="D117" s="17">
        <v>13</v>
      </c>
    </row>
    <row r="118" spans="1:4" ht="18" customHeight="1" x14ac:dyDescent="0.2">
      <c r="A118" s="14">
        <v>93</v>
      </c>
      <c r="B118" s="15">
        <v>6</v>
      </c>
      <c r="C118" s="16">
        <v>17</v>
      </c>
      <c r="D118" s="17">
        <v>23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68</v>
      </c>
      <c r="B120" s="15">
        <v>20</v>
      </c>
      <c r="C120" s="16">
        <v>64</v>
      </c>
      <c r="D120" s="17">
        <v>84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2</v>
      </c>
      <c r="C126" s="16">
        <v>16</v>
      </c>
      <c r="D126" s="17">
        <v>1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459</v>
      </c>
      <c r="C130" s="5">
        <v>717</v>
      </c>
      <c r="D130" s="6">
        <v>1176</v>
      </c>
    </row>
    <row r="131" spans="1:4" ht="18" customHeight="1" x14ac:dyDescent="0.2">
      <c r="A131" s="20" t="s">
        <v>47</v>
      </c>
      <c r="B131" s="7">
        <v>1578</v>
      </c>
      <c r="C131" s="8">
        <v>1806</v>
      </c>
      <c r="D131" s="9">
        <v>338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4" ht="18" customHeight="1" x14ac:dyDescent="0.2">
      <c r="A9" s="31">
        <v>4</v>
      </c>
      <c r="B9" s="36">
        <v>1</v>
      </c>
      <c r="C9" s="38">
        <v>3</v>
      </c>
      <c r="D9" s="40">
        <v>4</v>
      </c>
    </row>
    <row r="10" spans="1:4" ht="18" customHeight="1" x14ac:dyDescent="0.2">
      <c r="A10" s="31" t="s">
        <v>48</v>
      </c>
      <c r="B10" s="27">
        <v>2</v>
      </c>
      <c r="C10" s="28">
        <v>7</v>
      </c>
      <c r="D10" s="29">
        <v>9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2</v>
      </c>
      <c r="C13" s="28">
        <v>0</v>
      </c>
      <c r="D13" s="29">
        <v>2</v>
      </c>
    </row>
    <row r="14" spans="1:4" ht="18" customHeight="1" x14ac:dyDescent="0.2">
      <c r="A14" s="31">
        <v>8</v>
      </c>
      <c r="B14" s="35">
        <v>0</v>
      </c>
      <c r="C14" s="28">
        <v>4</v>
      </c>
      <c r="D14" s="29">
        <v>4</v>
      </c>
    </row>
    <row r="15" spans="1:4" ht="18" customHeight="1" x14ac:dyDescent="0.2">
      <c r="A15" s="31">
        <v>9</v>
      </c>
      <c r="B15" s="35">
        <v>1</v>
      </c>
      <c r="C15" s="28">
        <v>1</v>
      </c>
      <c r="D15" s="29">
        <v>2</v>
      </c>
    </row>
    <row r="16" spans="1:4" ht="18" customHeight="1" x14ac:dyDescent="0.2">
      <c r="A16" s="31" t="s">
        <v>49</v>
      </c>
      <c r="B16" s="27">
        <v>3</v>
      </c>
      <c r="C16" s="28">
        <v>7</v>
      </c>
      <c r="D16" s="29">
        <v>10</v>
      </c>
    </row>
    <row r="17" spans="1:4" ht="18" customHeight="1" x14ac:dyDescent="0.2">
      <c r="A17" s="31">
        <v>10</v>
      </c>
      <c r="B17" s="27">
        <v>3</v>
      </c>
      <c r="C17" s="28">
        <v>1</v>
      </c>
      <c r="D17" s="29">
        <v>4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2</v>
      </c>
      <c r="C19" s="28">
        <v>2</v>
      </c>
      <c r="D19" s="29">
        <v>4</v>
      </c>
    </row>
    <row r="20" spans="1:4" ht="18" customHeight="1" x14ac:dyDescent="0.2">
      <c r="A20" s="31">
        <v>13</v>
      </c>
      <c r="B20" s="27">
        <v>3</v>
      </c>
      <c r="C20" s="28">
        <v>3</v>
      </c>
      <c r="D20" s="29">
        <v>6</v>
      </c>
    </row>
    <row r="21" spans="1:4" ht="18" customHeight="1" x14ac:dyDescent="0.2">
      <c r="A21" s="31">
        <v>14</v>
      </c>
      <c r="B21" s="27">
        <v>3</v>
      </c>
      <c r="C21" s="28">
        <v>3</v>
      </c>
      <c r="D21" s="29">
        <v>6</v>
      </c>
    </row>
    <row r="22" spans="1:4" ht="18" customHeight="1" x14ac:dyDescent="0.2">
      <c r="A22" s="31" t="s">
        <v>50</v>
      </c>
      <c r="B22" s="27">
        <v>11</v>
      </c>
      <c r="C22" s="28">
        <v>10</v>
      </c>
      <c r="D22" s="29">
        <v>21</v>
      </c>
    </row>
    <row r="23" spans="1:4" ht="18" customHeight="1" x14ac:dyDescent="0.2">
      <c r="A23" s="31" t="s">
        <v>51</v>
      </c>
      <c r="B23" s="27">
        <v>16</v>
      </c>
      <c r="C23" s="28">
        <v>24</v>
      </c>
      <c r="D23" s="29">
        <v>40</v>
      </c>
    </row>
    <row r="24" spans="1:4" ht="18" customHeight="1" x14ac:dyDescent="0.2">
      <c r="A24" s="31">
        <v>15</v>
      </c>
      <c r="B24" s="27">
        <v>3</v>
      </c>
      <c r="C24" s="28">
        <v>2</v>
      </c>
      <c r="D24" s="29">
        <v>5</v>
      </c>
    </row>
    <row r="25" spans="1:4" ht="18" customHeight="1" x14ac:dyDescent="0.2">
      <c r="A25" s="31">
        <v>16</v>
      </c>
      <c r="B25" s="27">
        <v>0</v>
      </c>
      <c r="C25" s="28">
        <v>3</v>
      </c>
      <c r="D25" s="29">
        <v>3</v>
      </c>
    </row>
    <row r="26" spans="1:4" ht="18" customHeight="1" x14ac:dyDescent="0.2">
      <c r="A26" s="31">
        <v>17</v>
      </c>
      <c r="B26" s="27">
        <v>4</v>
      </c>
      <c r="C26" s="28">
        <v>3</v>
      </c>
      <c r="D26" s="29">
        <v>7</v>
      </c>
    </row>
    <row r="27" spans="1:4" ht="18" customHeight="1" x14ac:dyDescent="0.2">
      <c r="A27" s="31">
        <v>18</v>
      </c>
      <c r="B27" s="27">
        <v>5</v>
      </c>
      <c r="C27" s="28">
        <v>2</v>
      </c>
      <c r="D27" s="29">
        <v>7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52</v>
      </c>
      <c r="B29" s="27">
        <v>14</v>
      </c>
      <c r="C29" s="28">
        <v>11</v>
      </c>
      <c r="D29" s="29">
        <v>25</v>
      </c>
    </row>
    <row r="30" spans="1:4" ht="18" customHeight="1" x14ac:dyDescent="0.2">
      <c r="A30" s="31">
        <v>20</v>
      </c>
      <c r="B30" s="27">
        <v>1</v>
      </c>
      <c r="C30" s="28">
        <v>1</v>
      </c>
      <c r="D30" s="29">
        <v>2</v>
      </c>
    </row>
    <row r="31" spans="1:4" ht="18" customHeight="1" x14ac:dyDescent="0.2">
      <c r="A31" s="31">
        <v>21</v>
      </c>
      <c r="B31" s="27">
        <v>1</v>
      </c>
      <c r="C31" s="28">
        <v>5</v>
      </c>
      <c r="D31" s="29">
        <v>6</v>
      </c>
    </row>
    <row r="32" spans="1:4" ht="18" customHeight="1" x14ac:dyDescent="0.2">
      <c r="A32" s="31">
        <v>22</v>
      </c>
      <c r="B32" s="27">
        <v>2</v>
      </c>
      <c r="C32" s="28">
        <v>1</v>
      </c>
      <c r="D32" s="29">
        <v>3</v>
      </c>
    </row>
    <row r="33" spans="1:4" ht="18" customHeight="1" x14ac:dyDescent="0.2">
      <c r="A33" s="31">
        <v>23</v>
      </c>
      <c r="B33" s="27">
        <v>1</v>
      </c>
      <c r="C33" s="28">
        <v>1</v>
      </c>
      <c r="D33" s="29">
        <v>2</v>
      </c>
    </row>
    <row r="34" spans="1:4" ht="18" customHeight="1" x14ac:dyDescent="0.2">
      <c r="A34" s="31">
        <v>24</v>
      </c>
      <c r="B34" s="27">
        <v>4</v>
      </c>
      <c r="C34" s="28">
        <v>1</v>
      </c>
      <c r="D34" s="29">
        <v>5</v>
      </c>
    </row>
    <row r="35" spans="1:4" ht="18" customHeight="1" x14ac:dyDescent="0.2">
      <c r="A35" s="31" t="s">
        <v>53</v>
      </c>
      <c r="B35" s="27">
        <v>9</v>
      </c>
      <c r="C35" s="28">
        <v>9</v>
      </c>
      <c r="D35" s="29">
        <v>18</v>
      </c>
    </row>
    <row r="36" spans="1:4" ht="18" customHeight="1" x14ac:dyDescent="0.2">
      <c r="A36" s="31">
        <v>25</v>
      </c>
      <c r="B36" s="27">
        <v>4</v>
      </c>
      <c r="C36" s="28">
        <v>1</v>
      </c>
      <c r="D36" s="29">
        <v>5</v>
      </c>
    </row>
    <row r="37" spans="1:4" ht="18" customHeight="1" x14ac:dyDescent="0.2">
      <c r="A37" s="31">
        <v>26</v>
      </c>
      <c r="B37" s="27">
        <v>3</v>
      </c>
      <c r="C37" s="28">
        <v>2</v>
      </c>
      <c r="D37" s="29">
        <v>5</v>
      </c>
    </row>
    <row r="38" spans="1:4" ht="18" customHeight="1" x14ac:dyDescent="0.2">
      <c r="A38" s="31">
        <v>27</v>
      </c>
      <c r="B38" s="27">
        <v>7</v>
      </c>
      <c r="C38" s="28">
        <v>3</v>
      </c>
      <c r="D38" s="29">
        <v>10</v>
      </c>
    </row>
    <row r="39" spans="1:4" ht="18" customHeight="1" x14ac:dyDescent="0.2">
      <c r="A39" s="31">
        <v>28</v>
      </c>
      <c r="B39" s="27">
        <v>2</v>
      </c>
      <c r="C39" s="28">
        <v>2</v>
      </c>
      <c r="D39" s="29">
        <v>4</v>
      </c>
    </row>
    <row r="40" spans="1:4" ht="18" customHeight="1" x14ac:dyDescent="0.2">
      <c r="A40" s="31">
        <v>29</v>
      </c>
      <c r="B40" s="27">
        <v>1</v>
      </c>
      <c r="C40" s="28">
        <v>2</v>
      </c>
      <c r="D40" s="29">
        <v>3</v>
      </c>
    </row>
    <row r="41" spans="1:4" ht="18" customHeight="1" x14ac:dyDescent="0.2">
      <c r="A41" s="31" t="s">
        <v>54</v>
      </c>
      <c r="B41" s="27">
        <v>17</v>
      </c>
      <c r="C41" s="28">
        <v>10</v>
      </c>
      <c r="D41" s="29">
        <v>27</v>
      </c>
    </row>
    <row r="42" spans="1:4" ht="18" customHeight="1" x14ac:dyDescent="0.2">
      <c r="A42" s="31">
        <v>30</v>
      </c>
      <c r="B42" s="27">
        <v>3</v>
      </c>
      <c r="C42" s="28">
        <v>2</v>
      </c>
      <c r="D42" s="29">
        <v>5</v>
      </c>
    </row>
    <row r="43" spans="1:4" ht="18" customHeight="1" x14ac:dyDescent="0.2">
      <c r="A43" s="31">
        <v>31</v>
      </c>
      <c r="B43" s="27">
        <v>2</v>
      </c>
      <c r="C43" s="28">
        <v>4</v>
      </c>
      <c r="D43" s="29">
        <v>6</v>
      </c>
    </row>
    <row r="44" spans="1:4" ht="18" customHeight="1" x14ac:dyDescent="0.2">
      <c r="A44" s="31">
        <v>32</v>
      </c>
      <c r="B44" s="27">
        <v>1</v>
      </c>
      <c r="C44" s="28">
        <v>3</v>
      </c>
      <c r="D44" s="29">
        <v>4</v>
      </c>
    </row>
    <row r="45" spans="1:4" ht="18" customHeight="1" x14ac:dyDescent="0.2">
      <c r="A45" s="31">
        <v>33</v>
      </c>
      <c r="B45" s="27">
        <v>3</v>
      </c>
      <c r="C45" s="28">
        <v>1</v>
      </c>
      <c r="D45" s="29">
        <v>4</v>
      </c>
    </row>
    <row r="46" spans="1:4" ht="18" customHeight="1" x14ac:dyDescent="0.2">
      <c r="A46" s="31">
        <v>34</v>
      </c>
      <c r="B46" s="27">
        <v>4</v>
      </c>
      <c r="C46" s="28">
        <v>4</v>
      </c>
      <c r="D46" s="29">
        <v>8</v>
      </c>
    </row>
    <row r="47" spans="1:4" ht="18" customHeight="1" x14ac:dyDescent="0.2">
      <c r="A47" s="31" t="s">
        <v>55</v>
      </c>
      <c r="B47" s="27">
        <v>13</v>
      </c>
      <c r="C47" s="28">
        <v>14</v>
      </c>
      <c r="D47" s="29">
        <v>27</v>
      </c>
    </row>
    <row r="48" spans="1:4" ht="18" customHeight="1" x14ac:dyDescent="0.2">
      <c r="A48" s="31">
        <v>35</v>
      </c>
      <c r="B48" s="27">
        <v>5</v>
      </c>
      <c r="C48" s="28">
        <v>2</v>
      </c>
      <c r="D48" s="29">
        <v>7</v>
      </c>
    </row>
    <row r="49" spans="1:4" ht="18" customHeight="1" x14ac:dyDescent="0.2">
      <c r="A49" s="31">
        <v>36</v>
      </c>
      <c r="B49" s="27">
        <v>2</v>
      </c>
      <c r="C49" s="28">
        <v>2</v>
      </c>
      <c r="D49" s="29">
        <v>4</v>
      </c>
    </row>
    <row r="50" spans="1:4" ht="18" customHeight="1" x14ac:dyDescent="0.2">
      <c r="A50" s="31">
        <v>37</v>
      </c>
      <c r="B50" s="27">
        <v>5</v>
      </c>
      <c r="C50" s="28">
        <v>4</v>
      </c>
      <c r="D50" s="29">
        <v>9</v>
      </c>
    </row>
    <row r="51" spans="1:4" ht="18" customHeight="1" x14ac:dyDescent="0.2">
      <c r="A51" s="31">
        <v>38</v>
      </c>
      <c r="B51" s="27">
        <v>0</v>
      </c>
      <c r="C51" s="28">
        <v>4</v>
      </c>
      <c r="D51" s="29">
        <v>4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12</v>
      </c>
      <c r="C53" s="28">
        <v>12</v>
      </c>
      <c r="D53" s="29">
        <v>24</v>
      </c>
    </row>
    <row r="54" spans="1:4" ht="18" customHeight="1" x14ac:dyDescent="0.2">
      <c r="A54" s="31">
        <v>40</v>
      </c>
      <c r="B54" s="27">
        <v>5</v>
      </c>
      <c r="C54" s="28">
        <v>2</v>
      </c>
      <c r="D54" s="29">
        <v>7</v>
      </c>
    </row>
    <row r="55" spans="1:4" ht="18" customHeight="1" x14ac:dyDescent="0.2">
      <c r="A55" s="31">
        <v>41</v>
      </c>
      <c r="B55" s="27">
        <v>1</v>
      </c>
      <c r="C55" s="28">
        <v>2</v>
      </c>
      <c r="D55" s="29">
        <v>3</v>
      </c>
    </row>
    <row r="56" spans="1:4" ht="18" customHeight="1" x14ac:dyDescent="0.2">
      <c r="A56" s="31">
        <v>42</v>
      </c>
      <c r="B56" s="27">
        <v>5</v>
      </c>
      <c r="C56" s="28">
        <v>9</v>
      </c>
      <c r="D56" s="29">
        <v>14</v>
      </c>
    </row>
    <row r="57" spans="1:4" ht="18" customHeight="1" x14ac:dyDescent="0.2">
      <c r="A57" s="31">
        <v>43</v>
      </c>
      <c r="B57" s="27">
        <v>5</v>
      </c>
      <c r="C57" s="28">
        <v>3</v>
      </c>
      <c r="D57" s="29">
        <v>8</v>
      </c>
    </row>
    <row r="58" spans="1:4" ht="18" customHeight="1" x14ac:dyDescent="0.2">
      <c r="A58" s="31">
        <v>44</v>
      </c>
      <c r="B58" s="27">
        <v>7</v>
      </c>
      <c r="C58" s="28">
        <v>2</v>
      </c>
      <c r="D58" s="29">
        <v>9</v>
      </c>
    </row>
    <row r="59" spans="1:4" ht="18" customHeight="1" x14ac:dyDescent="0.2">
      <c r="A59" s="31" t="s">
        <v>57</v>
      </c>
      <c r="B59" s="27">
        <v>23</v>
      </c>
      <c r="C59" s="28">
        <v>18</v>
      </c>
      <c r="D59" s="29">
        <v>41</v>
      </c>
    </row>
    <row r="60" spans="1:4" ht="18" customHeight="1" x14ac:dyDescent="0.2">
      <c r="A60" s="31">
        <v>45</v>
      </c>
      <c r="B60" s="27">
        <v>5</v>
      </c>
      <c r="C60" s="28">
        <v>4</v>
      </c>
      <c r="D60" s="29">
        <v>9</v>
      </c>
    </row>
    <row r="61" spans="1:4" ht="18" customHeight="1" x14ac:dyDescent="0.2">
      <c r="A61" s="31">
        <v>46</v>
      </c>
      <c r="B61" s="27">
        <v>3</v>
      </c>
      <c r="C61" s="28">
        <v>5</v>
      </c>
      <c r="D61" s="29">
        <v>8</v>
      </c>
    </row>
    <row r="62" spans="1:4" ht="18" customHeight="1" x14ac:dyDescent="0.2">
      <c r="A62" s="31">
        <v>47</v>
      </c>
      <c r="B62" s="27">
        <v>6</v>
      </c>
      <c r="C62" s="28">
        <v>4</v>
      </c>
      <c r="D62" s="29">
        <v>10</v>
      </c>
    </row>
    <row r="63" spans="1:4" ht="18" customHeight="1" x14ac:dyDescent="0.2">
      <c r="A63" s="31">
        <v>48</v>
      </c>
      <c r="B63" s="27">
        <v>4</v>
      </c>
      <c r="C63" s="28">
        <v>6</v>
      </c>
      <c r="D63" s="29">
        <v>10</v>
      </c>
    </row>
    <row r="64" spans="1:4" ht="18" customHeight="1" x14ac:dyDescent="0.2">
      <c r="A64" s="31">
        <v>49</v>
      </c>
      <c r="B64" s="27">
        <v>7</v>
      </c>
      <c r="C64" s="28">
        <v>4</v>
      </c>
      <c r="D64" s="29">
        <v>11</v>
      </c>
    </row>
    <row r="65" spans="1:4" ht="18" customHeight="1" x14ac:dyDescent="0.2">
      <c r="A65" s="31" t="s">
        <v>58</v>
      </c>
      <c r="B65" s="27">
        <v>25</v>
      </c>
      <c r="C65" s="28">
        <v>23</v>
      </c>
      <c r="D65" s="29">
        <v>48</v>
      </c>
    </row>
    <row r="66" spans="1:4" ht="18" customHeight="1" x14ac:dyDescent="0.2">
      <c r="A66" s="31">
        <v>50</v>
      </c>
      <c r="B66" s="27">
        <v>6</v>
      </c>
      <c r="C66" s="28">
        <v>4</v>
      </c>
      <c r="D66" s="29">
        <v>10</v>
      </c>
    </row>
    <row r="67" spans="1:4" ht="18" customHeight="1" x14ac:dyDescent="0.2">
      <c r="A67" s="31">
        <v>51</v>
      </c>
      <c r="B67" s="27">
        <v>5</v>
      </c>
      <c r="C67" s="28">
        <v>5</v>
      </c>
      <c r="D67" s="29">
        <v>10</v>
      </c>
    </row>
    <row r="68" spans="1:4" ht="18" customHeight="1" x14ac:dyDescent="0.2">
      <c r="A68" s="31">
        <v>52</v>
      </c>
      <c r="B68" s="27">
        <v>5</v>
      </c>
      <c r="C68" s="28">
        <v>5</v>
      </c>
      <c r="D68" s="29">
        <v>10</v>
      </c>
    </row>
    <row r="69" spans="1:4" ht="18" customHeight="1" x14ac:dyDescent="0.2">
      <c r="A69" s="31">
        <v>53</v>
      </c>
      <c r="B69" s="27">
        <v>2</v>
      </c>
      <c r="C69" s="28">
        <v>4</v>
      </c>
      <c r="D69" s="29">
        <v>6</v>
      </c>
    </row>
    <row r="70" spans="1:4" ht="18" customHeight="1" x14ac:dyDescent="0.2">
      <c r="A70" s="31">
        <v>54</v>
      </c>
      <c r="B70" s="27">
        <v>1</v>
      </c>
      <c r="C70" s="28">
        <v>6</v>
      </c>
      <c r="D70" s="29">
        <v>7</v>
      </c>
    </row>
    <row r="71" spans="1:4" ht="18" customHeight="1" x14ac:dyDescent="0.2">
      <c r="A71" s="31" t="s">
        <v>59</v>
      </c>
      <c r="B71" s="27">
        <v>19</v>
      </c>
      <c r="C71" s="28">
        <v>24</v>
      </c>
      <c r="D71" s="29">
        <v>43</v>
      </c>
    </row>
    <row r="72" spans="1:4" ht="18" customHeight="1" x14ac:dyDescent="0.2">
      <c r="A72" s="31">
        <v>55</v>
      </c>
      <c r="B72" s="27">
        <v>2</v>
      </c>
      <c r="C72" s="28">
        <v>4</v>
      </c>
      <c r="D72" s="29">
        <v>6</v>
      </c>
    </row>
    <row r="73" spans="1:4" ht="18" customHeight="1" x14ac:dyDescent="0.2">
      <c r="A73" s="31">
        <v>56</v>
      </c>
      <c r="B73" s="27">
        <v>3</v>
      </c>
      <c r="C73" s="28">
        <v>5</v>
      </c>
      <c r="D73" s="29">
        <v>8</v>
      </c>
    </row>
    <row r="74" spans="1:4" ht="18" customHeight="1" x14ac:dyDescent="0.2">
      <c r="A74" s="31">
        <v>57</v>
      </c>
      <c r="B74" s="27">
        <v>9</v>
      </c>
      <c r="C74" s="28">
        <v>6</v>
      </c>
      <c r="D74" s="29">
        <v>15</v>
      </c>
    </row>
    <row r="75" spans="1:4" ht="18" customHeight="1" x14ac:dyDescent="0.2">
      <c r="A75" s="31">
        <v>58</v>
      </c>
      <c r="B75" s="27">
        <v>6</v>
      </c>
      <c r="C75" s="28">
        <v>6</v>
      </c>
      <c r="D75" s="29">
        <v>12</v>
      </c>
    </row>
    <row r="76" spans="1:4" ht="18" customHeight="1" x14ac:dyDescent="0.2">
      <c r="A76" s="31">
        <v>59</v>
      </c>
      <c r="B76" s="27">
        <v>4</v>
      </c>
      <c r="C76" s="28">
        <v>7</v>
      </c>
      <c r="D76" s="29">
        <v>11</v>
      </c>
    </row>
    <row r="77" spans="1:4" ht="18" customHeight="1" x14ac:dyDescent="0.2">
      <c r="A77" s="31" t="s">
        <v>60</v>
      </c>
      <c r="B77" s="27">
        <v>24</v>
      </c>
      <c r="C77" s="28">
        <v>28</v>
      </c>
      <c r="D77" s="29">
        <v>52</v>
      </c>
    </row>
    <row r="78" spans="1:4" ht="18" customHeight="1" x14ac:dyDescent="0.2">
      <c r="A78" s="31">
        <v>60</v>
      </c>
      <c r="B78" s="27">
        <v>9</v>
      </c>
      <c r="C78" s="28">
        <v>6</v>
      </c>
      <c r="D78" s="29">
        <v>15</v>
      </c>
    </row>
    <row r="79" spans="1:4" ht="18" customHeight="1" x14ac:dyDescent="0.2">
      <c r="A79" s="31">
        <v>61</v>
      </c>
      <c r="B79" s="27">
        <v>7</v>
      </c>
      <c r="C79" s="28">
        <v>10</v>
      </c>
      <c r="D79" s="29">
        <v>17</v>
      </c>
    </row>
    <row r="80" spans="1:4" ht="18" customHeight="1" x14ac:dyDescent="0.2">
      <c r="A80" s="31">
        <v>62</v>
      </c>
      <c r="B80" s="27">
        <v>8</v>
      </c>
      <c r="C80" s="28">
        <v>6</v>
      </c>
      <c r="D80" s="29">
        <v>14</v>
      </c>
    </row>
    <row r="81" spans="1:4" ht="18" customHeight="1" x14ac:dyDescent="0.2">
      <c r="A81" s="31">
        <v>63</v>
      </c>
      <c r="B81" s="27">
        <v>3</v>
      </c>
      <c r="C81" s="28">
        <v>8</v>
      </c>
      <c r="D81" s="29">
        <v>11</v>
      </c>
    </row>
    <row r="82" spans="1:4" ht="18" customHeight="1" x14ac:dyDescent="0.2">
      <c r="A82" s="31">
        <v>64</v>
      </c>
      <c r="B82" s="27">
        <v>5</v>
      </c>
      <c r="C82" s="28">
        <v>7</v>
      </c>
      <c r="D82" s="29">
        <v>12</v>
      </c>
    </row>
    <row r="83" spans="1:4" ht="18" customHeight="1" x14ac:dyDescent="0.2">
      <c r="A83" s="31" t="s">
        <v>61</v>
      </c>
      <c r="B83" s="27">
        <v>32</v>
      </c>
      <c r="C83" s="28">
        <v>37</v>
      </c>
      <c r="D83" s="29">
        <v>69</v>
      </c>
    </row>
    <row r="84" spans="1:4" ht="18" customHeight="1" x14ac:dyDescent="0.2">
      <c r="A84" s="31" t="s">
        <v>62</v>
      </c>
      <c r="B84" s="27">
        <v>188</v>
      </c>
      <c r="C84" s="28">
        <v>186</v>
      </c>
      <c r="D84" s="29">
        <v>374</v>
      </c>
    </row>
    <row r="85" spans="1:4" ht="18" customHeight="1" x14ac:dyDescent="0.2">
      <c r="A85" s="31">
        <v>65</v>
      </c>
      <c r="B85" s="27">
        <v>10</v>
      </c>
      <c r="C85" s="28">
        <v>7</v>
      </c>
      <c r="D85" s="29">
        <v>17</v>
      </c>
    </row>
    <row r="86" spans="1:4" ht="18" customHeight="1" x14ac:dyDescent="0.2">
      <c r="A86" s="31">
        <v>66</v>
      </c>
      <c r="B86" s="27">
        <v>7</v>
      </c>
      <c r="C86" s="28">
        <v>8</v>
      </c>
      <c r="D86" s="29">
        <v>15</v>
      </c>
    </row>
    <row r="87" spans="1:4" ht="18" customHeight="1" x14ac:dyDescent="0.2">
      <c r="A87" s="31">
        <v>67</v>
      </c>
      <c r="B87" s="27">
        <v>5</v>
      </c>
      <c r="C87" s="28">
        <v>6</v>
      </c>
      <c r="D87" s="29">
        <v>11</v>
      </c>
    </row>
    <row r="88" spans="1:4" ht="18" customHeight="1" x14ac:dyDescent="0.2">
      <c r="A88" s="31">
        <v>68</v>
      </c>
      <c r="B88" s="27">
        <v>2</v>
      </c>
      <c r="C88" s="28">
        <v>8</v>
      </c>
      <c r="D88" s="29">
        <v>10</v>
      </c>
    </row>
    <row r="89" spans="1:4" ht="18" customHeight="1" x14ac:dyDescent="0.2">
      <c r="A89" s="31">
        <v>69</v>
      </c>
      <c r="B89" s="27">
        <v>11</v>
      </c>
      <c r="C89" s="28">
        <v>14</v>
      </c>
      <c r="D89" s="29">
        <v>25</v>
      </c>
    </row>
    <row r="90" spans="1:4" ht="18" customHeight="1" x14ac:dyDescent="0.2">
      <c r="A90" s="31" t="s">
        <v>63</v>
      </c>
      <c r="B90" s="27">
        <v>35</v>
      </c>
      <c r="C90" s="28">
        <v>43</v>
      </c>
      <c r="D90" s="29">
        <v>78</v>
      </c>
    </row>
    <row r="91" spans="1:4" ht="18" customHeight="1" x14ac:dyDescent="0.2">
      <c r="A91" s="31">
        <v>70</v>
      </c>
      <c r="B91" s="27">
        <v>7</v>
      </c>
      <c r="C91" s="28">
        <v>9</v>
      </c>
      <c r="D91" s="29">
        <v>16</v>
      </c>
    </row>
    <row r="92" spans="1:4" ht="18" customHeight="1" x14ac:dyDescent="0.2">
      <c r="A92" s="31">
        <v>71</v>
      </c>
      <c r="B92" s="27">
        <v>10</v>
      </c>
      <c r="C92" s="28">
        <v>13</v>
      </c>
      <c r="D92" s="29">
        <v>23</v>
      </c>
    </row>
    <row r="93" spans="1:4" ht="18" customHeight="1" x14ac:dyDescent="0.2">
      <c r="A93" s="31">
        <v>72</v>
      </c>
      <c r="B93" s="27">
        <v>9</v>
      </c>
      <c r="C93" s="28">
        <v>9</v>
      </c>
      <c r="D93" s="29">
        <v>18</v>
      </c>
    </row>
    <row r="94" spans="1:4" ht="18" customHeight="1" x14ac:dyDescent="0.2">
      <c r="A94" s="31">
        <v>73</v>
      </c>
      <c r="B94" s="27">
        <v>16</v>
      </c>
      <c r="C94" s="28">
        <v>16</v>
      </c>
      <c r="D94" s="29">
        <v>32</v>
      </c>
    </row>
    <row r="95" spans="1:4" ht="18" customHeight="1" x14ac:dyDescent="0.2">
      <c r="A95" s="31">
        <v>74</v>
      </c>
      <c r="B95" s="27">
        <v>4</v>
      </c>
      <c r="C95" s="28">
        <v>6</v>
      </c>
      <c r="D95" s="29">
        <v>10</v>
      </c>
    </row>
    <row r="96" spans="1:4" ht="18" customHeight="1" x14ac:dyDescent="0.2">
      <c r="A96" s="31" t="s">
        <v>64</v>
      </c>
      <c r="B96" s="27">
        <v>46</v>
      </c>
      <c r="C96" s="28">
        <v>53</v>
      </c>
      <c r="D96" s="29">
        <v>99</v>
      </c>
    </row>
    <row r="97" spans="1:4" ht="18" customHeight="1" x14ac:dyDescent="0.2">
      <c r="A97" s="31">
        <v>75</v>
      </c>
      <c r="B97" s="27">
        <v>5</v>
      </c>
      <c r="C97" s="28">
        <v>9</v>
      </c>
      <c r="D97" s="29">
        <v>14</v>
      </c>
    </row>
    <row r="98" spans="1:4" ht="18" customHeight="1" x14ac:dyDescent="0.2">
      <c r="A98" s="31">
        <v>76</v>
      </c>
      <c r="B98" s="27">
        <v>7</v>
      </c>
      <c r="C98" s="28">
        <v>11</v>
      </c>
      <c r="D98" s="29">
        <v>18</v>
      </c>
    </row>
    <row r="99" spans="1:4" ht="18" customHeight="1" x14ac:dyDescent="0.2">
      <c r="A99" s="31">
        <v>77</v>
      </c>
      <c r="B99" s="27">
        <v>6</v>
      </c>
      <c r="C99" s="28">
        <v>5</v>
      </c>
      <c r="D99" s="29">
        <v>11</v>
      </c>
    </row>
    <row r="100" spans="1:4" ht="18" customHeight="1" x14ac:dyDescent="0.2">
      <c r="A100" s="31">
        <v>78</v>
      </c>
      <c r="B100" s="27">
        <v>7</v>
      </c>
      <c r="C100" s="28">
        <v>15</v>
      </c>
      <c r="D100" s="29">
        <v>22</v>
      </c>
    </row>
    <row r="101" spans="1:4" ht="18" customHeight="1" x14ac:dyDescent="0.2">
      <c r="A101" s="31">
        <v>79</v>
      </c>
      <c r="B101" s="27">
        <v>8</v>
      </c>
      <c r="C101" s="28">
        <v>10</v>
      </c>
      <c r="D101" s="29">
        <v>18</v>
      </c>
    </row>
    <row r="102" spans="1:4" ht="18" customHeight="1" x14ac:dyDescent="0.2">
      <c r="A102" s="31" t="s">
        <v>65</v>
      </c>
      <c r="B102" s="27">
        <v>33</v>
      </c>
      <c r="C102" s="28">
        <v>50</v>
      </c>
      <c r="D102" s="29">
        <v>83</v>
      </c>
    </row>
    <row r="103" spans="1:4" ht="18" customHeight="1" x14ac:dyDescent="0.2">
      <c r="A103" s="31">
        <v>80</v>
      </c>
      <c r="B103" s="27">
        <v>8</v>
      </c>
      <c r="C103" s="28">
        <v>7</v>
      </c>
      <c r="D103" s="29">
        <v>15</v>
      </c>
    </row>
    <row r="104" spans="1:4" ht="18" customHeight="1" x14ac:dyDescent="0.2">
      <c r="A104" s="31">
        <v>81</v>
      </c>
      <c r="B104" s="27">
        <v>2</v>
      </c>
      <c r="C104" s="28">
        <v>9</v>
      </c>
      <c r="D104" s="29">
        <v>11</v>
      </c>
    </row>
    <row r="105" spans="1:4" ht="18" customHeight="1" x14ac:dyDescent="0.2">
      <c r="A105" s="31">
        <v>82</v>
      </c>
      <c r="B105" s="27">
        <v>7</v>
      </c>
      <c r="C105" s="28">
        <v>7</v>
      </c>
      <c r="D105" s="29">
        <v>14</v>
      </c>
    </row>
    <row r="106" spans="1:4" ht="18" customHeight="1" x14ac:dyDescent="0.2">
      <c r="A106" s="31">
        <v>83</v>
      </c>
      <c r="B106" s="27">
        <v>7</v>
      </c>
      <c r="C106" s="28">
        <v>10</v>
      </c>
      <c r="D106" s="29">
        <v>17</v>
      </c>
    </row>
    <row r="107" spans="1:4" ht="18" customHeight="1" x14ac:dyDescent="0.2">
      <c r="A107" s="31">
        <v>84</v>
      </c>
      <c r="B107" s="27">
        <v>4</v>
      </c>
      <c r="C107" s="28">
        <v>10</v>
      </c>
      <c r="D107" s="29">
        <v>14</v>
      </c>
    </row>
    <row r="108" spans="1:4" ht="18" customHeight="1" x14ac:dyDescent="0.2">
      <c r="A108" s="31" t="s">
        <v>66</v>
      </c>
      <c r="B108" s="27">
        <v>28</v>
      </c>
      <c r="C108" s="28">
        <v>43</v>
      </c>
      <c r="D108" s="29">
        <v>71</v>
      </c>
    </row>
    <row r="109" spans="1:4" ht="18" customHeight="1" x14ac:dyDescent="0.2">
      <c r="A109" s="31">
        <v>85</v>
      </c>
      <c r="B109" s="27">
        <v>8</v>
      </c>
      <c r="C109" s="28">
        <v>9</v>
      </c>
      <c r="D109" s="29">
        <v>17</v>
      </c>
    </row>
    <row r="110" spans="1:4" ht="18" customHeight="1" x14ac:dyDescent="0.2">
      <c r="A110" s="31">
        <v>86</v>
      </c>
      <c r="B110" s="27">
        <v>9</v>
      </c>
      <c r="C110" s="28">
        <v>15</v>
      </c>
      <c r="D110" s="29">
        <v>24</v>
      </c>
    </row>
    <row r="111" spans="1:4" ht="18" customHeight="1" x14ac:dyDescent="0.2">
      <c r="A111" s="31">
        <v>87</v>
      </c>
      <c r="B111" s="27">
        <v>5</v>
      </c>
      <c r="C111" s="28">
        <v>10</v>
      </c>
      <c r="D111" s="29">
        <v>15</v>
      </c>
    </row>
    <row r="112" spans="1:4" ht="18" customHeight="1" x14ac:dyDescent="0.2">
      <c r="A112" s="31">
        <v>88</v>
      </c>
      <c r="B112" s="27">
        <v>7</v>
      </c>
      <c r="C112" s="28">
        <v>8</v>
      </c>
      <c r="D112" s="29">
        <v>15</v>
      </c>
    </row>
    <row r="113" spans="1:4" ht="18" customHeight="1" x14ac:dyDescent="0.2">
      <c r="A113" s="31">
        <v>89</v>
      </c>
      <c r="B113" s="27">
        <v>4</v>
      </c>
      <c r="C113" s="28">
        <v>8</v>
      </c>
      <c r="D113" s="29">
        <v>12</v>
      </c>
    </row>
    <row r="114" spans="1:4" ht="18" customHeight="1" x14ac:dyDescent="0.2">
      <c r="A114" s="31" t="s">
        <v>67</v>
      </c>
      <c r="B114" s="27">
        <v>33</v>
      </c>
      <c r="C114" s="28">
        <v>50</v>
      </c>
      <c r="D114" s="29">
        <v>83</v>
      </c>
    </row>
    <row r="115" spans="1:4" ht="18" customHeight="1" x14ac:dyDescent="0.2">
      <c r="A115" s="31">
        <v>90</v>
      </c>
      <c r="B115" s="27">
        <v>5</v>
      </c>
      <c r="C115" s="28">
        <v>7</v>
      </c>
      <c r="D115" s="29">
        <v>12</v>
      </c>
    </row>
    <row r="116" spans="1:4" ht="18" customHeight="1" x14ac:dyDescent="0.2">
      <c r="A116" s="31">
        <v>91</v>
      </c>
      <c r="B116" s="27">
        <v>3</v>
      </c>
      <c r="C116" s="28">
        <v>4</v>
      </c>
      <c r="D116" s="29">
        <v>7</v>
      </c>
    </row>
    <row r="117" spans="1:4" ht="18" customHeight="1" x14ac:dyDescent="0.2">
      <c r="A117" s="31">
        <v>92</v>
      </c>
      <c r="B117" s="27">
        <v>3</v>
      </c>
      <c r="C117" s="28">
        <v>2</v>
      </c>
      <c r="D117" s="29">
        <v>5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12</v>
      </c>
      <c r="C120" s="28">
        <v>16</v>
      </c>
      <c r="D120" s="29">
        <v>28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10</v>
      </c>
      <c r="D126" s="29">
        <v>1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88</v>
      </c>
      <c r="C130" s="5">
        <v>266</v>
      </c>
      <c r="D130" s="6">
        <v>454</v>
      </c>
    </row>
    <row r="131" spans="1:4" ht="18" customHeight="1" x14ac:dyDescent="0.2">
      <c r="A131" s="33" t="s">
        <v>47</v>
      </c>
      <c r="B131" s="7">
        <v>392</v>
      </c>
      <c r="C131" s="8">
        <v>476</v>
      </c>
      <c r="D131" s="9">
        <v>86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8</v>
      </c>
      <c r="C5" s="37">
        <v>14</v>
      </c>
      <c r="D5" s="39">
        <v>22</v>
      </c>
    </row>
    <row r="6" spans="1:4" ht="18" customHeight="1" x14ac:dyDescent="0.2">
      <c r="A6" s="31">
        <v>1</v>
      </c>
      <c r="B6" s="35">
        <v>11</v>
      </c>
      <c r="C6" s="28">
        <v>9</v>
      </c>
      <c r="D6" s="29">
        <v>20</v>
      </c>
    </row>
    <row r="7" spans="1:4" ht="18" customHeight="1" x14ac:dyDescent="0.2">
      <c r="A7" s="31">
        <v>2</v>
      </c>
      <c r="B7" s="35">
        <v>17</v>
      </c>
      <c r="C7" s="28">
        <v>20</v>
      </c>
      <c r="D7" s="29">
        <v>37</v>
      </c>
    </row>
    <row r="8" spans="1:4" ht="18" customHeight="1" x14ac:dyDescent="0.2">
      <c r="A8" s="31">
        <v>3</v>
      </c>
      <c r="B8" s="35">
        <v>20</v>
      </c>
      <c r="C8" s="28">
        <v>13</v>
      </c>
      <c r="D8" s="29">
        <v>33</v>
      </c>
    </row>
    <row r="9" spans="1:4" ht="18" customHeight="1" x14ac:dyDescent="0.2">
      <c r="A9" s="31">
        <v>4</v>
      </c>
      <c r="B9" s="36">
        <v>19</v>
      </c>
      <c r="C9" s="38">
        <v>13</v>
      </c>
      <c r="D9" s="40">
        <v>32</v>
      </c>
    </row>
    <row r="10" spans="1:4" ht="18" customHeight="1" x14ac:dyDescent="0.2">
      <c r="A10" s="31" t="s">
        <v>48</v>
      </c>
      <c r="B10" s="27">
        <v>75</v>
      </c>
      <c r="C10" s="28">
        <v>69</v>
      </c>
      <c r="D10" s="29">
        <v>144</v>
      </c>
    </row>
    <row r="11" spans="1:4" ht="18" customHeight="1" x14ac:dyDescent="0.2">
      <c r="A11" s="31">
        <v>5</v>
      </c>
      <c r="B11" s="35">
        <v>16</v>
      </c>
      <c r="C11" s="28">
        <v>18</v>
      </c>
      <c r="D11" s="29">
        <v>34</v>
      </c>
    </row>
    <row r="12" spans="1:4" ht="18" customHeight="1" x14ac:dyDescent="0.2">
      <c r="A12" s="31">
        <v>6</v>
      </c>
      <c r="B12" s="35">
        <v>16</v>
      </c>
      <c r="C12" s="28">
        <v>20</v>
      </c>
      <c r="D12" s="29">
        <v>36</v>
      </c>
    </row>
    <row r="13" spans="1:4" ht="18" customHeight="1" x14ac:dyDescent="0.2">
      <c r="A13" s="31">
        <v>7</v>
      </c>
      <c r="B13" s="35">
        <v>23</v>
      </c>
      <c r="C13" s="28">
        <v>21</v>
      </c>
      <c r="D13" s="29">
        <v>44</v>
      </c>
    </row>
    <row r="14" spans="1:4" ht="18" customHeight="1" x14ac:dyDescent="0.2">
      <c r="A14" s="31">
        <v>8</v>
      </c>
      <c r="B14" s="35">
        <v>22</v>
      </c>
      <c r="C14" s="28">
        <v>13</v>
      </c>
      <c r="D14" s="29">
        <v>35</v>
      </c>
    </row>
    <row r="15" spans="1:4" ht="18" customHeight="1" x14ac:dyDescent="0.2">
      <c r="A15" s="31">
        <v>9</v>
      </c>
      <c r="B15" s="35">
        <v>24</v>
      </c>
      <c r="C15" s="28">
        <v>18</v>
      </c>
      <c r="D15" s="29">
        <v>42</v>
      </c>
    </row>
    <row r="16" spans="1:4" ht="18" customHeight="1" x14ac:dyDescent="0.2">
      <c r="A16" s="31" t="s">
        <v>49</v>
      </c>
      <c r="B16" s="27">
        <v>101</v>
      </c>
      <c r="C16" s="28">
        <v>90</v>
      </c>
      <c r="D16" s="29">
        <v>191</v>
      </c>
    </row>
    <row r="17" spans="1:4" ht="18" customHeight="1" x14ac:dyDescent="0.2">
      <c r="A17" s="31">
        <v>10</v>
      </c>
      <c r="B17" s="27">
        <v>22</v>
      </c>
      <c r="C17" s="28">
        <v>17</v>
      </c>
      <c r="D17" s="29">
        <v>39</v>
      </c>
    </row>
    <row r="18" spans="1:4" ht="18" customHeight="1" x14ac:dyDescent="0.2">
      <c r="A18" s="31">
        <v>11</v>
      </c>
      <c r="B18" s="27">
        <v>30</v>
      </c>
      <c r="C18" s="28">
        <v>21</v>
      </c>
      <c r="D18" s="29">
        <v>51</v>
      </c>
    </row>
    <row r="19" spans="1:4" ht="18" customHeight="1" x14ac:dyDescent="0.2">
      <c r="A19" s="31">
        <v>12</v>
      </c>
      <c r="B19" s="27">
        <v>30</v>
      </c>
      <c r="C19" s="28">
        <v>28</v>
      </c>
      <c r="D19" s="29">
        <v>58</v>
      </c>
    </row>
    <row r="20" spans="1:4" ht="18" customHeight="1" x14ac:dyDescent="0.2">
      <c r="A20" s="31">
        <v>13</v>
      </c>
      <c r="B20" s="27">
        <v>20</v>
      </c>
      <c r="C20" s="28">
        <v>27</v>
      </c>
      <c r="D20" s="29">
        <v>47</v>
      </c>
    </row>
    <row r="21" spans="1:4" ht="18" customHeight="1" x14ac:dyDescent="0.2">
      <c r="A21" s="31">
        <v>14</v>
      </c>
      <c r="B21" s="27">
        <v>20</v>
      </c>
      <c r="C21" s="28">
        <v>23</v>
      </c>
      <c r="D21" s="29">
        <v>43</v>
      </c>
    </row>
    <row r="22" spans="1:4" ht="18" customHeight="1" x14ac:dyDescent="0.2">
      <c r="A22" s="31" t="s">
        <v>50</v>
      </c>
      <c r="B22" s="27">
        <v>122</v>
      </c>
      <c r="C22" s="28">
        <v>116</v>
      </c>
      <c r="D22" s="29">
        <v>238</v>
      </c>
    </row>
    <row r="23" spans="1:4" ht="18" customHeight="1" x14ac:dyDescent="0.2">
      <c r="A23" s="31" t="s">
        <v>51</v>
      </c>
      <c r="B23" s="27">
        <v>298</v>
      </c>
      <c r="C23" s="28">
        <v>275</v>
      </c>
      <c r="D23" s="29">
        <v>573</v>
      </c>
    </row>
    <row r="24" spans="1:4" ht="18" customHeight="1" x14ac:dyDescent="0.2">
      <c r="A24" s="31">
        <v>15</v>
      </c>
      <c r="B24" s="27">
        <v>39</v>
      </c>
      <c r="C24" s="28">
        <v>31</v>
      </c>
      <c r="D24" s="29">
        <v>70</v>
      </c>
    </row>
    <row r="25" spans="1:4" ht="18" customHeight="1" x14ac:dyDescent="0.2">
      <c r="A25" s="31">
        <v>16</v>
      </c>
      <c r="B25" s="27">
        <v>27</v>
      </c>
      <c r="C25" s="28">
        <v>35</v>
      </c>
      <c r="D25" s="29">
        <v>62</v>
      </c>
    </row>
    <row r="26" spans="1:4" ht="18" customHeight="1" x14ac:dyDescent="0.2">
      <c r="A26" s="31">
        <v>17</v>
      </c>
      <c r="B26" s="27">
        <v>35</v>
      </c>
      <c r="C26" s="28">
        <v>27</v>
      </c>
      <c r="D26" s="29">
        <v>62</v>
      </c>
    </row>
    <row r="27" spans="1:4" ht="18" customHeight="1" x14ac:dyDescent="0.2">
      <c r="A27" s="31">
        <v>18</v>
      </c>
      <c r="B27" s="27">
        <v>33</v>
      </c>
      <c r="C27" s="28">
        <v>39</v>
      </c>
      <c r="D27" s="29">
        <v>72</v>
      </c>
    </row>
    <row r="28" spans="1:4" ht="18" customHeight="1" x14ac:dyDescent="0.2">
      <c r="A28" s="31">
        <v>19</v>
      </c>
      <c r="B28" s="27">
        <v>31</v>
      </c>
      <c r="C28" s="28">
        <v>32</v>
      </c>
      <c r="D28" s="29">
        <v>63</v>
      </c>
    </row>
    <row r="29" spans="1:4" ht="18" customHeight="1" x14ac:dyDescent="0.2">
      <c r="A29" s="31" t="s">
        <v>52</v>
      </c>
      <c r="B29" s="27">
        <v>165</v>
      </c>
      <c r="C29" s="28">
        <v>164</v>
      </c>
      <c r="D29" s="29">
        <v>329</v>
      </c>
    </row>
    <row r="30" spans="1:4" ht="18" customHeight="1" x14ac:dyDescent="0.2">
      <c r="A30" s="31">
        <v>20</v>
      </c>
      <c r="B30" s="27">
        <v>22</v>
      </c>
      <c r="C30" s="28">
        <v>19</v>
      </c>
      <c r="D30" s="29">
        <v>41</v>
      </c>
    </row>
    <row r="31" spans="1:4" ht="18" customHeight="1" x14ac:dyDescent="0.2">
      <c r="A31" s="31">
        <v>21</v>
      </c>
      <c r="B31" s="27">
        <v>31</v>
      </c>
      <c r="C31" s="28">
        <v>30</v>
      </c>
      <c r="D31" s="29">
        <v>61</v>
      </c>
    </row>
    <row r="32" spans="1:4" ht="18" customHeight="1" x14ac:dyDescent="0.2">
      <c r="A32" s="31">
        <v>22</v>
      </c>
      <c r="B32" s="27">
        <v>30</v>
      </c>
      <c r="C32" s="28">
        <v>26</v>
      </c>
      <c r="D32" s="29">
        <v>56</v>
      </c>
    </row>
    <row r="33" spans="1:4" ht="18" customHeight="1" x14ac:dyDescent="0.2">
      <c r="A33" s="31">
        <v>23</v>
      </c>
      <c r="B33" s="27">
        <v>37</v>
      </c>
      <c r="C33" s="28">
        <v>26</v>
      </c>
      <c r="D33" s="29">
        <v>63</v>
      </c>
    </row>
    <row r="34" spans="1:4" ht="18" customHeight="1" x14ac:dyDescent="0.2">
      <c r="A34" s="31">
        <v>24</v>
      </c>
      <c r="B34" s="27">
        <v>33</v>
      </c>
      <c r="C34" s="28">
        <v>21</v>
      </c>
      <c r="D34" s="29">
        <v>54</v>
      </c>
    </row>
    <row r="35" spans="1:4" ht="18" customHeight="1" x14ac:dyDescent="0.2">
      <c r="A35" s="31" t="s">
        <v>53</v>
      </c>
      <c r="B35" s="27">
        <v>153</v>
      </c>
      <c r="C35" s="28">
        <v>122</v>
      </c>
      <c r="D35" s="29">
        <v>275</v>
      </c>
    </row>
    <row r="36" spans="1:4" ht="18" customHeight="1" x14ac:dyDescent="0.2">
      <c r="A36" s="31">
        <v>25</v>
      </c>
      <c r="B36" s="27">
        <v>31</v>
      </c>
      <c r="C36" s="28">
        <v>25</v>
      </c>
      <c r="D36" s="29">
        <v>56</v>
      </c>
    </row>
    <row r="37" spans="1:4" ht="18" customHeight="1" x14ac:dyDescent="0.2">
      <c r="A37" s="31">
        <v>26</v>
      </c>
      <c r="B37" s="27">
        <v>25</v>
      </c>
      <c r="C37" s="28">
        <v>20</v>
      </c>
      <c r="D37" s="29">
        <v>45</v>
      </c>
    </row>
    <row r="38" spans="1:4" ht="18" customHeight="1" x14ac:dyDescent="0.2">
      <c r="A38" s="31">
        <v>27</v>
      </c>
      <c r="B38" s="27">
        <v>27</v>
      </c>
      <c r="C38" s="28">
        <v>16</v>
      </c>
      <c r="D38" s="29">
        <v>43</v>
      </c>
    </row>
    <row r="39" spans="1:4" ht="18" customHeight="1" x14ac:dyDescent="0.2">
      <c r="A39" s="31">
        <v>28</v>
      </c>
      <c r="B39" s="27">
        <v>14</v>
      </c>
      <c r="C39" s="28">
        <v>16</v>
      </c>
      <c r="D39" s="29">
        <v>30</v>
      </c>
    </row>
    <row r="40" spans="1:4" ht="18" customHeight="1" x14ac:dyDescent="0.2">
      <c r="A40" s="31">
        <v>29</v>
      </c>
      <c r="B40" s="27">
        <v>8</v>
      </c>
      <c r="C40" s="28">
        <v>11</v>
      </c>
      <c r="D40" s="29">
        <v>19</v>
      </c>
    </row>
    <row r="41" spans="1:4" ht="18" customHeight="1" x14ac:dyDescent="0.2">
      <c r="A41" s="31" t="s">
        <v>54</v>
      </c>
      <c r="B41" s="27">
        <v>105</v>
      </c>
      <c r="C41" s="28">
        <v>88</v>
      </c>
      <c r="D41" s="29">
        <v>193</v>
      </c>
    </row>
    <row r="42" spans="1:4" ht="18" customHeight="1" x14ac:dyDescent="0.2">
      <c r="A42" s="31">
        <v>30</v>
      </c>
      <c r="B42" s="27">
        <v>15</v>
      </c>
      <c r="C42" s="28">
        <v>18</v>
      </c>
      <c r="D42" s="29">
        <v>33</v>
      </c>
    </row>
    <row r="43" spans="1:4" ht="18" customHeight="1" x14ac:dyDescent="0.2">
      <c r="A43" s="31">
        <v>31</v>
      </c>
      <c r="B43" s="27">
        <v>24</v>
      </c>
      <c r="C43" s="28">
        <v>17</v>
      </c>
      <c r="D43" s="29">
        <v>41</v>
      </c>
    </row>
    <row r="44" spans="1:4" ht="18" customHeight="1" x14ac:dyDescent="0.2">
      <c r="A44" s="31">
        <v>32</v>
      </c>
      <c r="B44" s="27">
        <v>20</v>
      </c>
      <c r="C44" s="28">
        <v>13</v>
      </c>
      <c r="D44" s="29">
        <v>33</v>
      </c>
    </row>
    <row r="45" spans="1:4" ht="18" customHeight="1" x14ac:dyDescent="0.2">
      <c r="A45" s="31">
        <v>33</v>
      </c>
      <c r="B45" s="27">
        <v>19</v>
      </c>
      <c r="C45" s="28">
        <v>15</v>
      </c>
      <c r="D45" s="29">
        <v>34</v>
      </c>
    </row>
    <row r="46" spans="1:4" ht="18" customHeight="1" x14ac:dyDescent="0.2">
      <c r="A46" s="31">
        <v>34</v>
      </c>
      <c r="B46" s="27">
        <v>10</v>
      </c>
      <c r="C46" s="28">
        <v>11</v>
      </c>
      <c r="D46" s="29">
        <v>21</v>
      </c>
    </row>
    <row r="47" spans="1:4" ht="18" customHeight="1" x14ac:dyDescent="0.2">
      <c r="A47" s="31" t="s">
        <v>55</v>
      </c>
      <c r="B47" s="27">
        <v>88</v>
      </c>
      <c r="C47" s="28">
        <v>74</v>
      </c>
      <c r="D47" s="29">
        <v>162</v>
      </c>
    </row>
    <row r="48" spans="1:4" ht="18" customHeight="1" x14ac:dyDescent="0.2">
      <c r="A48" s="31">
        <v>35</v>
      </c>
      <c r="B48" s="27">
        <v>21</v>
      </c>
      <c r="C48" s="28">
        <v>17</v>
      </c>
      <c r="D48" s="29">
        <v>38</v>
      </c>
    </row>
    <row r="49" spans="1:4" ht="18" customHeight="1" x14ac:dyDescent="0.2">
      <c r="A49" s="31">
        <v>36</v>
      </c>
      <c r="B49" s="27">
        <v>23</v>
      </c>
      <c r="C49" s="28">
        <v>25</v>
      </c>
      <c r="D49" s="29">
        <v>48</v>
      </c>
    </row>
    <row r="50" spans="1:4" ht="18" customHeight="1" x14ac:dyDescent="0.2">
      <c r="A50" s="31">
        <v>37</v>
      </c>
      <c r="B50" s="27">
        <v>27</v>
      </c>
      <c r="C50" s="28">
        <v>30</v>
      </c>
      <c r="D50" s="29">
        <v>57</v>
      </c>
    </row>
    <row r="51" spans="1:4" ht="18" customHeight="1" x14ac:dyDescent="0.2">
      <c r="A51" s="31">
        <v>38</v>
      </c>
      <c r="B51" s="27">
        <v>19</v>
      </c>
      <c r="C51" s="28">
        <v>27</v>
      </c>
      <c r="D51" s="29">
        <v>46</v>
      </c>
    </row>
    <row r="52" spans="1:4" ht="18" customHeight="1" x14ac:dyDescent="0.2">
      <c r="A52" s="31">
        <v>39</v>
      </c>
      <c r="B52" s="27">
        <v>30</v>
      </c>
      <c r="C52" s="28">
        <v>25</v>
      </c>
      <c r="D52" s="29">
        <v>55</v>
      </c>
    </row>
    <row r="53" spans="1:4" ht="18" customHeight="1" x14ac:dyDescent="0.2">
      <c r="A53" s="31" t="s">
        <v>56</v>
      </c>
      <c r="B53" s="27">
        <v>120</v>
      </c>
      <c r="C53" s="28">
        <v>124</v>
      </c>
      <c r="D53" s="29">
        <v>244</v>
      </c>
    </row>
    <row r="54" spans="1:4" ht="18" customHeight="1" x14ac:dyDescent="0.2">
      <c r="A54" s="31">
        <v>40</v>
      </c>
      <c r="B54" s="27">
        <v>35</v>
      </c>
      <c r="C54" s="28">
        <v>33</v>
      </c>
      <c r="D54" s="29">
        <v>68</v>
      </c>
    </row>
    <row r="55" spans="1:4" ht="18" customHeight="1" x14ac:dyDescent="0.2">
      <c r="A55" s="31">
        <v>41</v>
      </c>
      <c r="B55" s="27">
        <v>23</v>
      </c>
      <c r="C55" s="28">
        <v>30</v>
      </c>
      <c r="D55" s="29">
        <v>53</v>
      </c>
    </row>
    <row r="56" spans="1:4" ht="18" customHeight="1" x14ac:dyDescent="0.2">
      <c r="A56" s="31">
        <v>42</v>
      </c>
      <c r="B56" s="27">
        <v>33</v>
      </c>
      <c r="C56" s="28">
        <v>31</v>
      </c>
      <c r="D56" s="29">
        <v>64</v>
      </c>
    </row>
    <row r="57" spans="1:4" ht="18" customHeight="1" x14ac:dyDescent="0.2">
      <c r="A57" s="31">
        <v>43</v>
      </c>
      <c r="B57" s="27">
        <v>42</v>
      </c>
      <c r="C57" s="28">
        <v>34</v>
      </c>
      <c r="D57" s="29">
        <v>76</v>
      </c>
    </row>
    <row r="58" spans="1:4" ht="18" customHeight="1" x14ac:dyDescent="0.2">
      <c r="A58" s="31">
        <v>44</v>
      </c>
      <c r="B58" s="27">
        <v>47</v>
      </c>
      <c r="C58" s="28">
        <v>39</v>
      </c>
      <c r="D58" s="29">
        <v>86</v>
      </c>
    </row>
    <row r="59" spans="1:4" ht="18" customHeight="1" x14ac:dyDescent="0.2">
      <c r="A59" s="31" t="s">
        <v>57</v>
      </c>
      <c r="B59" s="27">
        <v>180</v>
      </c>
      <c r="C59" s="28">
        <v>167</v>
      </c>
      <c r="D59" s="29">
        <v>347</v>
      </c>
    </row>
    <row r="60" spans="1:4" ht="18" customHeight="1" x14ac:dyDescent="0.2">
      <c r="A60" s="31">
        <v>45</v>
      </c>
      <c r="B60" s="27">
        <v>44</v>
      </c>
      <c r="C60" s="28">
        <v>46</v>
      </c>
      <c r="D60" s="29">
        <v>90</v>
      </c>
    </row>
    <row r="61" spans="1:4" ht="18" customHeight="1" x14ac:dyDescent="0.2">
      <c r="A61" s="31">
        <v>46</v>
      </c>
      <c r="B61" s="27">
        <v>61</v>
      </c>
      <c r="C61" s="28">
        <v>47</v>
      </c>
      <c r="D61" s="29">
        <v>108</v>
      </c>
    </row>
    <row r="62" spans="1:4" ht="18" customHeight="1" x14ac:dyDescent="0.2">
      <c r="A62" s="31">
        <v>47</v>
      </c>
      <c r="B62" s="27">
        <v>46</v>
      </c>
      <c r="C62" s="28">
        <v>63</v>
      </c>
      <c r="D62" s="29">
        <v>109</v>
      </c>
    </row>
    <row r="63" spans="1:4" ht="18" customHeight="1" x14ac:dyDescent="0.2">
      <c r="A63" s="31">
        <v>48</v>
      </c>
      <c r="B63" s="27">
        <v>50</v>
      </c>
      <c r="C63" s="28">
        <v>54</v>
      </c>
      <c r="D63" s="29">
        <v>104</v>
      </c>
    </row>
    <row r="64" spans="1:4" ht="18" customHeight="1" x14ac:dyDescent="0.2">
      <c r="A64" s="31">
        <v>49</v>
      </c>
      <c r="B64" s="27">
        <v>48</v>
      </c>
      <c r="C64" s="28">
        <v>53</v>
      </c>
      <c r="D64" s="29">
        <v>101</v>
      </c>
    </row>
    <row r="65" spans="1:4" ht="18" customHeight="1" x14ac:dyDescent="0.2">
      <c r="A65" s="31" t="s">
        <v>58</v>
      </c>
      <c r="B65" s="27">
        <v>249</v>
      </c>
      <c r="C65" s="28">
        <v>263</v>
      </c>
      <c r="D65" s="29">
        <v>512</v>
      </c>
    </row>
    <row r="66" spans="1:4" ht="18" customHeight="1" x14ac:dyDescent="0.2">
      <c r="A66" s="31">
        <v>50</v>
      </c>
      <c r="B66" s="27">
        <v>51</v>
      </c>
      <c r="C66" s="28">
        <v>48</v>
      </c>
      <c r="D66" s="29">
        <v>99</v>
      </c>
    </row>
    <row r="67" spans="1:4" ht="18" customHeight="1" x14ac:dyDescent="0.2">
      <c r="A67" s="31">
        <v>51</v>
      </c>
      <c r="B67" s="27">
        <v>44</v>
      </c>
      <c r="C67" s="28">
        <v>38</v>
      </c>
      <c r="D67" s="29">
        <v>82</v>
      </c>
    </row>
    <row r="68" spans="1:4" ht="18" customHeight="1" x14ac:dyDescent="0.2">
      <c r="A68" s="31">
        <v>52</v>
      </c>
      <c r="B68" s="27">
        <v>46</v>
      </c>
      <c r="C68" s="28">
        <v>49</v>
      </c>
      <c r="D68" s="29">
        <v>95</v>
      </c>
    </row>
    <row r="69" spans="1:4" ht="18" customHeight="1" x14ac:dyDescent="0.2">
      <c r="A69" s="31">
        <v>53</v>
      </c>
      <c r="B69" s="27">
        <v>44</v>
      </c>
      <c r="C69" s="28">
        <v>35</v>
      </c>
      <c r="D69" s="29">
        <v>79</v>
      </c>
    </row>
    <row r="70" spans="1:4" ht="18" customHeight="1" x14ac:dyDescent="0.2">
      <c r="A70" s="31">
        <v>54</v>
      </c>
      <c r="B70" s="27">
        <v>33</v>
      </c>
      <c r="C70" s="28">
        <v>31</v>
      </c>
      <c r="D70" s="29">
        <v>64</v>
      </c>
    </row>
    <row r="71" spans="1:4" ht="18" customHeight="1" x14ac:dyDescent="0.2">
      <c r="A71" s="31" t="s">
        <v>59</v>
      </c>
      <c r="B71" s="27">
        <v>218</v>
      </c>
      <c r="C71" s="28">
        <v>201</v>
      </c>
      <c r="D71" s="29">
        <v>419</v>
      </c>
    </row>
    <row r="72" spans="1:4" ht="18" customHeight="1" x14ac:dyDescent="0.2">
      <c r="A72" s="31">
        <v>55</v>
      </c>
      <c r="B72" s="27">
        <v>30</v>
      </c>
      <c r="C72" s="28">
        <v>31</v>
      </c>
      <c r="D72" s="29">
        <v>61</v>
      </c>
    </row>
    <row r="73" spans="1:4" ht="18" customHeight="1" x14ac:dyDescent="0.2">
      <c r="A73" s="31">
        <v>56</v>
      </c>
      <c r="B73" s="27">
        <v>42</v>
      </c>
      <c r="C73" s="28">
        <v>25</v>
      </c>
      <c r="D73" s="29">
        <v>67</v>
      </c>
    </row>
    <row r="74" spans="1:4" ht="18" customHeight="1" x14ac:dyDescent="0.2">
      <c r="A74" s="31">
        <v>57</v>
      </c>
      <c r="B74" s="27">
        <v>36</v>
      </c>
      <c r="C74" s="28">
        <v>45</v>
      </c>
      <c r="D74" s="29">
        <v>81</v>
      </c>
    </row>
    <row r="75" spans="1:4" ht="18" customHeight="1" x14ac:dyDescent="0.2">
      <c r="A75" s="31">
        <v>58</v>
      </c>
      <c r="B75" s="27">
        <v>42</v>
      </c>
      <c r="C75" s="28">
        <v>27</v>
      </c>
      <c r="D75" s="29">
        <v>69</v>
      </c>
    </row>
    <row r="76" spans="1:4" ht="18" customHeight="1" x14ac:dyDescent="0.2">
      <c r="A76" s="31">
        <v>59</v>
      </c>
      <c r="B76" s="27">
        <v>17</v>
      </c>
      <c r="C76" s="28">
        <v>32</v>
      </c>
      <c r="D76" s="29">
        <v>49</v>
      </c>
    </row>
    <row r="77" spans="1:4" ht="18" customHeight="1" x14ac:dyDescent="0.2">
      <c r="A77" s="31" t="s">
        <v>60</v>
      </c>
      <c r="B77" s="27">
        <v>167</v>
      </c>
      <c r="C77" s="28">
        <v>160</v>
      </c>
      <c r="D77" s="29">
        <v>327</v>
      </c>
    </row>
    <row r="78" spans="1:4" ht="18" customHeight="1" x14ac:dyDescent="0.2">
      <c r="A78" s="31">
        <v>60</v>
      </c>
      <c r="B78" s="27">
        <v>29</v>
      </c>
      <c r="C78" s="28">
        <v>36</v>
      </c>
      <c r="D78" s="29">
        <v>65</v>
      </c>
    </row>
    <row r="79" spans="1:4" ht="18" customHeight="1" x14ac:dyDescent="0.2">
      <c r="A79" s="31">
        <v>61</v>
      </c>
      <c r="B79" s="27">
        <v>29</v>
      </c>
      <c r="C79" s="28">
        <v>24</v>
      </c>
      <c r="D79" s="29">
        <v>53</v>
      </c>
    </row>
    <row r="80" spans="1:4" ht="18" customHeight="1" x14ac:dyDescent="0.2">
      <c r="A80" s="31">
        <v>62</v>
      </c>
      <c r="B80" s="27">
        <v>30</v>
      </c>
      <c r="C80" s="28">
        <v>31</v>
      </c>
      <c r="D80" s="29">
        <v>61</v>
      </c>
    </row>
    <row r="81" spans="1:4" ht="18" customHeight="1" x14ac:dyDescent="0.2">
      <c r="A81" s="31">
        <v>63</v>
      </c>
      <c r="B81" s="27">
        <v>32</v>
      </c>
      <c r="C81" s="28">
        <v>29</v>
      </c>
      <c r="D81" s="29">
        <v>61</v>
      </c>
    </row>
    <row r="82" spans="1:4" ht="18" customHeight="1" x14ac:dyDescent="0.2">
      <c r="A82" s="31">
        <v>64</v>
      </c>
      <c r="B82" s="27">
        <v>27</v>
      </c>
      <c r="C82" s="28">
        <v>30</v>
      </c>
      <c r="D82" s="29">
        <v>57</v>
      </c>
    </row>
    <row r="83" spans="1:4" ht="18" customHeight="1" x14ac:dyDescent="0.2">
      <c r="A83" s="31" t="s">
        <v>61</v>
      </c>
      <c r="B83" s="27">
        <v>147</v>
      </c>
      <c r="C83" s="28">
        <v>150</v>
      </c>
      <c r="D83" s="29">
        <v>297</v>
      </c>
    </row>
    <row r="84" spans="1:4" ht="18" customHeight="1" x14ac:dyDescent="0.2">
      <c r="A84" s="31" t="s">
        <v>62</v>
      </c>
      <c r="B84" s="27">
        <v>1592</v>
      </c>
      <c r="C84" s="28">
        <v>1513</v>
      </c>
      <c r="D84" s="29">
        <v>3105</v>
      </c>
    </row>
    <row r="85" spans="1:4" ht="18" customHeight="1" x14ac:dyDescent="0.2">
      <c r="A85" s="31">
        <v>65</v>
      </c>
      <c r="B85" s="27">
        <v>39</v>
      </c>
      <c r="C85" s="28">
        <v>32</v>
      </c>
      <c r="D85" s="29">
        <v>71</v>
      </c>
    </row>
    <row r="86" spans="1:4" ht="18" customHeight="1" x14ac:dyDescent="0.2">
      <c r="A86" s="31">
        <v>66</v>
      </c>
      <c r="B86" s="27">
        <v>39</v>
      </c>
      <c r="C86" s="28">
        <v>29</v>
      </c>
      <c r="D86" s="29">
        <v>68</v>
      </c>
    </row>
    <row r="87" spans="1:4" ht="18" customHeight="1" x14ac:dyDescent="0.2">
      <c r="A87" s="31">
        <v>67</v>
      </c>
      <c r="B87" s="27">
        <v>27</v>
      </c>
      <c r="C87" s="28">
        <v>42</v>
      </c>
      <c r="D87" s="29">
        <v>69</v>
      </c>
    </row>
    <row r="88" spans="1:4" ht="18" customHeight="1" x14ac:dyDescent="0.2">
      <c r="A88" s="31">
        <v>68</v>
      </c>
      <c r="B88" s="27">
        <v>38</v>
      </c>
      <c r="C88" s="28">
        <v>30</v>
      </c>
      <c r="D88" s="29">
        <v>68</v>
      </c>
    </row>
    <row r="89" spans="1:4" ht="18" customHeight="1" x14ac:dyDescent="0.2">
      <c r="A89" s="31">
        <v>69</v>
      </c>
      <c r="B89" s="27">
        <v>32</v>
      </c>
      <c r="C89" s="28">
        <v>33</v>
      </c>
      <c r="D89" s="29">
        <v>65</v>
      </c>
    </row>
    <row r="90" spans="1:4" ht="18" customHeight="1" x14ac:dyDescent="0.2">
      <c r="A90" s="31" t="s">
        <v>63</v>
      </c>
      <c r="B90" s="27">
        <v>175</v>
      </c>
      <c r="C90" s="28">
        <v>166</v>
      </c>
      <c r="D90" s="29">
        <v>341</v>
      </c>
    </row>
    <row r="91" spans="1:4" ht="18" customHeight="1" x14ac:dyDescent="0.2">
      <c r="A91" s="31">
        <v>70</v>
      </c>
      <c r="B91" s="27">
        <v>36</v>
      </c>
      <c r="C91" s="28">
        <v>41</v>
      </c>
      <c r="D91" s="29">
        <v>77</v>
      </c>
    </row>
    <row r="92" spans="1:4" ht="18" customHeight="1" x14ac:dyDescent="0.2">
      <c r="A92" s="31">
        <v>71</v>
      </c>
      <c r="B92" s="27">
        <v>41</v>
      </c>
      <c r="C92" s="28">
        <v>57</v>
      </c>
      <c r="D92" s="29">
        <v>98</v>
      </c>
    </row>
    <row r="93" spans="1:4" ht="18" customHeight="1" x14ac:dyDescent="0.2">
      <c r="A93" s="31">
        <v>72</v>
      </c>
      <c r="B93" s="27">
        <v>44</v>
      </c>
      <c r="C93" s="28">
        <v>46</v>
      </c>
      <c r="D93" s="29">
        <v>90</v>
      </c>
    </row>
    <row r="94" spans="1:4" ht="18" customHeight="1" x14ac:dyDescent="0.2">
      <c r="A94" s="31">
        <v>73</v>
      </c>
      <c r="B94" s="27">
        <v>44</v>
      </c>
      <c r="C94" s="28">
        <v>54</v>
      </c>
      <c r="D94" s="29">
        <v>98</v>
      </c>
    </row>
    <row r="95" spans="1:4" ht="18" customHeight="1" x14ac:dyDescent="0.2">
      <c r="A95" s="31">
        <v>74</v>
      </c>
      <c r="B95" s="27">
        <v>24</v>
      </c>
      <c r="C95" s="28">
        <v>19</v>
      </c>
      <c r="D95" s="29">
        <v>43</v>
      </c>
    </row>
    <row r="96" spans="1:4" ht="18" customHeight="1" x14ac:dyDescent="0.2">
      <c r="A96" s="31" t="s">
        <v>64</v>
      </c>
      <c r="B96" s="27">
        <v>189</v>
      </c>
      <c r="C96" s="28">
        <v>217</v>
      </c>
      <c r="D96" s="29">
        <v>406</v>
      </c>
    </row>
    <row r="97" spans="1:4" ht="18" customHeight="1" x14ac:dyDescent="0.2">
      <c r="A97" s="31">
        <v>75</v>
      </c>
      <c r="B97" s="27">
        <v>21</v>
      </c>
      <c r="C97" s="28">
        <v>31</v>
      </c>
      <c r="D97" s="29">
        <v>52</v>
      </c>
    </row>
    <row r="98" spans="1:4" ht="18" customHeight="1" x14ac:dyDescent="0.2">
      <c r="A98" s="31">
        <v>76</v>
      </c>
      <c r="B98" s="27">
        <v>26</v>
      </c>
      <c r="C98" s="28">
        <v>33</v>
      </c>
      <c r="D98" s="29">
        <v>59</v>
      </c>
    </row>
    <row r="99" spans="1:4" ht="18" customHeight="1" x14ac:dyDescent="0.2">
      <c r="A99" s="31">
        <v>77</v>
      </c>
      <c r="B99" s="27">
        <v>27</v>
      </c>
      <c r="C99" s="28">
        <v>31</v>
      </c>
      <c r="D99" s="29">
        <v>58</v>
      </c>
    </row>
    <row r="100" spans="1:4" ht="18" customHeight="1" x14ac:dyDescent="0.2">
      <c r="A100" s="31">
        <v>78</v>
      </c>
      <c r="B100" s="27">
        <v>25</v>
      </c>
      <c r="C100" s="28">
        <v>24</v>
      </c>
      <c r="D100" s="29">
        <v>49</v>
      </c>
    </row>
    <row r="101" spans="1:4" ht="18" customHeight="1" x14ac:dyDescent="0.2">
      <c r="A101" s="31">
        <v>79</v>
      </c>
      <c r="B101" s="27">
        <v>19</v>
      </c>
      <c r="C101" s="28">
        <v>28</v>
      </c>
      <c r="D101" s="29">
        <v>47</v>
      </c>
    </row>
    <row r="102" spans="1:4" ht="18" customHeight="1" x14ac:dyDescent="0.2">
      <c r="A102" s="31" t="s">
        <v>65</v>
      </c>
      <c r="B102" s="27">
        <v>118</v>
      </c>
      <c r="C102" s="28">
        <v>147</v>
      </c>
      <c r="D102" s="29">
        <v>265</v>
      </c>
    </row>
    <row r="103" spans="1:4" ht="18" customHeight="1" x14ac:dyDescent="0.2">
      <c r="A103" s="31">
        <v>80</v>
      </c>
      <c r="B103" s="27">
        <v>19</v>
      </c>
      <c r="C103" s="28">
        <v>27</v>
      </c>
      <c r="D103" s="29">
        <v>46</v>
      </c>
    </row>
    <row r="104" spans="1:4" ht="18" customHeight="1" x14ac:dyDescent="0.2">
      <c r="A104" s="31">
        <v>81</v>
      </c>
      <c r="B104" s="27">
        <v>10</v>
      </c>
      <c r="C104" s="28">
        <v>20</v>
      </c>
      <c r="D104" s="29">
        <v>30</v>
      </c>
    </row>
    <row r="105" spans="1:4" ht="18" customHeight="1" x14ac:dyDescent="0.2">
      <c r="A105" s="31">
        <v>82</v>
      </c>
      <c r="B105" s="27">
        <v>13</v>
      </c>
      <c r="C105" s="28">
        <v>12</v>
      </c>
      <c r="D105" s="29">
        <v>25</v>
      </c>
    </row>
    <row r="106" spans="1:4" ht="18" customHeight="1" x14ac:dyDescent="0.2">
      <c r="A106" s="31">
        <v>83</v>
      </c>
      <c r="B106" s="27">
        <v>11</v>
      </c>
      <c r="C106" s="28">
        <v>17</v>
      </c>
      <c r="D106" s="29">
        <v>28</v>
      </c>
    </row>
    <row r="107" spans="1:4" ht="18" customHeight="1" x14ac:dyDescent="0.2">
      <c r="A107" s="31">
        <v>84</v>
      </c>
      <c r="B107" s="27">
        <v>14</v>
      </c>
      <c r="C107" s="28">
        <v>26</v>
      </c>
      <c r="D107" s="29">
        <v>40</v>
      </c>
    </row>
    <row r="108" spans="1:4" ht="18" customHeight="1" x14ac:dyDescent="0.2">
      <c r="A108" s="31" t="s">
        <v>66</v>
      </c>
      <c r="B108" s="27">
        <v>67</v>
      </c>
      <c r="C108" s="28">
        <v>102</v>
      </c>
      <c r="D108" s="29">
        <v>169</v>
      </c>
    </row>
    <row r="109" spans="1:4" ht="18" customHeight="1" x14ac:dyDescent="0.2">
      <c r="A109" s="31">
        <v>85</v>
      </c>
      <c r="B109" s="27">
        <v>7</v>
      </c>
      <c r="C109" s="28">
        <v>14</v>
      </c>
      <c r="D109" s="29">
        <v>21</v>
      </c>
    </row>
    <row r="110" spans="1:4" ht="18" customHeight="1" x14ac:dyDescent="0.2">
      <c r="A110" s="31">
        <v>86</v>
      </c>
      <c r="B110" s="27">
        <v>8</v>
      </c>
      <c r="C110" s="28">
        <v>19</v>
      </c>
      <c r="D110" s="29">
        <v>27</v>
      </c>
    </row>
    <row r="111" spans="1:4" ht="18" customHeight="1" x14ac:dyDescent="0.2">
      <c r="A111" s="31">
        <v>87</v>
      </c>
      <c r="B111" s="27">
        <v>5</v>
      </c>
      <c r="C111" s="28">
        <v>19</v>
      </c>
      <c r="D111" s="29">
        <v>24</v>
      </c>
    </row>
    <row r="112" spans="1:4" ht="18" customHeight="1" x14ac:dyDescent="0.2">
      <c r="A112" s="31">
        <v>88</v>
      </c>
      <c r="B112" s="27">
        <v>6</v>
      </c>
      <c r="C112" s="28">
        <v>13</v>
      </c>
      <c r="D112" s="29">
        <v>19</v>
      </c>
    </row>
    <row r="113" spans="1:4" ht="18" customHeight="1" x14ac:dyDescent="0.2">
      <c r="A113" s="31">
        <v>89</v>
      </c>
      <c r="B113" s="27">
        <v>6</v>
      </c>
      <c r="C113" s="28">
        <v>6</v>
      </c>
      <c r="D113" s="29">
        <v>12</v>
      </c>
    </row>
    <row r="114" spans="1:4" ht="18" customHeight="1" x14ac:dyDescent="0.2">
      <c r="A114" s="31" t="s">
        <v>67</v>
      </c>
      <c r="B114" s="27">
        <v>32</v>
      </c>
      <c r="C114" s="28">
        <v>71</v>
      </c>
      <c r="D114" s="29">
        <v>103</v>
      </c>
    </row>
    <row r="115" spans="1:4" ht="18" customHeight="1" x14ac:dyDescent="0.2">
      <c r="A115" s="31">
        <v>90</v>
      </c>
      <c r="B115" s="27">
        <v>6</v>
      </c>
      <c r="C115" s="28">
        <v>8</v>
      </c>
      <c r="D115" s="29">
        <v>14</v>
      </c>
    </row>
    <row r="116" spans="1:4" ht="18" customHeight="1" x14ac:dyDescent="0.2">
      <c r="A116" s="31">
        <v>91</v>
      </c>
      <c r="B116" s="27">
        <v>1</v>
      </c>
      <c r="C116" s="28">
        <v>12</v>
      </c>
      <c r="D116" s="29">
        <v>13</v>
      </c>
    </row>
    <row r="117" spans="1:4" ht="18" customHeight="1" x14ac:dyDescent="0.2">
      <c r="A117" s="31">
        <v>92</v>
      </c>
      <c r="B117" s="27">
        <v>5</v>
      </c>
      <c r="C117" s="28">
        <v>7</v>
      </c>
      <c r="D117" s="29">
        <v>12</v>
      </c>
    </row>
    <row r="118" spans="1:4" ht="18" customHeight="1" x14ac:dyDescent="0.2">
      <c r="A118" s="31">
        <v>93</v>
      </c>
      <c r="B118" s="27">
        <v>0</v>
      </c>
      <c r="C118" s="28">
        <v>6</v>
      </c>
      <c r="D118" s="29">
        <v>6</v>
      </c>
    </row>
    <row r="119" spans="1:4" ht="18" customHeight="1" x14ac:dyDescent="0.2">
      <c r="A119" s="31">
        <v>94</v>
      </c>
      <c r="B119" s="27">
        <v>2</v>
      </c>
      <c r="C119" s="28">
        <v>10</v>
      </c>
      <c r="D119" s="29">
        <v>12</v>
      </c>
    </row>
    <row r="120" spans="1:4" ht="18" customHeight="1" x14ac:dyDescent="0.2">
      <c r="A120" s="31" t="s">
        <v>68</v>
      </c>
      <c r="B120" s="27">
        <v>14</v>
      </c>
      <c r="C120" s="28">
        <v>43</v>
      </c>
      <c r="D120" s="29">
        <v>57</v>
      </c>
    </row>
    <row r="121" spans="1:4" ht="18" customHeight="1" x14ac:dyDescent="0.2">
      <c r="A121" s="31">
        <v>95</v>
      </c>
      <c r="B121" s="27">
        <v>3</v>
      </c>
      <c r="C121" s="28">
        <v>9</v>
      </c>
      <c r="D121" s="29">
        <v>12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1</v>
      </c>
      <c r="C123" s="28">
        <v>4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9</v>
      </c>
      <c r="D124" s="29">
        <v>9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6</v>
      </c>
      <c r="C126" s="28">
        <v>28</v>
      </c>
      <c r="D126" s="29">
        <v>34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3</v>
      </c>
      <c r="D129" s="29">
        <v>4</v>
      </c>
    </row>
    <row r="130" spans="1:4" ht="18" customHeight="1" x14ac:dyDescent="0.2">
      <c r="A130" s="31" t="s">
        <v>72</v>
      </c>
      <c r="B130" s="4">
        <v>602</v>
      </c>
      <c r="C130" s="5">
        <v>777</v>
      </c>
      <c r="D130" s="6">
        <v>1379</v>
      </c>
    </row>
    <row r="131" spans="1:4" ht="18" customHeight="1" x14ac:dyDescent="0.2">
      <c r="A131" s="33" t="s">
        <v>47</v>
      </c>
      <c r="B131" s="7">
        <v>2492</v>
      </c>
      <c r="C131" s="8">
        <v>2565</v>
      </c>
      <c r="D131" s="9">
        <v>505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4" ht="18" customHeight="1" x14ac:dyDescent="0.2">
      <c r="A6" s="31">
        <v>1</v>
      </c>
      <c r="B6" s="35">
        <v>2</v>
      </c>
      <c r="C6" s="28">
        <v>1</v>
      </c>
      <c r="D6" s="29">
        <v>3</v>
      </c>
    </row>
    <row r="7" spans="1:4" ht="18" customHeight="1" x14ac:dyDescent="0.2">
      <c r="A7" s="31">
        <v>2</v>
      </c>
      <c r="B7" s="35">
        <v>2</v>
      </c>
      <c r="C7" s="28">
        <v>3</v>
      </c>
      <c r="D7" s="29">
        <v>5</v>
      </c>
    </row>
    <row r="8" spans="1:4" ht="18" customHeight="1" x14ac:dyDescent="0.2">
      <c r="A8" s="31">
        <v>3</v>
      </c>
      <c r="B8" s="35">
        <v>5</v>
      </c>
      <c r="C8" s="28">
        <v>1</v>
      </c>
      <c r="D8" s="29">
        <v>6</v>
      </c>
    </row>
    <row r="9" spans="1:4" ht="18" customHeight="1" x14ac:dyDescent="0.2">
      <c r="A9" s="31">
        <v>4</v>
      </c>
      <c r="B9" s="36">
        <v>2</v>
      </c>
      <c r="C9" s="38">
        <v>2</v>
      </c>
      <c r="D9" s="40">
        <v>4</v>
      </c>
    </row>
    <row r="10" spans="1:4" ht="18" customHeight="1" x14ac:dyDescent="0.2">
      <c r="A10" s="31" t="s">
        <v>48</v>
      </c>
      <c r="B10" s="27">
        <v>12</v>
      </c>
      <c r="C10" s="28">
        <v>8</v>
      </c>
      <c r="D10" s="29">
        <v>20</v>
      </c>
    </row>
    <row r="11" spans="1:4" ht="18" customHeight="1" x14ac:dyDescent="0.2">
      <c r="A11" s="31">
        <v>5</v>
      </c>
      <c r="B11" s="35">
        <v>3</v>
      </c>
      <c r="C11" s="28">
        <v>4</v>
      </c>
      <c r="D11" s="29">
        <v>7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3</v>
      </c>
      <c r="C13" s="28">
        <v>3</v>
      </c>
      <c r="D13" s="29">
        <v>6</v>
      </c>
    </row>
    <row r="14" spans="1:4" ht="18" customHeight="1" x14ac:dyDescent="0.2">
      <c r="A14" s="31">
        <v>8</v>
      </c>
      <c r="B14" s="35">
        <v>5</v>
      </c>
      <c r="C14" s="28">
        <v>3</v>
      </c>
      <c r="D14" s="29">
        <v>8</v>
      </c>
    </row>
    <row r="15" spans="1:4" ht="18" customHeight="1" x14ac:dyDescent="0.2">
      <c r="A15" s="31">
        <v>9</v>
      </c>
      <c r="B15" s="35">
        <v>4</v>
      </c>
      <c r="C15" s="28">
        <v>2</v>
      </c>
      <c r="D15" s="29">
        <v>6</v>
      </c>
    </row>
    <row r="16" spans="1:4" ht="18" customHeight="1" x14ac:dyDescent="0.2">
      <c r="A16" s="31" t="s">
        <v>49</v>
      </c>
      <c r="B16" s="27">
        <v>15</v>
      </c>
      <c r="C16" s="28">
        <v>13</v>
      </c>
      <c r="D16" s="29">
        <v>28</v>
      </c>
    </row>
    <row r="17" spans="1:4" ht="18" customHeight="1" x14ac:dyDescent="0.2">
      <c r="A17" s="31">
        <v>10</v>
      </c>
      <c r="B17" s="27">
        <v>5</v>
      </c>
      <c r="C17" s="28">
        <v>2</v>
      </c>
      <c r="D17" s="29">
        <v>7</v>
      </c>
    </row>
    <row r="18" spans="1:4" ht="18" customHeight="1" x14ac:dyDescent="0.2">
      <c r="A18" s="31">
        <v>11</v>
      </c>
      <c r="B18" s="27">
        <v>3</v>
      </c>
      <c r="C18" s="28">
        <v>6</v>
      </c>
      <c r="D18" s="29">
        <v>9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2</v>
      </c>
      <c r="C20" s="28">
        <v>3</v>
      </c>
      <c r="D20" s="29">
        <v>5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12</v>
      </c>
      <c r="C22" s="28">
        <v>13</v>
      </c>
      <c r="D22" s="29">
        <v>25</v>
      </c>
    </row>
    <row r="23" spans="1:4" ht="18" customHeight="1" x14ac:dyDescent="0.2">
      <c r="A23" s="31" t="s">
        <v>51</v>
      </c>
      <c r="B23" s="27">
        <v>39</v>
      </c>
      <c r="C23" s="28">
        <v>34</v>
      </c>
      <c r="D23" s="29">
        <v>73</v>
      </c>
    </row>
    <row r="24" spans="1:4" ht="18" customHeight="1" x14ac:dyDescent="0.2">
      <c r="A24" s="31">
        <v>15</v>
      </c>
      <c r="B24" s="27">
        <v>6</v>
      </c>
      <c r="C24" s="28">
        <v>2</v>
      </c>
      <c r="D24" s="29">
        <v>8</v>
      </c>
    </row>
    <row r="25" spans="1:4" ht="18" customHeight="1" x14ac:dyDescent="0.2">
      <c r="A25" s="31">
        <v>16</v>
      </c>
      <c r="B25" s="27">
        <v>2</v>
      </c>
      <c r="C25" s="28">
        <v>3</v>
      </c>
      <c r="D25" s="29">
        <v>5</v>
      </c>
    </row>
    <row r="26" spans="1:4" ht="18" customHeight="1" x14ac:dyDescent="0.2">
      <c r="A26" s="31">
        <v>17</v>
      </c>
      <c r="B26" s="27">
        <v>2</v>
      </c>
      <c r="C26" s="28">
        <v>2</v>
      </c>
      <c r="D26" s="29">
        <v>4</v>
      </c>
    </row>
    <row r="27" spans="1:4" ht="18" customHeight="1" x14ac:dyDescent="0.2">
      <c r="A27" s="31">
        <v>18</v>
      </c>
      <c r="B27" s="27">
        <v>0</v>
      </c>
      <c r="C27" s="28">
        <v>3</v>
      </c>
      <c r="D27" s="29">
        <v>3</v>
      </c>
    </row>
    <row r="28" spans="1:4" ht="18" customHeight="1" x14ac:dyDescent="0.2">
      <c r="A28" s="31">
        <v>19</v>
      </c>
      <c r="B28" s="27">
        <v>4</v>
      </c>
      <c r="C28" s="28">
        <v>5</v>
      </c>
      <c r="D28" s="29">
        <v>9</v>
      </c>
    </row>
    <row r="29" spans="1:4" ht="18" customHeight="1" x14ac:dyDescent="0.2">
      <c r="A29" s="31" t="s">
        <v>52</v>
      </c>
      <c r="B29" s="27">
        <v>14</v>
      </c>
      <c r="C29" s="28">
        <v>15</v>
      </c>
      <c r="D29" s="29">
        <v>29</v>
      </c>
    </row>
    <row r="30" spans="1:4" ht="18" customHeight="1" x14ac:dyDescent="0.2">
      <c r="A30" s="31">
        <v>20</v>
      </c>
      <c r="B30" s="27">
        <v>5</v>
      </c>
      <c r="C30" s="28">
        <v>5</v>
      </c>
      <c r="D30" s="29">
        <v>10</v>
      </c>
    </row>
    <row r="31" spans="1:4" ht="18" customHeight="1" x14ac:dyDescent="0.2">
      <c r="A31" s="31">
        <v>21</v>
      </c>
      <c r="B31" s="27">
        <v>14</v>
      </c>
      <c r="C31" s="28">
        <v>8</v>
      </c>
      <c r="D31" s="29">
        <v>22</v>
      </c>
    </row>
    <row r="32" spans="1:4" ht="18" customHeight="1" x14ac:dyDescent="0.2">
      <c r="A32" s="31">
        <v>22</v>
      </c>
      <c r="B32" s="27">
        <v>3</v>
      </c>
      <c r="C32" s="28">
        <v>8</v>
      </c>
      <c r="D32" s="29">
        <v>11</v>
      </c>
    </row>
    <row r="33" spans="1:4" ht="18" customHeight="1" x14ac:dyDescent="0.2">
      <c r="A33" s="31">
        <v>23</v>
      </c>
      <c r="B33" s="27">
        <v>4</v>
      </c>
      <c r="C33" s="28">
        <v>7</v>
      </c>
      <c r="D33" s="29">
        <v>11</v>
      </c>
    </row>
    <row r="34" spans="1:4" ht="18" customHeight="1" x14ac:dyDescent="0.2">
      <c r="A34" s="31">
        <v>24</v>
      </c>
      <c r="B34" s="27">
        <v>5</v>
      </c>
      <c r="C34" s="28">
        <v>3</v>
      </c>
      <c r="D34" s="29">
        <v>8</v>
      </c>
    </row>
    <row r="35" spans="1:4" ht="18" customHeight="1" x14ac:dyDescent="0.2">
      <c r="A35" s="31" t="s">
        <v>53</v>
      </c>
      <c r="B35" s="27">
        <v>31</v>
      </c>
      <c r="C35" s="28">
        <v>31</v>
      </c>
      <c r="D35" s="29">
        <v>62</v>
      </c>
    </row>
    <row r="36" spans="1:4" ht="18" customHeight="1" x14ac:dyDescent="0.2">
      <c r="A36" s="31">
        <v>25</v>
      </c>
      <c r="B36" s="27">
        <v>2</v>
      </c>
      <c r="C36" s="28">
        <v>5</v>
      </c>
      <c r="D36" s="29">
        <v>7</v>
      </c>
    </row>
    <row r="37" spans="1:4" ht="18" customHeight="1" x14ac:dyDescent="0.2">
      <c r="A37" s="31">
        <v>26</v>
      </c>
      <c r="B37" s="27">
        <v>3</v>
      </c>
      <c r="C37" s="28">
        <v>2</v>
      </c>
      <c r="D37" s="29">
        <v>5</v>
      </c>
    </row>
    <row r="38" spans="1:4" ht="18" customHeight="1" x14ac:dyDescent="0.2">
      <c r="A38" s="31">
        <v>27</v>
      </c>
      <c r="B38" s="27">
        <v>3</v>
      </c>
      <c r="C38" s="28">
        <v>3</v>
      </c>
      <c r="D38" s="29">
        <v>6</v>
      </c>
    </row>
    <row r="39" spans="1:4" ht="18" customHeight="1" x14ac:dyDescent="0.2">
      <c r="A39" s="31">
        <v>28</v>
      </c>
      <c r="B39" s="27">
        <v>4</v>
      </c>
      <c r="C39" s="28">
        <v>2</v>
      </c>
      <c r="D39" s="29">
        <v>6</v>
      </c>
    </row>
    <row r="40" spans="1:4" ht="18" customHeight="1" x14ac:dyDescent="0.2">
      <c r="A40" s="31">
        <v>29</v>
      </c>
      <c r="B40" s="27">
        <v>3</v>
      </c>
      <c r="C40" s="28">
        <v>3</v>
      </c>
      <c r="D40" s="29">
        <v>6</v>
      </c>
    </row>
    <row r="41" spans="1:4" ht="18" customHeight="1" x14ac:dyDescent="0.2">
      <c r="A41" s="31" t="s">
        <v>54</v>
      </c>
      <c r="B41" s="27">
        <v>15</v>
      </c>
      <c r="C41" s="28">
        <v>15</v>
      </c>
      <c r="D41" s="29">
        <v>30</v>
      </c>
    </row>
    <row r="42" spans="1:4" ht="18" customHeight="1" x14ac:dyDescent="0.2">
      <c r="A42" s="31">
        <v>30</v>
      </c>
      <c r="B42" s="27">
        <v>9</v>
      </c>
      <c r="C42" s="28">
        <v>2</v>
      </c>
      <c r="D42" s="29">
        <v>11</v>
      </c>
    </row>
    <row r="43" spans="1:4" ht="18" customHeight="1" x14ac:dyDescent="0.2">
      <c r="A43" s="31">
        <v>31</v>
      </c>
      <c r="B43" s="27">
        <v>3</v>
      </c>
      <c r="C43" s="28">
        <v>3</v>
      </c>
      <c r="D43" s="29">
        <v>6</v>
      </c>
    </row>
    <row r="44" spans="1:4" ht="18" customHeight="1" x14ac:dyDescent="0.2">
      <c r="A44" s="31">
        <v>32</v>
      </c>
      <c r="B44" s="27">
        <v>4</v>
      </c>
      <c r="C44" s="28">
        <v>1</v>
      </c>
      <c r="D44" s="29">
        <v>5</v>
      </c>
    </row>
    <row r="45" spans="1:4" ht="18" customHeight="1" x14ac:dyDescent="0.2">
      <c r="A45" s="31">
        <v>33</v>
      </c>
      <c r="B45" s="27">
        <v>6</v>
      </c>
      <c r="C45" s="28">
        <v>3</v>
      </c>
      <c r="D45" s="29">
        <v>9</v>
      </c>
    </row>
    <row r="46" spans="1:4" ht="18" customHeight="1" x14ac:dyDescent="0.2">
      <c r="A46" s="31">
        <v>34</v>
      </c>
      <c r="B46" s="27">
        <v>2</v>
      </c>
      <c r="C46" s="28">
        <v>3</v>
      </c>
      <c r="D46" s="29">
        <v>5</v>
      </c>
    </row>
    <row r="47" spans="1:4" ht="18" customHeight="1" x14ac:dyDescent="0.2">
      <c r="A47" s="31" t="s">
        <v>55</v>
      </c>
      <c r="B47" s="27">
        <v>24</v>
      </c>
      <c r="C47" s="28">
        <v>12</v>
      </c>
      <c r="D47" s="29">
        <v>36</v>
      </c>
    </row>
    <row r="48" spans="1:4" ht="18" customHeight="1" x14ac:dyDescent="0.2">
      <c r="A48" s="31">
        <v>35</v>
      </c>
      <c r="B48" s="27">
        <v>1</v>
      </c>
      <c r="C48" s="28">
        <v>4</v>
      </c>
      <c r="D48" s="29">
        <v>5</v>
      </c>
    </row>
    <row r="49" spans="1:4" ht="18" customHeight="1" x14ac:dyDescent="0.2">
      <c r="A49" s="31">
        <v>36</v>
      </c>
      <c r="B49" s="27">
        <v>3</v>
      </c>
      <c r="C49" s="28">
        <v>1</v>
      </c>
      <c r="D49" s="29">
        <v>4</v>
      </c>
    </row>
    <row r="50" spans="1:4" ht="18" customHeight="1" x14ac:dyDescent="0.2">
      <c r="A50" s="31">
        <v>37</v>
      </c>
      <c r="B50" s="27">
        <v>3</v>
      </c>
      <c r="C50" s="28">
        <v>6</v>
      </c>
      <c r="D50" s="29">
        <v>9</v>
      </c>
    </row>
    <row r="51" spans="1:4" ht="18" customHeight="1" x14ac:dyDescent="0.2">
      <c r="A51" s="31">
        <v>38</v>
      </c>
      <c r="B51" s="27">
        <v>5</v>
      </c>
      <c r="C51" s="28">
        <v>3</v>
      </c>
      <c r="D51" s="29">
        <v>8</v>
      </c>
    </row>
    <row r="52" spans="1:4" ht="18" customHeight="1" x14ac:dyDescent="0.2">
      <c r="A52" s="31">
        <v>39</v>
      </c>
      <c r="B52" s="27">
        <v>1</v>
      </c>
      <c r="C52" s="28">
        <v>3</v>
      </c>
      <c r="D52" s="29">
        <v>4</v>
      </c>
    </row>
    <row r="53" spans="1:4" ht="18" customHeight="1" x14ac:dyDescent="0.2">
      <c r="A53" s="31" t="s">
        <v>56</v>
      </c>
      <c r="B53" s="27">
        <v>13</v>
      </c>
      <c r="C53" s="28">
        <v>17</v>
      </c>
      <c r="D53" s="29">
        <v>30</v>
      </c>
    </row>
    <row r="54" spans="1:4" ht="18" customHeight="1" x14ac:dyDescent="0.2">
      <c r="A54" s="31">
        <v>40</v>
      </c>
      <c r="B54" s="27">
        <v>2</v>
      </c>
      <c r="C54" s="28">
        <v>8</v>
      </c>
      <c r="D54" s="29">
        <v>10</v>
      </c>
    </row>
    <row r="55" spans="1:4" ht="18" customHeight="1" x14ac:dyDescent="0.2">
      <c r="A55" s="31">
        <v>41</v>
      </c>
      <c r="B55" s="27">
        <v>5</v>
      </c>
      <c r="C55" s="28">
        <v>3</v>
      </c>
      <c r="D55" s="29">
        <v>8</v>
      </c>
    </row>
    <row r="56" spans="1:4" ht="18" customHeight="1" x14ac:dyDescent="0.2">
      <c r="A56" s="31">
        <v>42</v>
      </c>
      <c r="B56" s="27">
        <v>8</v>
      </c>
      <c r="C56" s="28">
        <v>2</v>
      </c>
      <c r="D56" s="29">
        <v>10</v>
      </c>
    </row>
    <row r="57" spans="1:4" ht="18" customHeight="1" x14ac:dyDescent="0.2">
      <c r="A57" s="31">
        <v>43</v>
      </c>
      <c r="B57" s="27">
        <v>3</v>
      </c>
      <c r="C57" s="28">
        <v>2</v>
      </c>
      <c r="D57" s="29">
        <v>5</v>
      </c>
    </row>
    <row r="58" spans="1:4" ht="18" customHeight="1" x14ac:dyDescent="0.2">
      <c r="A58" s="31">
        <v>44</v>
      </c>
      <c r="B58" s="27">
        <v>6</v>
      </c>
      <c r="C58" s="28">
        <v>10</v>
      </c>
      <c r="D58" s="29">
        <v>16</v>
      </c>
    </row>
    <row r="59" spans="1:4" ht="18" customHeight="1" x14ac:dyDescent="0.2">
      <c r="A59" s="31" t="s">
        <v>57</v>
      </c>
      <c r="B59" s="27">
        <v>24</v>
      </c>
      <c r="C59" s="28">
        <v>25</v>
      </c>
      <c r="D59" s="29">
        <v>49</v>
      </c>
    </row>
    <row r="60" spans="1:4" ht="18" customHeight="1" x14ac:dyDescent="0.2">
      <c r="A60" s="31">
        <v>45</v>
      </c>
      <c r="B60" s="27">
        <v>4</v>
      </c>
      <c r="C60" s="28">
        <v>4</v>
      </c>
      <c r="D60" s="29">
        <v>8</v>
      </c>
    </row>
    <row r="61" spans="1:4" ht="18" customHeight="1" x14ac:dyDescent="0.2">
      <c r="A61" s="31">
        <v>46</v>
      </c>
      <c r="B61" s="27">
        <v>7</v>
      </c>
      <c r="C61" s="28">
        <v>5</v>
      </c>
      <c r="D61" s="29">
        <v>12</v>
      </c>
    </row>
    <row r="62" spans="1:4" ht="18" customHeight="1" x14ac:dyDescent="0.2">
      <c r="A62" s="31">
        <v>47</v>
      </c>
      <c r="B62" s="27">
        <v>2</v>
      </c>
      <c r="C62" s="28">
        <v>7</v>
      </c>
      <c r="D62" s="29">
        <v>9</v>
      </c>
    </row>
    <row r="63" spans="1:4" ht="18" customHeight="1" x14ac:dyDescent="0.2">
      <c r="A63" s="31">
        <v>48</v>
      </c>
      <c r="B63" s="27">
        <v>5</v>
      </c>
      <c r="C63" s="28">
        <v>4</v>
      </c>
      <c r="D63" s="29">
        <v>9</v>
      </c>
    </row>
    <row r="64" spans="1:4" ht="18" customHeight="1" x14ac:dyDescent="0.2">
      <c r="A64" s="31">
        <v>49</v>
      </c>
      <c r="B64" s="27">
        <v>1</v>
      </c>
      <c r="C64" s="28">
        <v>4</v>
      </c>
      <c r="D64" s="29">
        <v>5</v>
      </c>
    </row>
    <row r="65" spans="1:4" ht="18" customHeight="1" x14ac:dyDescent="0.2">
      <c r="A65" s="31" t="s">
        <v>58</v>
      </c>
      <c r="B65" s="27">
        <v>19</v>
      </c>
      <c r="C65" s="28">
        <v>24</v>
      </c>
      <c r="D65" s="29">
        <v>43</v>
      </c>
    </row>
    <row r="66" spans="1:4" ht="18" customHeight="1" x14ac:dyDescent="0.2">
      <c r="A66" s="31">
        <v>50</v>
      </c>
      <c r="B66" s="27">
        <v>6</v>
      </c>
      <c r="C66" s="28">
        <v>4</v>
      </c>
      <c r="D66" s="29">
        <v>10</v>
      </c>
    </row>
    <row r="67" spans="1:4" ht="18" customHeight="1" x14ac:dyDescent="0.2">
      <c r="A67" s="31">
        <v>51</v>
      </c>
      <c r="B67" s="27">
        <v>8</v>
      </c>
      <c r="C67" s="28">
        <v>4</v>
      </c>
      <c r="D67" s="29">
        <v>12</v>
      </c>
    </row>
    <row r="68" spans="1:4" ht="18" customHeight="1" x14ac:dyDescent="0.2">
      <c r="A68" s="31">
        <v>52</v>
      </c>
      <c r="B68" s="27">
        <v>5</v>
      </c>
      <c r="C68" s="28">
        <v>12</v>
      </c>
      <c r="D68" s="29">
        <v>17</v>
      </c>
    </row>
    <row r="69" spans="1:4" ht="18" customHeight="1" x14ac:dyDescent="0.2">
      <c r="A69" s="31">
        <v>53</v>
      </c>
      <c r="B69" s="27">
        <v>6</v>
      </c>
      <c r="C69" s="28">
        <v>6</v>
      </c>
      <c r="D69" s="29">
        <v>12</v>
      </c>
    </row>
    <row r="70" spans="1:4" ht="18" customHeight="1" x14ac:dyDescent="0.2">
      <c r="A70" s="31">
        <v>54</v>
      </c>
      <c r="B70" s="27">
        <v>1</v>
      </c>
      <c r="C70" s="28">
        <v>7</v>
      </c>
      <c r="D70" s="29">
        <v>8</v>
      </c>
    </row>
    <row r="71" spans="1:4" ht="18" customHeight="1" x14ac:dyDescent="0.2">
      <c r="A71" s="31" t="s">
        <v>59</v>
      </c>
      <c r="B71" s="27">
        <v>26</v>
      </c>
      <c r="C71" s="28">
        <v>33</v>
      </c>
      <c r="D71" s="29">
        <v>59</v>
      </c>
    </row>
    <row r="72" spans="1:4" ht="18" customHeight="1" x14ac:dyDescent="0.2">
      <c r="A72" s="31">
        <v>55</v>
      </c>
      <c r="B72" s="27">
        <v>9</v>
      </c>
      <c r="C72" s="28">
        <v>3</v>
      </c>
      <c r="D72" s="29">
        <v>12</v>
      </c>
    </row>
    <row r="73" spans="1:4" ht="18" customHeight="1" x14ac:dyDescent="0.2">
      <c r="A73" s="31">
        <v>56</v>
      </c>
      <c r="B73" s="27">
        <v>5</v>
      </c>
      <c r="C73" s="28">
        <v>8</v>
      </c>
      <c r="D73" s="29">
        <v>13</v>
      </c>
    </row>
    <row r="74" spans="1:4" ht="18" customHeight="1" x14ac:dyDescent="0.2">
      <c r="A74" s="31">
        <v>57</v>
      </c>
      <c r="B74" s="27">
        <v>9</v>
      </c>
      <c r="C74" s="28">
        <v>6</v>
      </c>
      <c r="D74" s="29">
        <v>15</v>
      </c>
    </row>
    <row r="75" spans="1:4" ht="18" customHeight="1" x14ac:dyDescent="0.2">
      <c r="A75" s="31">
        <v>58</v>
      </c>
      <c r="B75" s="27">
        <v>6</v>
      </c>
      <c r="C75" s="28">
        <v>7</v>
      </c>
      <c r="D75" s="29">
        <v>13</v>
      </c>
    </row>
    <row r="76" spans="1:4" ht="18" customHeight="1" x14ac:dyDescent="0.2">
      <c r="A76" s="31">
        <v>59</v>
      </c>
      <c r="B76" s="27">
        <v>7</v>
      </c>
      <c r="C76" s="28">
        <v>8</v>
      </c>
      <c r="D76" s="29">
        <v>15</v>
      </c>
    </row>
    <row r="77" spans="1:4" ht="18" customHeight="1" x14ac:dyDescent="0.2">
      <c r="A77" s="31" t="s">
        <v>60</v>
      </c>
      <c r="B77" s="27">
        <v>36</v>
      </c>
      <c r="C77" s="28">
        <v>32</v>
      </c>
      <c r="D77" s="29">
        <v>68</v>
      </c>
    </row>
    <row r="78" spans="1:4" ht="18" customHeight="1" x14ac:dyDescent="0.2">
      <c r="A78" s="31">
        <v>60</v>
      </c>
      <c r="B78" s="27">
        <v>12</v>
      </c>
      <c r="C78" s="28">
        <v>6</v>
      </c>
      <c r="D78" s="29">
        <v>18</v>
      </c>
    </row>
    <row r="79" spans="1:4" ht="18" customHeight="1" x14ac:dyDescent="0.2">
      <c r="A79" s="31">
        <v>61</v>
      </c>
      <c r="B79" s="27">
        <v>9</v>
      </c>
      <c r="C79" s="28">
        <v>7</v>
      </c>
      <c r="D79" s="29">
        <v>16</v>
      </c>
    </row>
    <row r="80" spans="1:4" ht="18" customHeight="1" x14ac:dyDescent="0.2">
      <c r="A80" s="31">
        <v>62</v>
      </c>
      <c r="B80" s="27">
        <v>4</v>
      </c>
      <c r="C80" s="28">
        <v>2</v>
      </c>
      <c r="D80" s="29">
        <v>6</v>
      </c>
    </row>
    <row r="81" spans="1:4" ht="18" customHeight="1" x14ac:dyDescent="0.2">
      <c r="A81" s="31">
        <v>63</v>
      </c>
      <c r="B81" s="27">
        <v>8</v>
      </c>
      <c r="C81" s="28">
        <v>6</v>
      </c>
      <c r="D81" s="29">
        <v>14</v>
      </c>
    </row>
    <row r="82" spans="1:4" ht="18" customHeight="1" x14ac:dyDescent="0.2">
      <c r="A82" s="31">
        <v>64</v>
      </c>
      <c r="B82" s="27">
        <v>8</v>
      </c>
      <c r="C82" s="28">
        <v>3</v>
      </c>
      <c r="D82" s="29">
        <v>11</v>
      </c>
    </row>
    <row r="83" spans="1:4" ht="18" customHeight="1" x14ac:dyDescent="0.2">
      <c r="A83" s="31" t="s">
        <v>61</v>
      </c>
      <c r="B83" s="27">
        <v>41</v>
      </c>
      <c r="C83" s="28">
        <v>24</v>
      </c>
      <c r="D83" s="29">
        <v>65</v>
      </c>
    </row>
    <row r="84" spans="1:4" ht="18" customHeight="1" x14ac:dyDescent="0.2">
      <c r="A84" s="31" t="s">
        <v>62</v>
      </c>
      <c r="B84" s="27">
        <v>243</v>
      </c>
      <c r="C84" s="28">
        <v>228</v>
      </c>
      <c r="D84" s="29">
        <v>471</v>
      </c>
    </row>
    <row r="85" spans="1:4" ht="18" customHeight="1" x14ac:dyDescent="0.2">
      <c r="A85" s="31">
        <v>65</v>
      </c>
      <c r="B85" s="27">
        <v>6</v>
      </c>
      <c r="C85" s="28">
        <v>5</v>
      </c>
      <c r="D85" s="29">
        <v>11</v>
      </c>
    </row>
    <row r="86" spans="1:4" ht="18" customHeight="1" x14ac:dyDescent="0.2">
      <c r="A86" s="31">
        <v>66</v>
      </c>
      <c r="B86" s="27">
        <v>10</v>
      </c>
      <c r="C86" s="28">
        <v>5</v>
      </c>
      <c r="D86" s="29">
        <v>15</v>
      </c>
    </row>
    <row r="87" spans="1:4" ht="18" customHeight="1" x14ac:dyDescent="0.2">
      <c r="A87" s="31">
        <v>67</v>
      </c>
      <c r="B87" s="27">
        <v>10</v>
      </c>
      <c r="C87" s="28">
        <v>9</v>
      </c>
      <c r="D87" s="29">
        <v>19</v>
      </c>
    </row>
    <row r="88" spans="1:4" ht="18" customHeight="1" x14ac:dyDescent="0.2">
      <c r="A88" s="31">
        <v>68</v>
      </c>
      <c r="B88" s="27">
        <v>6</v>
      </c>
      <c r="C88" s="28">
        <v>6</v>
      </c>
      <c r="D88" s="29">
        <v>12</v>
      </c>
    </row>
    <row r="89" spans="1:4" ht="18" customHeight="1" x14ac:dyDescent="0.2">
      <c r="A89" s="31">
        <v>69</v>
      </c>
      <c r="B89" s="27">
        <v>7</v>
      </c>
      <c r="C89" s="28">
        <v>6</v>
      </c>
      <c r="D89" s="29">
        <v>13</v>
      </c>
    </row>
    <row r="90" spans="1:4" ht="18" customHeight="1" x14ac:dyDescent="0.2">
      <c r="A90" s="31" t="s">
        <v>63</v>
      </c>
      <c r="B90" s="27">
        <v>39</v>
      </c>
      <c r="C90" s="28">
        <v>31</v>
      </c>
      <c r="D90" s="29">
        <v>70</v>
      </c>
    </row>
    <row r="91" spans="1:4" ht="18" customHeight="1" x14ac:dyDescent="0.2">
      <c r="A91" s="31">
        <v>70</v>
      </c>
      <c r="B91" s="27">
        <v>11</v>
      </c>
      <c r="C91" s="28">
        <v>15</v>
      </c>
      <c r="D91" s="29">
        <v>26</v>
      </c>
    </row>
    <row r="92" spans="1:4" ht="18" customHeight="1" x14ac:dyDescent="0.2">
      <c r="A92" s="31">
        <v>71</v>
      </c>
      <c r="B92" s="27">
        <v>9</v>
      </c>
      <c r="C92" s="28">
        <v>5</v>
      </c>
      <c r="D92" s="29">
        <v>14</v>
      </c>
    </row>
    <row r="93" spans="1:4" ht="18" customHeight="1" x14ac:dyDescent="0.2">
      <c r="A93" s="31">
        <v>72</v>
      </c>
      <c r="B93" s="27">
        <v>6</v>
      </c>
      <c r="C93" s="28">
        <v>14</v>
      </c>
      <c r="D93" s="29">
        <v>20</v>
      </c>
    </row>
    <row r="94" spans="1:4" ht="18" customHeight="1" x14ac:dyDescent="0.2">
      <c r="A94" s="31">
        <v>73</v>
      </c>
      <c r="B94" s="27">
        <v>11</v>
      </c>
      <c r="C94" s="28">
        <v>10</v>
      </c>
      <c r="D94" s="29">
        <v>21</v>
      </c>
    </row>
    <row r="95" spans="1:4" ht="18" customHeight="1" x14ac:dyDescent="0.2">
      <c r="A95" s="31">
        <v>74</v>
      </c>
      <c r="B95" s="27">
        <v>4</v>
      </c>
      <c r="C95" s="28">
        <v>4</v>
      </c>
      <c r="D95" s="29">
        <v>8</v>
      </c>
    </row>
    <row r="96" spans="1:4" ht="18" customHeight="1" x14ac:dyDescent="0.2">
      <c r="A96" s="31" t="s">
        <v>64</v>
      </c>
      <c r="B96" s="27">
        <v>41</v>
      </c>
      <c r="C96" s="28">
        <v>48</v>
      </c>
      <c r="D96" s="29">
        <v>89</v>
      </c>
    </row>
    <row r="97" spans="1:4" ht="18" customHeight="1" x14ac:dyDescent="0.2">
      <c r="A97" s="31">
        <v>75</v>
      </c>
      <c r="B97" s="27">
        <v>3</v>
      </c>
      <c r="C97" s="28">
        <v>7</v>
      </c>
      <c r="D97" s="29">
        <v>10</v>
      </c>
    </row>
    <row r="98" spans="1:4" ht="18" customHeight="1" x14ac:dyDescent="0.2">
      <c r="A98" s="31">
        <v>76</v>
      </c>
      <c r="B98" s="27">
        <v>6</v>
      </c>
      <c r="C98" s="28">
        <v>8</v>
      </c>
      <c r="D98" s="29">
        <v>14</v>
      </c>
    </row>
    <row r="99" spans="1:4" ht="18" customHeight="1" x14ac:dyDescent="0.2">
      <c r="A99" s="31">
        <v>77</v>
      </c>
      <c r="B99" s="27">
        <v>7</v>
      </c>
      <c r="C99" s="28">
        <v>8</v>
      </c>
      <c r="D99" s="29">
        <v>15</v>
      </c>
    </row>
    <row r="100" spans="1:4" ht="18" customHeight="1" x14ac:dyDescent="0.2">
      <c r="A100" s="31">
        <v>78</v>
      </c>
      <c r="B100" s="27">
        <v>10</v>
      </c>
      <c r="C100" s="28">
        <v>5</v>
      </c>
      <c r="D100" s="29">
        <v>15</v>
      </c>
    </row>
    <row r="101" spans="1:4" ht="18" customHeight="1" x14ac:dyDescent="0.2">
      <c r="A101" s="31">
        <v>79</v>
      </c>
      <c r="B101" s="27">
        <v>6</v>
      </c>
      <c r="C101" s="28">
        <v>9</v>
      </c>
      <c r="D101" s="29">
        <v>15</v>
      </c>
    </row>
    <row r="102" spans="1:4" ht="18" customHeight="1" x14ac:dyDescent="0.2">
      <c r="A102" s="31" t="s">
        <v>65</v>
      </c>
      <c r="B102" s="27">
        <v>32</v>
      </c>
      <c r="C102" s="28">
        <v>37</v>
      </c>
      <c r="D102" s="29">
        <v>69</v>
      </c>
    </row>
    <row r="103" spans="1:4" ht="18" customHeight="1" x14ac:dyDescent="0.2">
      <c r="A103" s="31">
        <v>80</v>
      </c>
      <c r="B103" s="27">
        <v>2</v>
      </c>
      <c r="C103" s="28">
        <v>2</v>
      </c>
      <c r="D103" s="29">
        <v>4</v>
      </c>
    </row>
    <row r="104" spans="1:4" ht="18" customHeight="1" x14ac:dyDescent="0.2">
      <c r="A104" s="31">
        <v>81</v>
      </c>
      <c r="B104" s="27">
        <v>5</v>
      </c>
      <c r="C104" s="28">
        <v>10</v>
      </c>
      <c r="D104" s="29">
        <v>15</v>
      </c>
    </row>
    <row r="105" spans="1:4" ht="18" customHeight="1" x14ac:dyDescent="0.2">
      <c r="A105" s="31">
        <v>82</v>
      </c>
      <c r="B105" s="27">
        <v>6</v>
      </c>
      <c r="C105" s="28">
        <v>14</v>
      </c>
      <c r="D105" s="29">
        <v>20</v>
      </c>
    </row>
    <row r="106" spans="1:4" ht="18" customHeight="1" x14ac:dyDescent="0.2">
      <c r="A106" s="31">
        <v>83</v>
      </c>
      <c r="B106" s="27">
        <v>3</v>
      </c>
      <c r="C106" s="28">
        <v>8</v>
      </c>
      <c r="D106" s="29">
        <v>11</v>
      </c>
    </row>
    <row r="107" spans="1:4" ht="18" customHeight="1" x14ac:dyDescent="0.2">
      <c r="A107" s="31">
        <v>84</v>
      </c>
      <c r="B107" s="27">
        <v>4</v>
      </c>
      <c r="C107" s="28">
        <v>10</v>
      </c>
      <c r="D107" s="29">
        <v>14</v>
      </c>
    </row>
    <row r="108" spans="1:4" ht="18" customHeight="1" x14ac:dyDescent="0.2">
      <c r="A108" s="31" t="s">
        <v>66</v>
      </c>
      <c r="B108" s="27">
        <v>20</v>
      </c>
      <c r="C108" s="28">
        <v>44</v>
      </c>
      <c r="D108" s="29">
        <v>64</v>
      </c>
    </row>
    <row r="109" spans="1:4" ht="18" customHeight="1" x14ac:dyDescent="0.2">
      <c r="A109" s="31">
        <v>85</v>
      </c>
      <c r="B109" s="27">
        <v>6</v>
      </c>
      <c r="C109" s="28">
        <v>3</v>
      </c>
      <c r="D109" s="29">
        <v>9</v>
      </c>
    </row>
    <row r="110" spans="1:4" ht="18" customHeight="1" x14ac:dyDescent="0.2">
      <c r="A110" s="31">
        <v>86</v>
      </c>
      <c r="B110" s="27">
        <v>1</v>
      </c>
      <c r="C110" s="28">
        <v>2</v>
      </c>
      <c r="D110" s="29">
        <v>3</v>
      </c>
    </row>
    <row r="111" spans="1:4" ht="18" customHeight="1" x14ac:dyDescent="0.2">
      <c r="A111" s="31">
        <v>87</v>
      </c>
      <c r="B111" s="27">
        <v>2</v>
      </c>
      <c r="C111" s="28">
        <v>5</v>
      </c>
      <c r="D111" s="29">
        <v>7</v>
      </c>
    </row>
    <row r="112" spans="1:4" ht="18" customHeight="1" x14ac:dyDescent="0.2">
      <c r="A112" s="31">
        <v>88</v>
      </c>
      <c r="B112" s="27">
        <v>1</v>
      </c>
      <c r="C112" s="28">
        <v>4</v>
      </c>
      <c r="D112" s="29">
        <v>5</v>
      </c>
    </row>
    <row r="113" spans="1:4" ht="18" customHeight="1" x14ac:dyDescent="0.2">
      <c r="A113" s="31">
        <v>89</v>
      </c>
      <c r="B113" s="27">
        <v>0</v>
      </c>
      <c r="C113" s="28">
        <v>2</v>
      </c>
      <c r="D113" s="29">
        <v>2</v>
      </c>
    </row>
    <row r="114" spans="1:4" ht="18" customHeight="1" x14ac:dyDescent="0.2">
      <c r="A114" s="31" t="s">
        <v>67</v>
      </c>
      <c r="B114" s="27">
        <v>10</v>
      </c>
      <c r="C114" s="28">
        <v>16</v>
      </c>
      <c r="D114" s="29">
        <v>26</v>
      </c>
    </row>
    <row r="115" spans="1:4" ht="18" customHeight="1" x14ac:dyDescent="0.2">
      <c r="A115" s="31">
        <v>90</v>
      </c>
      <c r="B115" s="27">
        <v>2</v>
      </c>
      <c r="C115" s="28">
        <v>4</v>
      </c>
      <c r="D115" s="29">
        <v>6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0</v>
      </c>
      <c r="C117" s="28">
        <v>3</v>
      </c>
      <c r="D117" s="29">
        <v>3</v>
      </c>
    </row>
    <row r="118" spans="1:4" ht="18" customHeight="1" x14ac:dyDescent="0.2">
      <c r="A118" s="31">
        <v>93</v>
      </c>
      <c r="B118" s="27">
        <v>2</v>
      </c>
      <c r="C118" s="28">
        <v>2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5</v>
      </c>
      <c r="C120" s="28">
        <v>13</v>
      </c>
      <c r="D120" s="29">
        <v>18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6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48</v>
      </c>
      <c r="C130" s="5">
        <v>197</v>
      </c>
      <c r="D130" s="6">
        <v>345</v>
      </c>
    </row>
    <row r="131" spans="1:4" ht="18" customHeight="1" x14ac:dyDescent="0.2">
      <c r="A131" s="33" t="s">
        <v>47</v>
      </c>
      <c r="B131" s="7">
        <v>430</v>
      </c>
      <c r="C131" s="8">
        <v>459</v>
      </c>
      <c r="D131" s="9">
        <v>88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7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0</v>
      </c>
      <c r="C5" s="37">
        <v>17</v>
      </c>
      <c r="D5" s="39">
        <v>27</v>
      </c>
    </row>
    <row r="6" spans="1:4" ht="18" customHeight="1" x14ac:dyDescent="0.2">
      <c r="A6" s="31">
        <v>1</v>
      </c>
      <c r="B6" s="35">
        <v>20</v>
      </c>
      <c r="C6" s="28">
        <v>18</v>
      </c>
      <c r="D6" s="29">
        <v>38</v>
      </c>
    </row>
    <row r="7" spans="1:4" ht="18" customHeight="1" x14ac:dyDescent="0.2">
      <c r="A7" s="31">
        <v>2</v>
      </c>
      <c r="B7" s="35">
        <v>27</v>
      </c>
      <c r="C7" s="28">
        <v>28</v>
      </c>
      <c r="D7" s="29">
        <v>55</v>
      </c>
    </row>
    <row r="8" spans="1:4" ht="18" customHeight="1" x14ac:dyDescent="0.2">
      <c r="A8" s="31">
        <v>3</v>
      </c>
      <c r="B8" s="35">
        <v>31</v>
      </c>
      <c r="C8" s="28">
        <v>21</v>
      </c>
      <c r="D8" s="29">
        <v>52</v>
      </c>
    </row>
    <row r="9" spans="1:4" ht="18" customHeight="1" x14ac:dyDescent="0.2">
      <c r="A9" s="31">
        <v>4</v>
      </c>
      <c r="B9" s="36">
        <v>32</v>
      </c>
      <c r="C9" s="38">
        <v>26</v>
      </c>
      <c r="D9" s="40">
        <v>58</v>
      </c>
    </row>
    <row r="10" spans="1:4" ht="18" customHeight="1" x14ac:dyDescent="0.2">
      <c r="A10" s="31" t="s">
        <v>48</v>
      </c>
      <c r="B10" s="27">
        <v>120</v>
      </c>
      <c r="C10" s="28">
        <v>110</v>
      </c>
      <c r="D10" s="29">
        <v>230</v>
      </c>
    </row>
    <row r="11" spans="1:4" ht="18" customHeight="1" x14ac:dyDescent="0.2">
      <c r="A11" s="31">
        <v>5</v>
      </c>
      <c r="B11" s="35">
        <v>27</v>
      </c>
      <c r="C11" s="28">
        <v>27</v>
      </c>
      <c r="D11" s="29">
        <v>54</v>
      </c>
    </row>
    <row r="12" spans="1:4" ht="18" customHeight="1" x14ac:dyDescent="0.2">
      <c r="A12" s="31">
        <v>6</v>
      </c>
      <c r="B12" s="35">
        <v>24</v>
      </c>
      <c r="C12" s="28">
        <v>27</v>
      </c>
      <c r="D12" s="29">
        <v>51</v>
      </c>
    </row>
    <row r="13" spans="1:4" ht="18" customHeight="1" x14ac:dyDescent="0.2">
      <c r="A13" s="31">
        <v>7</v>
      </c>
      <c r="B13" s="35">
        <v>33</v>
      </c>
      <c r="C13" s="28">
        <v>30</v>
      </c>
      <c r="D13" s="29">
        <v>63</v>
      </c>
    </row>
    <row r="14" spans="1:4" ht="18" customHeight="1" x14ac:dyDescent="0.2">
      <c r="A14" s="31">
        <v>8</v>
      </c>
      <c r="B14" s="35">
        <v>36</v>
      </c>
      <c r="C14" s="28">
        <v>31</v>
      </c>
      <c r="D14" s="29">
        <v>67</v>
      </c>
    </row>
    <row r="15" spans="1:4" ht="18" customHeight="1" x14ac:dyDescent="0.2">
      <c r="A15" s="31">
        <v>9</v>
      </c>
      <c r="B15" s="35">
        <v>36</v>
      </c>
      <c r="C15" s="28">
        <v>26</v>
      </c>
      <c r="D15" s="29">
        <v>62</v>
      </c>
    </row>
    <row r="16" spans="1:4" ht="18" customHeight="1" x14ac:dyDescent="0.2">
      <c r="A16" s="31" t="s">
        <v>49</v>
      </c>
      <c r="B16" s="27">
        <v>156</v>
      </c>
      <c r="C16" s="28">
        <v>141</v>
      </c>
      <c r="D16" s="29">
        <v>297</v>
      </c>
    </row>
    <row r="17" spans="1:4" ht="18" customHeight="1" x14ac:dyDescent="0.2">
      <c r="A17" s="31">
        <v>10</v>
      </c>
      <c r="B17" s="27">
        <v>40</v>
      </c>
      <c r="C17" s="28">
        <v>25</v>
      </c>
      <c r="D17" s="29">
        <v>65</v>
      </c>
    </row>
    <row r="18" spans="1:4" ht="18" customHeight="1" x14ac:dyDescent="0.2">
      <c r="A18" s="31">
        <v>11</v>
      </c>
      <c r="B18" s="27">
        <v>42</v>
      </c>
      <c r="C18" s="28">
        <v>32</v>
      </c>
      <c r="D18" s="29">
        <v>74</v>
      </c>
    </row>
    <row r="19" spans="1:4" ht="18" customHeight="1" x14ac:dyDescent="0.2">
      <c r="A19" s="31">
        <v>12</v>
      </c>
      <c r="B19" s="27">
        <v>38</v>
      </c>
      <c r="C19" s="28">
        <v>42</v>
      </c>
      <c r="D19" s="29">
        <v>80</v>
      </c>
    </row>
    <row r="20" spans="1:4" ht="18" customHeight="1" x14ac:dyDescent="0.2">
      <c r="A20" s="31">
        <v>13</v>
      </c>
      <c r="B20" s="27">
        <v>39</v>
      </c>
      <c r="C20" s="28">
        <v>39</v>
      </c>
      <c r="D20" s="29">
        <v>78</v>
      </c>
    </row>
    <row r="21" spans="1:4" ht="18" customHeight="1" x14ac:dyDescent="0.2">
      <c r="A21" s="31">
        <v>14</v>
      </c>
      <c r="B21" s="27">
        <v>38</v>
      </c>
      <c r="C21" s="28">
        <v>39</v>
      </c>
      <c r="D21" s="29">
        <v>77</v>
      </c>
    </row>
    <row r="22" spans="1:4" ht="18" customHeight="1" x14ac:dyDescent="0.2">
      <c r="A22" s="31" t="s">
        <v>50</v>
      </c>
      <c r="B22" s="27">
        <v>197</v>
      </c>
      <c r="C22" s="28">
        <v>177</v>
      </c>
      <c r="D22" s="29">
        <v>374</v>
      </c>
    </row>
    <row r="23" spans="1:4" ht="18" customHeight="1" x14ac:dyDescent="0.2">
      <c r="A23" s="31" t="s">
        <v>51</v>
      </c>
      <c r="B23" s="27">
        <v>473</v>
      </c>
      <c r="C23" s="28">
        <v>428</v>
      </c>
      <c r="D23" s="29">
        <v>901</v>
      </c>
    </row>
    <row r="24" spans="1:4" ht="18" customHeight="1" x14ac:dyDescent="0.2">
      <c r="A24" s="31">
        <v>15</v>
      </c>
      <c r="B24" s="27">
        <v>60</v>
      </c>
      <c r="C24" s="28">
        <v>46</v>
      </c>
      <c r="D24" s="29">
        <v>106</v>
      </c>
    </row>
    <row r="25" spans="1:4" ht="18" customHeight="1" x14ac:dyDescent="0.2">
      <c r="A25" s="31">
        <v>16</v>
      </c>
      <c r="B25" s="27">
        <v>42</v>
      </c>
      <c r="C25" s="28">
        <v>51</v>
      </c>
      <c r="D25" s="29">
        <v>93</v>
      </c>
    </row>
    <row r="26" spans="1:4" ht="18" customHeight="1" x14ac:dyDescent="0.2">
      <c r="A26" s="31">
        <v>17</v>
      </c>
      <c r="B26" s="27">
        <v>52</v>
      </c>
      <c r="C26" s="28">
        <v>49</v>
      </c>
      <c r="D26" s="29">
        <v>101</v>
      </c>
    </row>
    <row r="27" spans="1:4" ht="18" customHeight="1" x14ac:dyDescent="0.2">
      <c r="A27" s="31">
        <v>18</v>
      </c>
      <c r="B27" s="27">
        <v>47</v>
      </c>
      <c r="C27" s="28">
        <v>61</v>
      </c>
      <c r="D27" s="29">
        <v>108</v>
      </c>
    </row>
    <row r="28" spans="1:4" ht="18" customHeight="1" x14ac:dyDescent="0.2">
      <c r="A28" s="31">
        <v>19</v>
      </c>
      <c r="B28" s="27">
        <v>49</v>
      </c>
      <c r="C28" s="28">
        <v>47</v>
      </c>
      <c r="D28" s="29">
        <v>96</v>
      </c>
    </row>
    <row r="29" spans="1:4" ht="18" customHeight="1" x14ac:dyDescent="0.2">
      <c r="A29" s="31" t="s">
        <v>52</v>
      </c>
      <c r="B29" s="27">
        <v>250</v>
      </c>
      <c r="C29" s="28">
        <v>254</v>
      </c>
      <c r="D29" s="29">
        <v>504</v>
      </c>
    </row>
    <row r="30" spans="1:4" ht="18" customHeight="1" x14ac:dyDescent="0.2">
      <c r="A30" s="31">
        <v>20</v>
      </c>
      <c r="B30" s="27">
        <v>54</v>
      </c>
      <c r="C30" s="28">
        <v>42</v>
      </c>
      <c r="D30" s="29">
        <v>96</v>
      </c>
    </row>
    <row r="31" spans="1:4" ht="18" customHeight="1" x14ac:dyDescent="0.2">
      <c r="A31" s="31">
        <v>21</v>
      </c>
      <c r="B31" s="27">
        <v>63</v>
      </c>
      <c r="C31" s="28">
        <v>57</v>
      </c>
      <c r="D31" s="29">
        <v>120</v>
      </c>
    </row>
    <row r="32" spans="1:4" ht="18" customHeight="1" x14ac:dyDescent="0.2">
      <c r="A32" s="31">
        <v>22</v>
      </c>
      <c r="B32" s="27">
        <v>47</v>
      </c>
      <c r="C32" s="28">
        <v>47</v>
      </c>
      <c r="D32" s="29">
        <v>94</v>
      </c>
    </row>
    <row r="33" spans="1:4" ht="18" customHeight="1" x14ac:dyDescent="0.2">
      <c r="A33" s="31">
        <v>23</v>
      </c>
      <c r="B33" s="27">
        <v>58</v>
      </c>
      <c r="C33" s="28">
        <v>45</v>
      </c>
      <c r="D33" s="29">
        <v>103</v>
      </c>
    </row>
    <row r="34" spans="1:4" ht="18" customHeight="1" x14ac:dyDescent="0.2">
      <c r="A34" s="31">
        <v>24</v>
      </c>
      <c r="B34" s="27">
        <v>54</v>
      </c>
      <c r="C34" s="28">
        <v>36</v>
      </c>
      <c r="D34" s="29">
        <v>90</v>
      </c>
    </row>
    <row r="35" spans="1:4" ht="18" customHeight="1" x14ac:dyDescent="0.2">
      <c r="A35" s="31" t="s">
        <v>53</v>
      </c>
      <c r="B35" s="27">
        <v>276</v>
      </c>
      <c r="C35" s="28">
        <v>227</v>
      </c>
      <c r="D35" s="29">
        <v>503</v>
      </c>
    </row>
    <row r="36" spans="1:4" ht="18" customHeight="1" x14ac:dyDescent="0.2">
      <c r="A36" s="31">
        <v>25</v>
      </c>
      <c r="B36" s="27">
        <v>50</v>
      </c>
      <c r="C36" s="28">
        <v>40</v>
      </c>
      <c r="D36" s="29">
        <v>90</v>
      </c>
    </row>
    <row r="37" spans="1:4" ht="18" customHeight="1" x14ac:dyDescent="0.2">
      <c r="A37" s="31">
        <v>26</v>
      </c>
      <c r="B37" s="27">
        <v>45</v>
      </c>
      <c r="C37" s="28">
        <v>30</v>
      </c>
      <c r="D37" s="29">
        <v>75</v>
      </c>
    </row>
    <row r="38" spans="1:4" ht="18" customHeight="1" x14ac:dyDescent="0.2">
      <c r="A38" s="31">
        <v>27</v>
      </c>
      <c r="B38" s="27">
        <v>54</v>
      </c>
      <c r="C38" s="28">
        <v>36</v>
      </c>
      <c r="D38" s="29">
        <v>90</v>
      </c>
    </row>
    <row r="39" spans="1:4" ht="18" customHeight="1" x14ac:dyDescent="0.2">
      <c r="A39" s="31">
        <v>28</v>
      </c>
      <c r="B39" s="27">
        <v>26</v>
      </c>
      <c r="C39" s="28">
        <v>32</v>
      </c>
      <c r="D39" s="29">
        <v>58</v>
      </c>
    </row>
    <row r="40" spans="1:4" ht="18" customHeight="1" x14ac:dyDescent="0.2">
      <c r="A40" s="31">
        <v>29</v>
      </c>
      <c r="B40" s="27">
        <v>22</v>
      </c>
      <c r="C40" s="28">
        <v>21</v>
      </c>
      <c r="D40" s="29">
        <v>43</v>
      </c>
    </row>
    <row r="41" spans="1:4" ht="18" customHeight="1" x14ac:dyDescent="0.2">
      <c r="A41" s="31" t="s">
        <v>54</v>
      </c>
      <c r="B41" s="27">
        <v>197</v>
      </c>
      <c r="C41" s="28">
        <v>159</v>
      </c>
      <c r="D41" s="29">
        <v>356</v>
      </c>
    </row>
    <row r="42" spans="1:4" ht="18" customHeight="1" x14ac:dyDescent="0.2">
      <c r="A42" s="31">
        <v>30</v>
      </c>
      <c r="B42" s="27">
        <v>34</v>
      </c>
      <c r="C42" s="28">
        <v>27</v>
      </c>
      <c r="D42" s="29">
        <v>61</v>
      </c>
    </row>
    <row r="43" spans="1:4" ht="18" customHeight="1" x14ac:dyDescent="0.2">
      <c r="A43" s="31">
        <v>31</v>
      </c>
      <c r="B43" s="27">
        <v>38</v>
      </c>
      <c r="C43" s="28">
        <v>28</v>
      </c>
      <c r="D43" s="29">
        <v>66</v>
      </c>
    </row>
    <row r="44" spans="1:4" ht="18" customHeight="1" x14ac:dyDescent="0.2">
      <c r="A44" s="31">
        <v>32</v>
      </c>
      <c r="B44" s="27">
        <v>33</v>
      </c>
      <c r="C44" s="28">
        <v>22</v>
      </c>
      <c r="D44" s="29">
        <v>55</v>
      </c>
    </row>
    <row r="45" spans="1:4" ht="18" customHeight="1" x14ac:dyDescent="0.2">
      <c r="A45" s="31">
        <v>33</v>
      </c>
      <c r="B45" s="27">
        <v>38</v>
      </c>
      <c r="C45" s="28">
        <v>27</v>
      </c>
      <c r="D45" s="29">
        <v>65</v>
      </c>
    </row>
    <row r="46" spans="1:4" ht="18" customHeight="1" x14ac:dyDescent="0.2">
      <c r="A46" s="31">
        <v>34</v>
      </c>
      <c r="B46" s="27">
        <v>24</v>
      </c>
      <c r="C46" s="28">
        <v>27</v>
      </c>
      <c r="D46" s="29">
        <v>51</v>
      </c>
    </row>
    <row r="47" spans="1:4" ht="18" customHeight="1" x14ac:dyDescent="0.2">
      <c r="A47" s="31" t="s">
        <v>55</v>
      </c>
      <c r="B47" s="27">
        <v>167</v>
      </c>
      <c r="C47" s="28">
        <v>131</v>
      </c>
      <c r="D47" s="29">
        <v>298</v>
      </c>
    </row>
    <row r="48" spans="1:4" ht="18" customHeight="1" x14ac:dyDescent="0.2">
      <c r="A48" s="31">
        <v>35</v>
      </c>
      <c r="B48" s="27">
        <v>46</v>
      </c>
      <c r="C48" s="28">
        <v>34</v>
      </c>
      <c r="D48" s="29">
        <v>80</v>
      </c>
    </row>
    <row r="49" spans="1:4" ht="18" customHeight="1" x14ac:dyDescent="0.2">
      <c r="A49" s="31">
        <v>36</v>
      </c>
      <c r="B49" s="27">
        <v>44</v>
      </c>
      <c r="C49" s="28">
        <v>44</v>
      </c>
      <c r="D49" s="29">
        <v>88</v>
      </c>
    </row>
    <row r="50" spans="1:4" ht="18" customHeight="1" x14ac:dyDescent="0.2">
      <c r="A50" s="31">
        <v>37</v>
      </c>
      <c r="B50" s="27">
        <v>53</v>
      </c>
      <c r="C50" s="28">
        <v>52</v>
      </c>
      <c r="D50" s="29">
        <v>105</v>
      </c>
    </row>
    <row r="51" spans="1:4" ht="18" customHeight="1" x14ac:dyDescent="0.2">
      <c r="A51" s="31">
        <v>38</v>
      </c>
      <c r="B51" s="27">
        <v>31</v>
      </c>
      <c r="C51" s="28">
        <v>43</v>
      </c>
      <c r="D51" s="29">
        <v>74</v>
      </c>
    </row>
    <row r="52" spans="1:4" ht="18" customHeight="1" x14ac:dyDescent="0.2">
      <c r="A52" s="31">
        <v>39</v>
      </c>
      <c r="B52" s="27">
        <v>44</v>
      </c>
      <c r="C52" s="28">
        <v>38</v>
      </c>
      <c r="D52" s="29">
        <v>82</v>
      </c>
    </row>
    <row r="53" spans="1:4" ht="18" customHeight="1" x14ac:dyDescent="0.2">
      <c r="A53" s="31" t="s">
        <v>56</v>
      </c>
      <c r="B53" s="27">
        <v>218</v>
      </c>
      <c r="C53" s="28">
        <v>211</v>
      </c>
      <c r="D53" s="29">
        <v>429</v>
      </c>
    </row>
    <row r="54" spans="1:4" ht="18" customHeight="1" x14ac:dyDescent="0.2">
      <c r="A54" s="31">
        <v>40</v>
      </c>
      <c r="B54" s="27">
        <v>50</v>
      </c>
      <c r="C54" s="28">
        <v>54</v>
      </c>
      <c r="D54" s="29">
        <v>104</v>
      </c>
    </row>
    <row r="55" spans="1:4" ht="18" customHeight="1" x14ac:dyDescent="0.2">
      <c r="A55" s="31">
        <v>41</v>
      </c>
      <c r="B55" s="27">
        <v>42</v>
      </c>
      <c r="C55" s="28">
        <v>48</v>
      </c>
      <c r="D55" s="29">
        <v>90</v>
      </c>
    </row>
    <row r="56" spans="1:4" ht="18" customHeight="1" x14ac:dyDescent="0.2">
      <c r="A56" s="31">
        <v>42</v>
      </c>
      <c r="B56" s="27">
        <v>56</v>
      </c>
      <c r="C56" s="28">
        <v>60</v>
      </c>
      <c r="D56" s="29">
        <v>116</v>
      </c>
    </row>
    <row r="57" spans="1:4" ht="18" customHeight="1" x14ac:dyDescent="0.2">
      <c r="A57" s="31">
        <v>43</v>
      </c>
      <c r="B57" s="27">
        <v>67</v>
      </c>
      <c r="C57" s="28">
        <v>48</v>
      </c>
      <c r="D57" s="29">
        <v>115</v>
      </c>
    </row>
    <row r="58" spans="1:4" ht="18" customHeight="1" x14ac:dyDescent="0.2">
      <c r="A58" s="31">
        <v>44</v>
      </c>
      <c r="B58" s="27">
        <v>78</v>
      </c>
      <c r="C58" s="28">
        <v>69</v>
      </c>
      <c r="D58" s="29">
        <v>147</v>
      </c>
    </row>
    <row r="59" spans="1:4" ht="18" customHeight="1" x14ac:dyDescent="0.2">
      <c r="A59" s="31" t="s">
        <v>57</v>
      </c>
      <c r="B59" s="27">
        <v>293</v>
      </c>
      <c r="C59" s="28">
        <v>279</v>
      </c>
      <c r="D59" s="29">
        <v>572</v>
      </c>
    </row>
    <row r="60" spans="1:4" ht="18" customHeight="1" x14ac:dyDescent="0.2">
      <c r="A60" s="31">
        <v>45</v>
      </c>
      <c r="B60" s="27">
        <v>66</v>
      </c>
      <c r="C60" s="28">
        <v>71</v>
      </c>
      <c r="D60" s="29">
        <v>137</v>
      </c>
    </row>
    <row r="61" spans="1:4" ht="18" customHeight="1" x14ac:dyDescent="0.2">
      <c r="A61" s="31">
        <v>46</v>
      </c>
      <c r="B61" s="27">
        <v>87</v>
      </c>
      <c r="C61" s="28">
        <v>74</v>
      </c>
      <c r="D61" s="29">
        <v>161</v>
      </c>
    </row>
    <row r="62" spans="1:4" ht="18" customHeight="1" x14ac:dyDescent="0.2">
      <c r="A62" s="31">
        <v>47</v>
      </c>
      <c r="B62" s="27">
        <v>69</v>
      </c>
      <c r="C62" s="28">
        <v>101</v>
      </c>
      <c r="D62" s="29">
        <v>170</v>
      </c>
    </row>
    <row r="63" spans="1:4" ht="18" customHeight="1" x14ac:dyDescent="0.2">
      <c r="A63" s="31">
        <v>48</v>
      </c>
      <c r="B63" s="27">
        <v>87</v>
      </c>
      <c r="C63" s="28">
        <v>86</v>
      </c>
      <c r="D63" s="29">
        <v>173</v>
      </c>
    </row>
    <row r="64" spans="1:4" ht="18" customHeight="1" x14ac:dyDescent="0.2">
      <c r="A64" s="31">
        <v>49</v>
      </c>
      <c r="B64" s="27">
        <v>85</v>
      </c>
      <c r="C64" s="28">
        <v>78</v>
      </c>
      <c r="D64" s="29">
        <v>163</v>
      </c>
    </row>
    <row r="65" spans="1:4" ht="18" customHeight="1" x14ac:dyDescent="0.2">
      <c r="A65" s="31" t="s">
        <v>58</v>
      </c>
      <c r="B65" s="27">
        <v>394</v>
      </c>
      <c r="C65" s="28">
        <v>410</v>
      </c>
      <c r="D65" s="29">
        <v>804</v>
      </c>
    </row>
    <row r="66" spans="1:4" ht="18" customHeight="1" x14ac:dyDescent="0.2">
      <c r="A66" s="31">
        <v>50</v>
      </c>
      <c r="B66" s="27">
        <v>81</v>
      </c>
      <c r="C66" s="28">
        <v>79</v>
      </c>
      <c r="D66" s="29">
        <v>160</v>
      </c>
    </row>
    <row r="67" spans="1:4" ht="18" customHeight="1" x14ac:dyDescent="0.2">
      <c r="A67" s="31">
        <v>51</v>
      </c>
      <c r="B67" s="27">
        <v>74</v>
      </c>
      <c r="C67" s="28">
        <v>69</v>
      </c>
      <c r="D67" s="29">
        <v>143</v>
      </c>
    </row>
    <row r="68" spans="1:4" ht="18" customHeight="1" x14ac:dyDescent="0.2">
      <c r="A68" s="31">
        <v>52</v>
      </c>
      <c r="B68" s="27">
        <v>69</v>
      </c>
      <c r="C68" s="28">
        <v>83</v>
      </c>
      <c r="D68" s="29">
        <v>152</v>
      </c>
    </row>
    <row r="69" spans="1:4" ht="18" customHeight="1" x14ac:dyDescent="0.2">
      <c r="A69" s="31">
        <v>53</v>
      </c>
      <c r="B69" s="27">
        <v>68</v>
      </c>
      <c r="C69" s="28">
        <v>66</v>
      </c>
      <c r="D69" s="29">
        <v>134</v>
      </c>
    </row>
    <row r="70" spans="1:4" ht="18" customHeight="1" x14ac:dyDescent="0.2">
      <c r="A70" s="31">
        <v>54</v>
      </c>
      <c r="B70" s="27">
        <v>50</v>
      </c>
      <c r="C70" s="28">
        <v>51</v>
      </c>
      <c r="D70" s="29">
        <v>101</v>
      </c>
    </row>
    <row r="71" spans="1:4" ht="18" customHeight="1" x14ac:dyDescent="0.2">
      <c r="A71" s="31" t="s">
        <v>59</v>
      </c>
      <c r="B71" s="27">
        <v>342</v>
      </c>
      <c r="C71" s="28">
        <v>348</v>
      </c>
      <c r="D71" s="29">
        <v>690</v>
      </c>
    </row>
    <row r="72" spans="1:4" ht="18" customHeight="1" x14ac:dyDescent="0.2">
      <c r="A72" s="31">
        <v>55</v>
      </c>
      <c r="B72" s="27">
        <v>57</v>
      </c>
      <c r="C72" s="28">
        <v>57</v>
      </c>
      <c r="D72" s="29">
        <v>114</v>
      </c>
    </row>
    <row r="73" spans="1:4" ht="18" customHeight="1" x14ac:dyDescent="0.2">
      <c r="A73" s="31">
        <v>56</v>
      </c>
      <c r="B73" s="27">
        <v>69</v>
      </c>
      <c r="C73" s="28">
        <v>58</v>
      </c>
      <c r="D73" s="29">
        <v>127</v>
      </c>
    </row>
    <row r="74" spans="1:4" ht="18" customHeight="1" x14ac:dyDescent="0.2">
      <c r="A74" s="31">
        <v>57</v>
      </c>
      <c r="B74" s="27">
        <v>67</v>
      </c>
      <c r="C74" s="28">
        <v>67</v>
      </c>
      <c r="D74" s="29">
        <v>134</v>
      </c>
    </row>
    <row r="75" spans="1:4" ht="18" customHeight="1" x14ac:dyDescent="0.2">
      <c r="A75" s="31">
        <v>58</v>
      </c>
      <c r="B75" s="27">
        <v>73</v>
      </c>
      <c r="C75" s="28">
        <v>53</v>
      </c>
      <c r="D75" s="29">
        <v>126</v>
      </c>
    </row>
    <row r="76" spans="1:4" ht="18" customHeight="1" x14ac:dyDescent="0.2">
      <c r="A76" s="31">
        <v>59</v>
      </c>
      <c r="B76" s="27">
        <v>43</v>
      </c>
      <c r="C76" s="28">
        <v>59</v>
      </c>
      <c r="D76" s="29">
        <v>102</v>
      </c>
    </row>
    <row r="77" spans="1:4" ht="18" customHeight="1" x14ac:dyDescent="0.2">
      <c r="A77" s="31" t="s">
        <v>60</v>
      </c>
      <c r="B77" s="27">
        <v>309</v>
      </c>
      <c r="C77" s="28">
        <v>294</v>
      </c>
      <c r="D77" s="29">
        <v>603</v>
      </c>
    </row>
    <row r="78" spans="1:4" ht="18" customHeight="1" x14ac:dyDescent="0.2">
      <c r="A78" s="31">
        <v>60</v>
      </c>
      <c r="B78" s="27">
        <v>68</v>
      </c>
      <c r="C78" s="28">
        <v>60</v>
      </c>
      <c r="D78" s="29">
        <v>128</v>
      </c>
    </row>
    <row r="79" spans="1:4" ht="18" customHeight="1" x14ac:dyDescent="0.2">
      <c r="A79" s="31">
        <v>61</v>
      </c>
      <c r="B79" s="27">
        <v>63</v>
      </c>
      <c r="C79" s="28">
        <v>70</v>
      </c>
      <c r="D79" s="29">
        <v>133</v>
      </c>
    </row>
    <row r="80" spans="1:4" ht="18" customHeight="1" x14ac:dyDescent="0.2">
      <c r="A80" s="31">
        <v>62</v>
      </c>
      <c r="B80" s="27">
        <v>64</v>
      </c>
      <c r="C80" s="28">
        <v>55</v>
      </c>
      <c r="D80" s="29">
        <v>119</v>
      </c>
    </row>
    <row r="81" spans="1:4" ht="18" customHeight="1" x14ac:dyDescent="0.2">
      <c r="A81" s="31">
        <v>63</v>
      </c>
      <c r="B81" s="27">
        <v>63</v>
      </c>
      <c r="C81" s="28">
        <v>64</v>
      </c>
      <c r="D81" s="29">
        <v>127</v>
      </c>
    </row>
    <row r="82" spans="1:4" ht="18" customHeight="1" x14ac:dyDescent="0.2">
      <c r="A82" s="31">
        <v>64</v>
      </c>
      <c r="B82" s="27">
        <v>57</v>
      </c>
      <c r="C82" s="28">
        <v>60</v>
      </c>
      <c r="D82" s="29">
        <v>117</v>
      </c>
    </row>
    <row r="83" spans="1:4" ht="18" customHeight="1" x14ac:dyDescent="0.2">
      <c r="A83" s="31" t="s">
        <v>61</v>
      </c>
      <c r="B83" s="27">
        <v>315</v>
      </c>
      <c r="C83" s="28">
        <v>309</v>
      </c>
      <c r="D83" s="29">
        <v>624</v>
      </c>
    </row>
    <row r="84" spans="1:4" ht="18" customHeight="1" x14ac:dyDescent="0.2">
      <c r="A84" s="31" t="s">
        <v>62</v>
      </c>
      <c r="B84" s="27">
        <v>2761</v>
      </c>
      <c r="C84" s="28">
        <v>2622</v>
      </c>
      <c r="D84" s="29">
        <v>5383</v>
      </c>
    </row>
    <row r="85" spans="1:4" ht="18" customHeight="1" x14ac:dyDescent="0.2">
      <c r="A85" s="31">
        <v>65</v>
      </c>
      <c r="B85" s="27">
        <v>65</v>
      </c>
      <c r="C85" s="28">
        <v>60</v>
      </c>
      <c r="D85" s="29">
        <v>125</v>
      </c>
    </row>
    <row r="86" spans="1:4" ht="18" customHeight="1" x14ac:dyDescent="0.2">
      <c r="A86" s="31">
        <v>66</v>
      </c>
      <c r="B86" s="27">
        <v>67</v>
      </c>
      <c r="C86" s="28">
        <v>65</v>
      </c>
      <c r="D86" s="29">
        <v>132</v>
      </c>
    </row>
    <row r="87" spans="1:4" ht="18" customHeight="1" x14ac:dyDescent="0.2">
      <c r="A87" s="31">
        <v>67</v>
      </c>
      <c r="B87" s="27">
        <v>65</v>
      </c>
      <c r="C87" s="28">
        <v>87</v>
      </c>
      <c r="D87" s="29">
        <v>152</v>
      </c>
    </row>
    <row r="88" spans="1:4" ht="18" customHeight="1" x14ac:dyDescent="0.2">
      <c r="A88" s="31">
        <v>68</v>
      </c>
      <c r="B88" s="27">
        <v>72</v>
      </c>
      <c r="C88" s="28">
        <v>62</v>
      </c>
      <c r="D88" s="29">
        <v>134</v>
      </c>
    </row>
    <row r="89" spans="1:4" ht="18" customHeight="1" x14ac:dyDescent="0.2">
      <c r="A89" s="31">
        <v>69</v>
      </c>
      <c r="B89" s="27">
        <v>81</v>
      </c>
      <c r="C89" s="28">
        <v>85</v>
      </c>
      <c r="D89" s="29">
        <v>166</v>
      </c>
    </row>
    <row r="90" spans="1:4" ht="18" customHeight="1" x14ac:dyDescent="0.2">
      <c r="A90" s="31" t="s">
        <v>63</v>
      </c>
      <c r="B90" s="27">
        <v>350</v>
      </c>
      <c r="C90" s="28">
        <v>359</v>
      </c>
      <c r="D90" s="29">
        <v>709</v>
      </c>
    </row>
    <row r="91" spans="1:4" ht="18" customHeight="1" x14ac:dyDescent="0.2">
      <c r="A91" s="31">
        <v>70</v>
      </c>
      <c r="B91" s="27">
        <v>86</v>
      </c>
      <c r="C91" s="28">
        <v>103</v>
      </c>
      <c r="D91" s="29">
        <v>189</v>
      </c>
    </row>
    <row r="92" spans="1:4" ht="18" customHeight="1" x14ac:dyDescent="0.2">
      <c r="A92" s="31">
        <v>71</v>
      </c>
      <c r="B92" s="27">
        <v>87</v>
      </c>
      <c r="C92" s="28">
        <v>104</v>
      </c>
      <c r="D92" s="29">
        <v>191</v>
      </c>
    </row>
    <row r="93" spans="1:4" ht="18" customHeight="1" x14ac:dyDescent="0.2">
      <c r="A93" s="31">
        <v>72</v>
      </c>
      <c r="B93" s="27">
        <v>103</v>
      </c>
      <c r="C93" s="28">
        <v>94</v>
      </c>
      <c r="D93" s="29">
        <v>197</v>
      </c>
    </row>
    <row r="94" spans="1:4" ht="18" customHeight="1" x14ac:dyDescent="0.2">
      <c r="A94" s="31">
        <v>73</v>
      </c>
      <c r="B94" s="27">
        <v>100</v>
      </c>
      <c r="C94" s="28">
        <v>115</v>
      </c>
      <c r="D94" s="29">
        <v>215</v>
      </c>
    </row>
    <row r="95" spans="1:4" ht="18" customHeight="1" x14ac:dyDescent="0.2">
      <c r="A95" s="31">
        <v>74</v>
      </c>
      <c r="B95" s="27">
        <v>42</v>
      </c>
      <c r="C95" s="28">
        <v>44</v>
      </c>
      <c r="D95" s="29">
        <v>86</v>
      </c>
    </row>
    <row r="96" spans="1:4" ht="18" customHeight="1" x14ac:dyDescent="0.2">
      <c r="A96" s="31" t="s">
        <v>64</v>
      </c>
      <c r="B96" s="27">
        <v>418</v>
      </c>
      <c r="C96" s="28">
        <v>460</v>
      </c>
      <c r="D96" s="29">
        <v>878</v>
      </c>
    </row>
    <row r="97" spans="1:4" ht="18" customHeight="1" x14ac:dyDescent="0.2">
      <c r="A97" s="31">
        <v>75</v>
      </c>
      <c r="B97" s="27">
        <v>48</v>
      </c>
      <c r="C97" s="28">
        <v>69</v>
      </c>
      <c r="D97" s="29">
        <v>117</v>
      </c>
    </row>
    <row r="98" spans="1:4" ht="18" customHeight="1" x14ac:dyDescent="0.2">
      <c r="A98" s="31">
        <v>76</v>
      </c>
      <c r="B98" s="27">
        <v>57</v>
      </c>
      <c r="C98" s="28">
        <v>87</v>
      </c>
      <c r="D98" s="29">
        <v>144</v>
      </c>
    </row>
    <row r="99" spans="1:4" ht="18" customHeight="1" x14ac:dyDescent="0.2">
      <c r="A99" s="31">
        <v>77</v>
      </c>
      <c r="B99" s="27">
        <v>59</v>
      </c>
      <c r="C99" s="28">
        <v>75</v>
      </c>
      <c r="D99" s="29">
        <v>134</v>
      </c>
    </row>
    <row r="100" spans="1:4" ht="18" customHeight="1" x14ac:dyDescent="0.2">
      <c r="A100" s="31">
        <v>78</v>
      </c>
      <c r="B100" s="27">
        <v>61</v>
      </c>
      <c r="C100" s="28">
        <v>61</v>
      </c>
      <c r="D100" s="29">
        <v>122</v>
      </c>
    </row>
    <row r="101" spans="1:4" ht="18" customHeight="1" x14ac:dyDescent="0.2">
      <c r="A101" s="31">
        <v>79</v>
      </c>
      <c r="B101" s="27">
        <v>41</v>
      </c>
      <c r="C101" s="28">
        <v>72</v>
      </c>
      <c r="D101" s="29">
        <v>113</v>
      </c>
    </row>
    <row r="102" spans="1:4" ht="18" customHeight="1" x14ac:dyDescent="0.2">
      <c r="A102" s="31" t="s">
        <v>65</v>
      </c>
      <c r="B102" s="27">
        <v>266</v>
      </c>
      <c r="C102" s="28">
        <v>364</v>
      </c>
      <c r="D102" s="29">
        <v>630</v>
      </c>
    </row>
    <row r="103" spans="1:4" ht="18" customHeight="1" x14ac:dyDescent="0.2">
      <c r="A103" s="31">
        <v>80</v>
      </c>
      <c r="B103" s="27">
        <v>43</v>
      </c>
      <c r="C103" s="28">
        <v>53</v>
      </c>
      <c r="D103" s="29">
        <v>96</v>
      </c>
    </row>
    <row r="104" spans="1:4" ht="18" customHeight="1" x14ac:dyDescent="0.2">
      <c r="A104" s="31">
        <v>81</v>
      </c>
      <c r="B104" s="27">
        <v>30</v>
      </c>
      <c r="C104" s="28">
        <v>54</v>
      </c>
      <c r="D104" s="29">
        <v>84</v>
      </c>
    </row>
    <row r="105" spans="1:4" ht="18" customHeight="1" x14ac:dyDescent="0.2">
      <c r="A105" s="31">
        <v>82</v>
      </c>
      <c r="B105" s="27">
        <v>38</v>
      </c>
      <c r="C105" s="28">
        <v>60</v>
      </c>
      <c r="D105" s="29">
        <v>98</v>
      </c>
    </row>
    <row r="106" spans="1:4" ht="18" customHeight="1" x14ac:dyDescent="0.2">
      <c r="A106" s="31">
        <v>83</v>
      </c>
      <c r="B106" s="27">
        <v>36</v>
      </c>
      <c r="C106" s="28">
        <v>62</v>
      </c>
      <c r="D106" s="29">
        <v>98</v>
      </c>
    </row>
    <row r="107" spans="1:4" ht="18" customHeight="1" x14ac:dyDescent="0.2">
      <c r="A107" s="31">
        <v>84</v>
      </c>
      <c r="B107" s="27">
        <v>37</v>
      </c>
      <c r="C107" s="28">
        <v>65</v>
      </c>
      <c r="D107" s="29">
        <v>102</v>
      </c>
    </row>
    <row r="108" spans="1:4" ht="18" customHeight="1" x14ac:dyDescent="0.2">
      <c r="A108" s="31" t="s">
        <v>66</v>
      </c>
      <c r="B108" s="27">
        <v>184</v>
      </c>
      <c r="C108" s="28">
        <v>294</v>
      </c>
      <c r="D108" s="29">
        <v>478</v>
      </c>
    </row>
    <row r="109" spans="1:4" ht="18" customHeight="1" x14ac:dyDescent="0.2">
      <c r="A109" s="31">
        <v>85</v>
      </c>
      <c r="B109" s="27">
        <v>31</v>
      </c>
      <c r="C109" s="28">
        <v>46</v>
      </c>
      <c r="D109" s="29">
        <v>77</v>
      </c>
    </row>
    <row r="110" spans="1:4" ht="18" customHeight="1" x14ac:dyDescent="0.2">
      <c r="A110" s="31">
        <v>86</v>
      </c>
      <c r="B110" s="27">
        <v>31</v>
      </c>
      <c r="C110" s="28">
        <v>61</v>
      </c>
      <c r="D110" s="29">
        <v>92</v>
      </c>
    </row>
    <row r="111" spans="1:4" ht="18" customHeight="1" x14ac:dyDescent="0.2">
      <c r="A111" s="31">
        <v>87</v>
      </c>
      <c r="B111" s="27">
        <v>22</v>
      </c>
      <c r="C111" s="28">
        <v>45</v>
      </c>
      <c r="D111" s="29">
        <v>67</v>
      </c>
    </row>
    <row r="112" spans="1:4" ht="18" customHeight="1" x14ac:dyDescent="0.2">
      <c r="A112" s="31">
        <v>88</v>
      </c>
      <c r="B112" s="27">
        <v>17</v>
      </c>
      <c r="C112" s="28">
        <v>35</v>
      </c>
      <c r="D112" s="29">
        <v>52</v>
      </c>
    </row>
    <row r="113" spans="1:4" ht="18" customHeight="1" x14ac:dyDescent="0.2">
      <c r="A113" s="31">
        <v>89</v>
      </c>
      <c r="B113" s="27">
        <v>20</v>
      </c>
      <c r="C113" s="28">
        <v>28</v>
      </c>
      <c r="D113" s="29">
        <v>48</v>
      </c>
    </row>
    <row r="114" spans="1:4" ht="18" customHeight="1" x14ac:dyDescent="0.2">
      <c r="A114" s="31" t="s">
        <v>67</v>
      </c>
      <c r="B114" s="27">
        <v>121</v>
      </c>
      <c r="C114" s="28">
        <v>215</v>
      </c>
      <c r="D114" s="29">
        <v>336</v>
      </c>
    </row>
    <row r="115" spans="1:4" ht="18" customHeight="1" x14ac:dyDescent="0.2">
      <c r="A115" s="31">
        <v>90</v>
      </c>
      <c r="B115" s="27">
        <v>15</v>
      </c>
      <c r="C115" s="28">
        <v>29</v>
      </c>
      <c r="D115" s="29">
        <v>44</v>
      </c>
    </row>
    <row r="116" spans="1:4" ht="18" customHeight="1" x14ac:dyDescent="0.2">
      <c r="A116" s="31">
        <v>91</v>
      </c>
      <c r="B116" s="27">
        <v>5</v>
      </c>
      <c r="C116" s="28">
        <v>25</v>
      </c>
      <c r="D116" s="29">
        <v>30</v>
      </c>
    </row>
    <row r="117" spans="1:4" ht="18" customHeight="1" x14ac:dyDescent="0.2">
      <c r="A117" s="31">
        <v>92</v>
      </c>
      <c r="B117" s="27">
        <v>9</v>
      </c>
      <c r="C117" s="28">
        <v>21</v>
      </c>
      <c r="D117" s="29">
        <v>30</v>
      </c>
    </row>
    <row r="118" spans="1:4" ht="18" customHeight="1" x14ac:dyDescent="0.2">
      <c r="A118" s="31">
        <v>93</v>
      </c>
      <c r="B118" s="27">
        <v>4</v>
      </c>
      <c r="C118" s="28">
        <v>15</v>
      </c>
      <c r="D118" s="29">
        <v>19</v>
      </c>
    </row>
    <row r="119" spans="1:4" ht="18" customHeight="1" x14ac:dyDescent="0.2">
      <c r="A119" s="31">
        <v>94</v>
      </c>
      <c r="B119" s="27">
        <v>3</v>
      </c>
      <c r="C119" s="28">
        <v>18</v>
      </c>
      <c r="D119" s="29">
        <v>21</v>
      </c>
    </row>
    <row r="120" spans="1:4" ht="18" customHeight="1" x14ac:dyDescent="0.2">
      <c r="A120" s="31" t="s">
        <v>68</v>
      </c>
      <c r="B120" s="27">
        <v>36</v>
      </c>
      <c r="C120" s="28">
        <v>108</v>
      </c>
      <c r="D120" s="29">
        <v>144</v>
      </c>
    </row>
    <row r="121" spans="1:4" ht="18" customHeight="1" x14ac:dyDescent="0.2">
      <c r="A121" s="31">
        <v>95</v>
      </c>
      <c r="B121" s="27">
        <v>6</v>
      </c>
      <c r="C121" s="28">
        <v>23</v>
      </c>
      <c r="D121" s="29">
        <v>29</v>
      </c>
    </row>
    <row r="122" spans="1:4" ht="18" customHeight="1" x14ac:dyDescent="0.2">
      <c r="A122" s="31">
        <v>96</v>
      </c>
      <c r="B122" s="27">
        <v>2</v>
      </c>
      <c r="C122" s="28">
        <v>13</v>
      </c>
      <c r="D122" s="29">
        <v>15</v>
      </c>
    </row>
    <row r="123" spans="1:4" ht="18" customHeight="1" x14ac:dyDescent="0.2">
      <c r="A123" s="31">
        <v>97</v>
      </c>
      <c r="B123" s="27">
        <v>1</v>
      </c>
      <c r="C123" s="28">
        <v>9</v>
      </c>
      <c r="D123" s="29">
        <v>10</v>
      </c>
    </row>
    <row r="124" spans="1:4" ht="18" customHeight="1" x14ac:dyDescent="0.2">
      <c r="A124" s="31">
        <v>98</v>
      </c>
      <c r="B124" s="27">
        <v>0</v>
      </c>
      <c r="C124" s="28">
        <v>15</v>
      </c>
      <c r="D124" s="29">
        <v>15</v>
      </c>
    </row>
    <row r="125" spans="1:4" ht="18" customHeight="1" x14ac:dyDescent="0.2">
      <c r="A125" s="31">
        <v>99</v>
      </c>
      <c r="B125" s="27">
        <v>1</v>
      </c>
      <c r="C125" s="28">
        <v>3</v>
      </c>
      <c r="D125" s="29">
        <v>4</v>
      </c>
    </row>
    <row r="126" spans="1:4" ht="18" customHeight="1" x14ac:dyDescent="0.2">
      <c r="A126" s="31" t="s">
        <v>69</v>
      </c>
      <c r="B126" s="27">
        <v>10</v>
      </c>
      <c r="C126" s="28">
        <v>63</v>
      </c>
      <c r="D126" s="29">
        <v>73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1</v>
      </c>
      <c r="C128" s="28">
        <v>3</v>
      </c>
      <c r="D128" s="29">
        <v>4</v>
      </c>
    </row>
    <row r="129" spans="1:4" ht="18" customHeight="1" x14ac:dyDescent="0.2">
      <c r="A129" s="31" t="s">
        <v>71</v>
      </c>
      <c r="B129" s="27">
        <v>1</v>
      </c>
      <c r="C129" s="28">
        <v>7</v>
      </c>
      <c r="D129" s="29">
        <v>8</v>
      </c>
    </row>
    <row r="130" spans="1:4" ht="18" customHeight="1" x14ac:dyDescent="0.2">
      <c r="A130" s="31" t="s">
        <v>72</v>
      </c>
      <c r="B130" s="4">
        <v>1386</v>
      </c>
      <c r="C130" s="5">
        <v>1870</v>
      </c>
      <c r="D130" s="6">
        <v>3256</v>
      </c>
    </row>
    <row r="131" spans="1:4" ht="18" customHeight="1" x14ac:dyDescent="0.2">
      <c r="A131" s="33" t="s">
        <v>47</v>
      </c>
      <c r="B131" s="7">
        <v>4620</v>
      </c>
      <c r="C131" s="8">
        <v>4920</v>
      </c>
      <c r="D131" s="9">
        <v>954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7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5</v>
      </c>
      <c r="D5" s="39">
        <v>7</v>
      </c>
    </row>
    <row r="6" spans="1:4" ht="18" customHeight="1" x14ac:dyDescent="0.2">
      <c r="A6" s="31">
        <v>1</v>
      </c>
      <c r="B6" s="35">
        <v>4</v>
      </c>
      <c r="C6" s="28">
        <v>4</v>
      </c>
      <c r="D6" s="29">
        <v>8</v>
      </c>
    </row>
    <row r="7" spans="1:4" ht="18" customHeight="1" x14ac:dyDescent="0.2">
      <c r="A7" s="31">
        <v>2</v>
      </c>
      <c r="B7" s="35">
        <v>2</v>
      </c>
      <c r="C7" s="28">
        <v>3</v>
      </c>
      <c r="D7" s="29">
        <v>5</v>
      </c>
    </row>
    <row r="8" spans="1:4" ht="18" customHeight="1" x14ac:dyDescent="0.2">
      <c r="A8" s="31">
        <v>3</v>
      </c>
      <c r="B8" s="35">
        <v>3</v>
      </c>
      <c r="C8" s="28">
        <v>2</v>
      </c>
      <c r="D8" s="29">
        <v>5</v>
      </c>
    </row>
    <row r="9" spans="1:4" ht="18" customHeight="1" x14ac:dyDescent="0.2">
      <c r="A9" s="31">
        <v>4</v>
      </c>
      <c r="B9" s="36">
        <v>4</v>
      </c>
      <c r="C9" s="38">
        <v>5</v>
      </c>
      <c r="D9" s="40">
        <v>9</v>
      </c>
    </row>
    <row r="10" spans="1:4" ht="18" customHeight="1" x14ac:dyDescent="0.2">
      <c r="A10" s="31" t="s">
        <v>48</v>
      </c>
      <c r="B10" s="27">
        <v>15</v>
      </c>
      <c r="C10" s="28">
        <v>19</v>
      </c>
      <c r="D10" s="29">
        <v>34</v>
      </c>
    </row>
    <row r="11" spans="1:4" ht="18" customHeight="1" x14ac:dyDescent="0.2">
      <c r="A11" s="31">
        <v>5</v>
      </c>
      <c r="B11" s="35">
        <v>5</v>
      </c>
      <c r="C11" s="28">
        <v>7</v>
      </c>
      <c r="D11" s="29">
        <v>12</v>
      </c>
    </row>
    <row r="12" spans="1:4" ht="18" customHeight="1" x14ac:dyDescent="0.2">
      <c r="A12" s="31">
        <v>6</v>
      </c>
      <c r="B12" s="35">
        <v>3</v>
      </c>
      <c r="C12" s="28">
        <v>3</v>
      </c>
      <c r="D12" s="29">
        <v>6</v>
      </c>
    </row>
    <row r="13" spans="1:4" ht="18" customHeight="1" x14ac:dyDescent="0.2">
      <c r="A13" s="31">
        <v>7</v>
      </c>
      <c r="B13" s="35">
        <v>4</v>
      </c>
      <c r="C13" s="28">
        <v>8</v>
      </c>
      <c r="D13" s="29">
        <v>12</v>
      </c>
    </row>
    <row r="14" spans="1:4" ht="18" customHeight="1" x14ac:dyDescent="0.2">
      <c r="A14" s="31">
        <v>8</v>
      </c>
      <c r="B14" s="35">
        <v>3</v>
      </c>
      <c r="C14" s="28">
        <v>11</v>
      </c>
      <c r="D14" s="29">
        <v>14</v>
      </c>
    </row>
    <row r="15" spans="1:4" ht="18" customHeight="1" x14ac:dyDescent="0.2">
      <c r="A15" s="31">
        <v>9</v>
      </c>
      <c r="B15" s="35">
        <v>7</v>
      </c>
      <c r="C15" s="28">
        <v>3</v>
      </c>
      <c r="D15" s="29">
        <v>10</v>
      </c>
    </row>
    <row r="16" spans="1:4" ht="18" customHeight="1" x14ac:dyDescent="0.2">
      <c r="A16" s="31" t="s">
        <v>49</v>
      </c>
      <c r="B16" s="27">
        <v>22</v>
      </c>
      <c r="C16" s="28">
        <v>32</v>
      </c>
      <c r="D16" s="29">
        <v>54</v>
      </c>
    </row>
    <row r="17" spans="1:4" ht="18" customHeight="1" x14ac:dyDescent="0.2">
      <c r="A17" s="31">
        <v>10</v>
      </c>
      <c r="B17" s="27">
        <v>12</v>
      </c>
      <c r="C17" s="28">
        <v>9</v>
      </c>
      <c r="D17" s="29">
        <v>21</v>
      </c>
    </row>
    <row r="18" spans="1:4" ht="18" customHeight="1" x14ac:dyDescent="0.2">
      <c r="A18" s="31">
        <v>11</v>
      </c>
      <c r="B18" s="27">
        <v>8</v>
      </c>
      <c r="C18" s="28">
        <v>4</v>
      </c>
      <c r="D18" s="29">
        <v>12</v>
      </c>
    </row>
    <row r="19" spans="1:4" ht="18" customHeight="1" x14ac:dyDescent="0.2">
      <c r="A19" s="31">
        <v>12</v>
      </c>
      <c r="B19" s="27">
        <v>10</v>
      </c>
      <c r="C19" s="28">
        <v>9</v>
      </c>
      <c r="D19" s="29">
        <v>19</v>
      </c>
    </row>
    <row r="20" spans="1:4" ht="18" customHeight="1" x14ac:dyDescent="0.2">
      <c r="A20" s="31">
        <v>13</v>
      </c>
      <c r="B20" s="27">
        <v>15</v>
      </c>
      <c r="C20" s="28">
        <v>8</v>
      </c>
      <c r="D20" s="29">
        <v>23</v>
      </c>
    </row>
    <row r="21" spans="1:4" ht="18" customHeight="1" x14ac:dyDescent="0.2">
      <c r="A21" s="31">
        <v>14</v>
      </c>
      <c r="B21" s="27">
        <v>9</v>
      </c>
      <c r="C21" s="28">
        <v>9</v>
      </c>
      <c r="D21" s="29">
        <v>18</v>
      </c>
    </row>
    <row r="22" spans="1:4" ht="18" customHeight="1" x14ac:dyDescent="0.2">
      <c r="A22" s="31" t="s">
        <v>50</v>
      </c>
      <c r="B22" s="27">
        <v>54</v>
      </c>
      <c r="C22" s="28">
        <v>39</v>
      </c>
      <c r="D22" s="29">
        <v>93</v>
      </c>
    </row>
    <row r="23" spans="1:4" ht="18" customHeight="1" x14ac:dyDescent="0.2">
      <c r="A23" s="31" t="s">
        <v>51</v>
      </c>
      <c r="B23" s="27">
        <v>91</v>
      </c>
      <c r="C23" s="28">
        <v>90</v>
      </c>
      <c r="D23" s="29">
        <v>181</v>
      </c>
    </row>
    <row r="24" spans="1:4" ht="18" customHeight="1" x14ac:dyDescent="0.2">
      <c r="A24" s="31">
        <v>15</v>
      </c>
      <c r="B24" s="27">
        <v>7</v>
      </c>
      <c r="C24" s="28">
        <v>6</v>
      </c>
      <c r="D24" s="29">
        <v>13</v>
      </c>
    </row>
    <row r="25" spans="1:4" ht="18" customHeight="1" x14ac:dyDescent="0.2">
      <c r="A25" s="31">
        <v>16</v>
      </c>
      <c r="B25" s="27">
        <v>6</v>
      </c>
      <c r="C25" s="28">
        <v>8</v>
      </c>
      <c r="D25" s="29">
        <v>14</v>
      </c>
    </row>
    <row r="26" spans="1:4" ht="18" customHeight="1" x14ac:dyDescent="0.2">
      <c r="A26" s="31">
        <v>17</v>
      </c>
      <c r="B26" s="27">
        <v>12</v>
      </c>
      <c r="C26" s="28">
        <v>11</v>
      </c>
      <c r="D26" s="29">
        <v>23</v>
      </c>
    </row>
    <row r="27" spans="1:4" ht="18" customHeight="1" x14ac:dyDescent="0.2">
      <c r="A27" s="31">
        <v>18</v>
      </c>
      <c r="B27" s="27">
        <v>10</v>
      </c>
      <c r="C27" s="28">
        <v>9</v>
      </c>
      <c r="D27" s="29">
        <v>19</v>
      </c>
    </row>
    <row r="28" spans="1:4" ht="18" customHeight="1" x14ac:dyDescent="0.2">
      <c r="A28" s="31">
        <v>19</v>
      </c>
      <c r="B28" s="27">
        <v>4</v>
      </c>
      <c r="C28" s="28">
        <v>5</v>
      </c>
      <c r="D28" s="29">
        <v>9</v>
      </c>
    </row>
    <row r="29" spans="1:4" ht="18" customHeight="1" x14ac:dyDescent="0.2">
      <c r="A29" s="31" t="s">
        <v>52</v>
      </c>
      <c r="B29" s="27">
        <v>39</v>
      </c>
      <c r="C29" s="28">
        <v>39</v>
      </c>
      <c r="D29" s="29">
        <v>78</v>
      </c>
    </row>
    <row r="30" spans="1:4" ht="18" customHeight="1" x14ac:dyDescent="0.2">
      <c r="A30" s="31">
        <v>20</v>
      </c>
      <c r="B30" s="27">
        <v>10</v>
      </c>
      <c r="C30" s="28">
        <v>8</v>
      </c>
      <c r="D30" s="29">
        <v>18</v>
      </c>
    </row>
    <row r="31" spans="1:4" ht="18" customHeight="1" x14ac:dyDescent="0.2">
      <c r="A31" s="31">
        <v>21</v>
      </c>
      <c r="B31" s="27">
        <v>8</v>
      </c>
      <c r="C31" s="28">
        <v>4</v>
      </c>
      <c r="D31" s="29">
        <v>12</v>
      </c>
    </row>
    <row r="32" spans="1:4" ht="18" customHeight="1" x14ac:dyDescent="0.2">
      <c r="A32" s="31">
        <v>22</v>
      </c>
      <c r="B32" s="27">
        <v>10</v>
      </c>
      <c r="C32" s="28">
        <v>8</v>
      </c>
      <c r="D32" s="29">
        <v>18</v>
      </c>
    </row>
    <row r="33" spans="1:4" ht="18" customHeight="1" x14ac:dyDescent="0.2">
      <c r="A33" s="31">
        <v>23</v>
      </c>
      <c r="B33" s="27">
        <v>9</v>
      </c>
      <c r="C33" s="28">
        <v>6</v>
      </c>
      <c r="D33" s="29">
        <v>15</v>
      </c>
    </row>
    <row r="34" spans="1:4" ht="18" customHeight="1" x14ac:dyDescent="0.2">
      <c r="A34" s="31">
        <v>24</v>
      </c>
      <c r="B34" s="27">
        <v>10</v>
      </c>
      <c r="C34" s="28">
        <v>8</v>
      </c>
      <c r="D34" s="29">
        <v>18</v>
      </c>
    </row>
    <row r="35" spans="1:4" ht="18" customHeight="1" x14ac:dyDescent="0.2">
      <c r="A35" s="31" t="s">
        <v>53</v>
      </c>
      <c r="B35" s="27">
        <v>47</v>
      </c>
      <c r="C35" s="28">
        <v>34</v>
      </c>
      <c r="D35" s="29">
        <v>81</v>
      </c>
    </row>
    <row r="36" spans="1:4" ht="18" customHeight="1" x14ac:dyDescent="0.2">
      <c r="A36" s="31">
        <v>25</v>
      </c>
      <c r="B36" s="27">
        <v>7</v>
      </c>
      <c r="C36" s="28">
        <v>6</v>
      </c>
      <c r="D36" s="29">
        <v>13</v>
      </c>
    </row>
    <row r="37" spans="1:4" ht="18" customHeight="1" x14ac:dyDescent="0.2">
      <c r="A37" s="31">
        <v>26</v>
      </c>
      <c r="B37" s="27">
        <v>15</v>
      </c>
      <c r="C37" s="28">
        <v>8</v>
      </c>
      <c r="D37" s="29">
        <v>23</v>
      </c>
    </row>
    <row r="38" spans="1:4" ht="18" customHeight="1" x14ac:dyDescent="0.2">
      <c r="A38" s="31">
        <v>27</v>
      </c>
      <c r="B38" s="27">
        <v>11</v>
      </c>
      <c r="C38" s="28">
        <v>1</v>
      </c>
      <c r="D38" s="29">
        <v>12</v>
      </c>
    </row>
    <row r="39" spans="1:4" ht="18" customHeight="1" x14ac:dyDescent="0.2">
      <c r="A39" s="31">
        <v>28</v>
      </c>
      <c r="B39" s="27">
        <v>9</v>
      </c>
      <c r="C39" s="28">
        <v>6</v>
      </c>
      <c r="D39" s="29">
        <v>15</v>
      </c>
    </row>
    <row r="40" spans="1:4" ht="18" customHeight="1" x14ac:dyDescent="0.2">
      <c r="A40" s="31">
        <v>29</v>
      </c>
      <c r="B40" s="27">
        <v>9</v>
      </c>
      <c r="C40" s="28">
        <v>5</v>
      </c>
      <c r="D40" s="29">
        <v>14</v>
      </c>
    </row>
    <row r="41" spans="1:4" ht="18" customHeight="1" x14ac:dyDescent="0.2">
      <c r="A41" s="31" t="s">
        <v>54</v>
      </c>
      <c r="B41" s="27">
        <v>51</v>
      </c>
      <c r="C41" s="28">
        <v>26</v>
      </c>
      <c r="D41" s="29">
        <v>77</v>
      </c>
    </row>
    <row r="42" spans="1:4" ht="18" customHeight="1" x14ac:dyDescent="0.2">
      <c r="A42" s="31">
        <v>30</v>
      </c>
      <c r="B42" s="27">
        <v>9</v>
      </c>
      <c r="C42" s="28">
        <v>5</v>
      </c>
      <c r="D42" s="29">
        <v>14</v>
      </c>
    </row>
    <row r="43" spans="1:4" ht="18" customHeight="1" x14ac:dyDescent="0.2">
      <c r="A43" s="31">
        <v>31</v>
      </c>
      <c r="B43" s="27">
        <v>6</v>
      </c>
      <c r="C43" s="28">
        <v>6</v>
      </c>
      <c r="D43" s="29">
        <v>12</v>
      </c>
    </row>
    <row r="44" spans="1:4" ht="18" customHeight="1" x14ac:dyDescent="0.2">
      <c r="A44" s="31">
        <v>32</v>
      </c>
      <c r="B44" s="27">
        <v>4</v>
      </c>
      <c r="C44" s="28">
        <v>5</v>
      </c>
      <c r="D44" s="29">
        <v>9</v>
      </c>
    </row>
    <row r="45" spans="1:4" ht="18" customHeight="1" x14ac:dyDescent="0.2">
      <c r="A45" s="31">
        <v>33</v>
      </c>
      <c r="B45" s="27">
        <v>11</v>
      </c>
      <c r="C45" s="28">
        <v>5</v>
      </c>
      <c r="D45" s="29">
        <v>16</v>
      </c>
    </row>
    <row r="46" spans="1:4" ht="18" customHeight="1" x14ac:dyDescent="0.2">
      <c r="A46" s="31">
        <v>34</v>
      </c>
      <c r="B46" s="27">
        <v>4</v>
      </c>
      <c r="C46" s="28">
        <v>4</v>
      </c>
      <c r="D46" s="29">
        <v>8</v>
      </c>
    </row>
    <row r="47" spans="1:4" ht="18" customHeight="1" x14ac:dyDescent="0.2">
      <c r="A47" s="31" t="s">
        <v>55</v>
      </c>
      <c r="B47" s="27">
        <v>34</v>
      </c>
      <c r="C47" s="28">
        <v>25</v>
      </c>
      <c r="D47" s="29">
        <v>59</v>
      </c>
    </row>
    <row r="48" spans="1:4" ht="18" customHeight="1" x14ac:dyDescent="0.2">
      <c r="A48" s="31">
        <v>35</v>
      </c>
      <c r="B48" s="27">
        <v>13</v>
      </c>
      <c r="C48" s="28">
        <v>10</v>
      </c>
      <c r="D48" s="29">
        <v>23</v>
      </c>
    </row>
    <row r="49" spans="1:4" ht="18" customHeight="1" x14ac:dyDescent="0.2">
      <c r="A49" s="31">
        <v>36</v>
      </c>
      <c r="B49" s="27">
        <v>8</v>
      </c>
      <c r="C49" s="28">
        <v>8</v>
      </c>
      <c r="D49" s="29">
        <v>16</v>
      </c>
    </row>
    <row r="50" spans="1:4" ht="18" customHeight="1" x14ac:dyDescent="0.2">
      <c r="A50" s="31">
        <v>37</v>
      </c>
      <c r="B50" s="27">
        <v>11</v>
      </c>
      <c r="C50" s="28">
        <v>8</v>
      </c>
      <c r="D50" s="29">
        <v>19</v>
      </c>
    </row>
    <row r="51" spans="1:4" ht="18" customHeight="1" x14ac:dyDescent="0.2">
      <c r="A51" s="31">
        <v>38</v>
      </c>
      <c r="B51" s="27">
        <v>10</v>
      </c>
      <c r="C51" s="28">
        <v>11</v>
      </c>
      <c r="D51" s="29">
        <v>21</v>
      </c>
    </row>
    <row r="52" spans="1:4" ht="18" customHeight="1" x14ac:dyDescent="0.2">
      <c r="A52" s="31">
        <v>39</v>
      </c>
      <c r="B52" s="27">
        <v>12</v>
      </c>
      <c r="C52" s="28">
        <v>7</v>
      </c>
      <c r="D52" s="29">
        <v>19</v>
      </c>
    </row>
    <row r="53" spans="1:4" ht="18" customHeight="1" x14ac:dyDescent="0.2">
      <c r="A53" s="31" t="s">
        <v>56</v>
      </c>
      <c r="B53" s="27">
        <v>54</v>
      </c>
      <c r="C53" s="28">
        <v>44</v>
      </c>
      <c r="D53" s="29">
        <v>98</v>
      </c>
    </row>
    <row r="54" spans="1:4" ht="18" customHeight="1" x14ac:dyDescent="0.2">
      <c r="A54" s="31">
        <v>40</v>
      </c>
      <c r="B54" s="27">
        <v>8</v>
      </c>
      <c r="C54" s="28">
        <v>8</v>
      </c>
      <c r="D54" s="29">
        <v>16</v>
      </c>
    </row>
    <row r="55" spans="1:4" ht="18" customHeight="1" x14ac:dyDescent="0.2">
      <c r="A55" s="31">
        <v>41</v>
      </c>
      <c r="B55" s="27">
        <v>9</v>
      </c>
      <c r="C55" s="28">
        <v>7</v>
      </c>
      <c r="D55" s="29">
        <v>16</v>
      </c>
    </row>
    <row r="56" spans="1:4" ht="18" customHeight="1" x14ac:dyDescent="0.2">
      <c r="A56" s="31">
        <v>42</v>
      </c>
      <c r="B56" s="27">
        <v>10</v>
      </c>
      <c r="C56" s="28">
        <v>15</v>
      </c>
      <c r="D56" s="29">
        <v>25</v>
      </c>
    </row>
    <row r="57" spans="1:4" ht="18" customHeight="1" x14ac:dyDescent="0.2">
      <c r="A57" s="31">
        <v>43</v>
      </c>
      <c r="B57" s="27">
        <v>10</v>
      </c>
      <c r="C57" s="28">
        <v>15</v>
      </c>
      <c r="D57" s="29">
        <v>25</v>
      </c>
    </row>
    <row r="58" spans="1:4" ht="18" customHeight="1" x14ac:dyDescent="0.2">
      <c r="A58" s="31">
        <v>44</v>
      </c>
      <c r="B58" s="27">
        <v>7</v>
      </c>
      <c r="C58" s="28">
        <v>11</v>
      </c>
      <c r="D58" s="29">
        <v>18</v>
      </c>
    </row>
    <row r="59" spans="1:4" ht="18" customHeight="1" x14ac:dyDescent="0.2">
      <c r="A59" s="31" t="s">
        <v>57</v>
      </c>
      <c r="B59" s="27">
        <v>44</v>
      </c>
      <c r="C59" s="28">
        <v>56</v>
      </c>
      <c r="D59" s="29">
        <v>100</v>
      </c>
    </row>
    <row r="60" spans="1:4" ht="18" customHeight="1" x14ac:dyDescent="0.2">
      <c r="A60" s="31">
        <v>45</v>
      </c>
      <c r="B60" s="27">
        <v>13</v>
      </c>
      <c r="C60" s="28">
        <v>8</v>
      </c>
      <c r="D60" s="29">
        <v>21</v>
      </c>
    </row>
    <row r="61" spans="1:4" ht="18" customHeight="1" x14ac:dyDescent="0.2">
      <c r="A61" s="31">
        <v>46</v>
      </c>
      <c r="B61" s="27">
        <v>15</v>
      </c>
      <c r="C61" s="28">
        <v>14</v>
      </c>
      <c r="D61" s="29">
        <v>29</v>
      </c>
    </row>
    <row r="62" spans="1:4" ht="18" customHeight="1" x14ac:dyDescent="0.2">
      <c r="A62" s="31">
        <v>47</v>
      </c>
      <c r="B62" s="27">
        <v>16</v>
      </c>
      <c r="C62" s="28">
        <v>11</v>
      </c>
      <c r="D62" s="29">
        <v>27</v>
      </c>
    </row>
    <row r="63" spans="1:4" ht="18" customHeight="1" x14ac:dyDescent="0.2">
      <c r="A63" s="31">
        <v>48</v>
      </c>
      <c r="B63" s="27">
        <v>13</v>
      </c>
      <c r="C63" s="28">
        <v>14</v>
      </c>
      <c r="D63" s="29">
        <v>27</v>
      </c>
    </row>
    <row r="64" spans="1:4" ht="18" customHeight="1" x14ac:dyDescent="0.2">
      <c r="A64" s="31">
        <v>49</v>
      </c>
      <c r="B64" s="27">
        <v>15</v>
      </c>
      <c r="C64" s="28">
        <v>12</v>
      </c>
      <c r="D64" s="29">
        <v>27</v>
      </c>
    </row>
    <row r="65" spans="1:4" ht="18" customHeight="1" x14ac:dyDescent="0.2">
      <c r="A65" s="31" t="s">
        <v>58</v>
      </c>
      <c r="B65" s="27">
        <v>72</v>
      </c>
      <c r="C65" s="28">
        <v>59</v>
      </c>
      <c r="D65" s="29">
        <v>131</v>
      </c>
    </row>
    <row r="66" spans="1:4" ht="18" customHeight="1" x14ac:dyDescent="0.2">
      <c r="A66" s="31">
        <v>50</v>
      </c>
      <c r="B66" s="27">
        <v>14</v>
      </c>
      <c r="C66" s="28">
        <v>10</v>
      </c>
      <c r="D66" s="29">
        <v>24</v>
      </c>
    </row>
    <row r="67" spans="1:4" ht="18" customHeight="1" x14ac:dyDescent="0.2">
      <c r="A67" s="31">
        <v>51</v>
      </c>
      <c r="B67" s="27">
        <v>14</v>
      </c>
      <c r="C67" s="28">
        <v>8</v>
      </c>
      <c r="D67" s="29">
        <v>22</v>
      </c>
    </row>
    <row r="68" spans="1:4" ht="18" customHeight="1" x14ac:dyDescent="0.2">
      <c r="A68" s="31">
        <v>52</v>
      </c>
      <c r="B68" s="27">
        <v>7</v>
      </c>
      <c r="C68" s="28">
        <v>11</v>
      </c>
      <c r="D68" s="29">
        <v>18</v>
      </c>
    </row>
    <row r="69" spans="1:4" ht="18" customHeight="1" x14ac:dyDescent="0.2">
      <c r="A69" s="31">
        <v>53</v>
      </c>
      <c r="B69" s="27">
        <v>8</v>
      </c>
      <c r="C69" s="28">
        <v>6</v>
      </c>
      <c r="D69" s="29">
        <v>14</v>
      </c>
    </row>
    <row r="70" spans="1:4" ht="18" customHeight="1" x14ac:dyDescent="0.2">
      <c r="A70" s="31">
        <v>54</v>
      </c>
      <c r="B70" s="27">
        <v>10</v>
      </c>
      <c r="C70" s="28">
        <v>10</v>
      </c>
      <c r="D70" s="29">
        <v>20</v>
      </c>
    </row>
    <row r="71" spans="1:4" ht="18" customHeight="1" x14ac:dyDescent="0.2">
      <c r="A71" s="31" t="s">
        <v>59</v>
      </c>
      <c r="B71" s="27">
        <v>53</v>
      </c>
      <c r="C71" s="28">
        <v>45</v>
      </c>
      <c r="D71" s="29">
        <v>98</v>
      </c>
    </row>
    <row r="72" spans="1:4" ht="18" customHeight="1" x14ac:dyDescent="0.2">
      <c r="A72" s="31">
        <v>55</v>
      </c>
      <c r="B72" s="27">
        <v>14</v>
      </c>
      <c r="C72" s="28">
        <v>11</v>
      </c>
      <c r="D72" s="29">
        <v>25</v>
      </c>
    </row>
    <row r="73" spans="1:4" ht="18" customHeight="1" x14ac:dyDescent="0.2">
      <c r="A73" s="31">
        <v>56</v>
      </c>
      <c r="B73" s="27">
        <v>11</v>
      </c>
      <c r="C73" s="28">
        <v>16</v>
      </c>
      <c r="D73" s="29">
        <v>27</v>
      </c>
    </row>
    <row r="74" spans="1:4" ht="18" customHeight="1" x14ac:dyDescent="0.2">
      <c r="A74" s="31">
        <v>57</v>
      </c>
      <c r="B74" s="27">
        <v>6</v>
      </c>
      <c r="C74" s="28">
        <v>4</v>
      </c>
      <c r="D74" s="29">
        <v>10</v>
      </c>
    </row>
    <row r="75" spans="1:4" ht="18" customHeight="1" x14ac:dyDescent="0.2">
      <c r="A75" s="31">
        <v>58</v>
      </c>
      <c r="B75" s="27">
        <v>15</v>
      </c>
      <c r="C75" s="28">
        <v>5</v>
      </c>
      <c r="D75" s="29">
        <v>20</v>
      </c>
    </row>
    <row r="76" spans="1:4" ht="18" customHeight="1" x14ac:dyDescent="0.2">
      <c r="A76" s="31">
        <v>59</v>
      </c>
      <c r="B76" s="27">
        <v>6</v>
      </c>
      <c r="C76" s="28">
        <v>11</v>
      </c>
      <c r="D76" s="29">
        <v>17</v>
      </c>
    </row>
    <row r="77" spans="1:4" ht="18" customHeight="1" x14ac:dyDescent="0.2">
      <c r="A77" s="31" t="s">
        <v>60</v>
      </c>
      <c r="B77" s="27">
        <v>52</v>
      </c>
      <c r="C77" s="28">
        <v>47</v>
      </c>
      <c r="D77" s="29">
        <v>99</v>
      </c>
    </row>
    <row r="78" spans="1:4" ht="18" customHeight="1" x14ac:dyDescent="0.2">
      <c r="A78" s="31">
        <v>60</v>
      </c>
      <c r="B78" s="27">
        <v>15</v>
      </c>
      <c r="C78" s="28">
        <v>10</v>
      </c>
      <c r="D78" s="29">
        <v>25</v>
      </c>
    </row>
    <row r="79" spans="1:4" ht="18" customHeight="1" x14ac:dyDescent="0.2">
      <c r="A79" s="31">
        <v>61</v>
      </c>
      <c r="B79" s="27">
        <v>11</v>
      </c>
      <c r="C79" s="28">
        <v>12</v>
      </c>
      <c r="D79" s="29">
        <v>23</v>
      </c>
    </row>
    <row r="80" spans="1:4" ht="18" customHeight="1" x14ac:dyDescent="0.2">
      <c r="A80" s="31">
        <v>62</v>
      </c>
      <c r="B80" s="27">
        <v>12</v>
      </c>
      <c r="C80" s="28">
        <v>20</v>
      </c>
      <c r="D80" s="29">
        <v>32</v>
      </c>
    </row>
    <row r="81" spans="1:4" ht="18" customHeight="1" x14ac:dyDescent="0.2">
      <c r="A81" s="31">
        <v>63</v>
      </c>
      <c r="B81" s="27">
        <v>14</v>
      </c>
      <c r="C81" s="28">
        <v>11</v>
      </c>
      <c r="D81" s="29">
        <v>25</v>
      </c>
    </row>
    <row r="82" spans="1:4" ht="18" customHeight="1" x14ac:dyDescent="0.2">
      <c r="A82" s="31">
        <v>64</v>
      </c>
      <c r="B82" s="27">
        <v>16</v>
      </c>
      <c r="C82" s="28">
        <v>16</v>
      </c>
      <c r="D82" s="29">
        <v>32</v>
      </c>
    </row>
    <row r="83" spans="1:4" ht="18" customHeight="1" x14ac:dyDescent="0.2">
      <c r="A83" s="31" t="s">
        <v>61</v>
      </c>
      <c r="B83" s="27">
        <v>68</v>
      </c>
      <c r="C83" s="28">
        <v>69</v>
      </c>
      <c r="D83" s="29">
        <v>137</v>
      </c>
    </row>
    <row r="84" spans="1:4" ht="18" customHeight="1" x14ac:dyDescent="0.2">
      <c r="A84" s="31" t="s">
        <v>62</v>
      </c>
      <c r="B84" s="27">
        <v>514</v>
      </c>
      <c r="C84" s="28">
        <v>444</v>
      </c>
      <c r="D84" s="29">
        <v>958</v>
      </c>
    </row>
    <row r="85" spans="1:4" ht="18" customHeight="1" x14ac:dyDescent="0.2">
      <c r="A85" s="31">
        <v>65</v>
      </c>
      <c r="B85" s="27">
        <v>17</v>
      </c>
      <c r="C85" s="28">
        <v>21</v>
      </c>
      <c r="D85" s="29">
        <v>38</v>
      </c>
    </row>
    <row r="86" spans="1:4" ht="18" customHeight="1" x14ac:dyDescent="0.2">
      <c r="A86" s="31">
        <v>66</v>
      </c>
      <c r="B86" s="27">
        <v>13</v>
      </c>
      <c r="C86" s="28">
        <v>18</v>
      </c>
      <c r="D86" s="29">
        <v>31</v>
      </c>
    </row>
    <row r="87" spans="1:4" ht="18" customHeight="1" x14ac:dyDescent="0.2">
      <c r="A87" s="31">
        <v>67</v>
      </c>
      <c r="B87" s="27">
        <v>14</v>
      </c>
      <c r="C87" s="28">
        <v>15</v>
      </c>
      <c r="D87" s="29">
        <v>29</v>
      </c>
    </row>
    <row r="88" spans="1:4" ht="18" customHeight="1" x14ac:dyDescent="0.2">
      <c r="A88" s="31">
        <v>68</v>
      </c>
      <c r="B88" s="27">
        <v>29</v>
      </c>
      <c r="C88" s="28">
        <v>15</v>
      </c>
      <c r="D88" s="29">
        <v>44</v>
      </c>
    </row>
    <row r="89" spans="1:4" ht="18" customHeight="1" x14ac:dyDescent="0.2">
      <c r="A89" s="31">
        <v>69</v>
      </c>
      <c r="B89" s="27">
        <v>27</v>
      </c>
      <c r="C89" s="28">
        <v>21</v>
      </c>
      <c r="D89" s="29">
        <v>48</v>
      </c>
    </row>
    <row r="90" spans="1:4" ht="18" customHeight="1" x14ac:dyDescent="0.2">
      <c r="A90" s="31" t="s">
        <v>63</v>
      </c>
      <c r="B90" s="27">
        <v>100</v>
      </c>
      <c r="C90" s="28">
        <v>90</v>
      </c>
      <c r="D90" s="29">
        <v>190</v>
      </c>
    </row>
    <row r="91" spans="1:4" ht="18" customHeight="1" x14ac:dyDescent="0.2">
      <c r="A91" s="31">
        <v>70</v>
      </c>
      <c r="B91" s="27">
        <v>17</v>
      </c>
      <c r="C91" s="28">
        <v>18</v>
      </c>
      <c r="D91" s="29">
        <v>35</v>
      </c>
    </row>
    <row r="92" spans="1:4" ht="18" customHeight="1" x14ac:dyDescent="0.2">
      <c r="A92" s="31">
        <v>71</v>
      </c>
      <c r="B92" s="27">
        <v>20</v>
      </c>
      <c r="C92" s="28">
        <v>20</v>
      </c>
      <c r="D92" s="29">
        <v>40</v>
      </c>
    </row>
    <row r="93" spans="1:4" ht="18" customHeight="1" x14ac:dyDescent="0.2">
      <c r="A93" s="31">
        <v>72</v>
      </c>
      <c r="B93" s="27">
        <v>30</v>
      </c>
      <c r="C93" s="28">
        <v>42</v>
      </c>
      <c r="D93" s="29">
        <v>72</v>
      </c>
    </row>
    <row r="94" spans="1:4" ht="18" customHeight="1" x14ac:dyDescent="0.2">
      <c r="A94" s="31">
        <v>73</v>
      </c>
      <c r="B94" s="27">
        <v>27</v>
      </c>
      <c r="C94" s="28">
        <v>22</v>
      </c>
      <c r="D94" s="29">
        <v>49</v>
      </c>
    </row>
    <row r="95" spans="1:4" ht="18" customHeight="1" x14ac:dyDescent="0.2">
      <c r="A95" s="31">
        <v>74</v>
      </c>
      <c r="B95" s="27">
        <v>9</v>
      </c>
      <c r="C95" s="28">
        <v>11</v>
      </c>
      <c r="D95" s="29">
        <v>20</v>
      </c>
    </row>
    <row r="96" spans="1:4" ht="18" customHeight="1" x14ac:dyDescent="0.2">
      <c r="A96" s="31" t="s">
        <v>64</v>
      </c>
      <c r="B96" s="27">
        <v>103</v>
      </c>
      <c r="C96" s="28">
        <v>113</v>
      </c>
      <c r="D96" s="29">
        <v>216</v>
      </c>
    </row>
    <row r="97" spans="1:4" ht="18" customHeight="1" x14ac:dyDescent="0.2">
      <c r="A97" s="31">
        <v>75</v>
      </c>
      <c r="B97" s="27">
        <v>12</v>
      </c>
      <c r="C97" s="28">
        <v>23</v>
      </c>
      <c r="D97" s="29">
        <v>35</v>
      </c>
    </row>
    <row r="98" spans="1:4" ht="18" customHeight="1" x14ac:dyDescent="0.2">
      <c r="A98" s="31">
        <v>76</v>
      </c>
      <c r="B98" s="27">
        <v>17</v>
      </c>
      <c r="C98" s="28">
        <v>26</v>
      </c>
      <c r="D98" s="29">
        <v>43</v>
      </c>
    </row>
    <row r="99" spans="1:4" ht="18" customHeight="1" x14ac:dyDescent="0.2">
      <c r="A99" s="31">
        <v>77</v>
      </c>
      <c r="B99" s="27">
        <v>17</v>
      </c>
      <c r="C99" s="28">
        <v>21</v>
      </c>
      <c r="D99" s="29">
        <v>38</v>
      </c>
    </row>
    <row r="100" spans="1:4" ht="18" customHeight="1" x14ac:dyDescent="0.2">
      <c r="A100" s="31">
        <v>78</v>
      </c>
      <c r="B100" s="27">
        <v>19</v>
      </c>
      <c r="C100" s="28">
        <v>26</v>
      </c>
      <c r="D100" s="29">
        <v>45</v>
      </c>
    </row>
    <row r="101" spans="1:4" ht="18" customHeight="1" x14ac:dyDescent="0.2">
      <c r="A101" s="31">
        <v>79</v>
      </c>
      <c r="B101" s="27">
        <v>16</v>
      </c>
      <c r="C101" s="28">
        <v>18</v>
      </c>
      <c r="D101" s="29">
        <v>34</v>
      </c>
    </row>
    <row r="102" spans="1:4" ht="18" customHeight="1" x14ac:dyDescent="0.2">
      <c r="A102" s="31" t="s">
        <v>65</v>
      </c>
      <c r="B102" s="27">
        <v>81</v>
      </c>
      <c r="C102" s="28">
        <v>114</v>
      </c>
      <c r="D102" s="29">
        <v>195</v>
      </c>
    </row>
    <row r="103" spans="1:4" ht="18" customHeight="1" x14ac:dyDescent="0.2">
      <c r="A103" s="31">
        <v>80</v>
      </c>
      <c r="B103" s="27">
        <v>17</v>
      </c>
      <c r="C103" s="28">
        <v>14</v>
      </c>
      <c r="D103" s="29">
        <v>31</v>
      </c>
    </row>
    <row r="104" spans="1:4" ht="18" customHeight="1" x14ac:dyDescent="0.2">
      <c r="A104" s="31">
        <v>81</v>
      </c>
      <c r="B104" s="27">
        <v>6</v>
      </c>
      <c r="C104" s="28">
        <v>17</v>
      </c>
      <c r="D104" s="29">
        <v>23</v>
      </c>
    </row>
    <row r="105" spans="1:4" ht="18" customHeight="1" x14ac:dyDescent="0.2">
      <c r="A105" s="31">
        <v>82</v>
      </c>
      <c r="B105" s="27">
        <v>11</v>
      </c>
      <c r="C105" s="28">
        <v>20</v>
      </c>
      <c r="D105" s="29">
        <v>31</v>
      </c>
    </row>
    <row r="106" spans="1:4" ht="18" customHeight="1" x14ac:dyDescent="0.2">
      <c r="A106" s="31">
        <v>83</v>
      </c>
      <c r="B106" s="27">
        <v>10</v>
      </c>
      <c r="C106" s="28">
        <v>19</v>
      </c>
      <c r="D106" s="29">
        <v>29</v>
      </c>
    </row>
    <row r="107" spans="1:4" ht="18" customHeight="1" x14ac:dyDescent="0.2">
      <c r="A107" s="31">
        <v>84</v>
      </c>
      <c r="B107" s="27">
        <v>6</v>
      </c>
      <c r="C107" s="28">
        <v>17</v>
      </c>
      <c r="D107" s="29">
        <v>23</v>
      </c>
    </row>
    <row r="108" spans="1:4" ht="18" customHeight="1" x14ac:dyDescent="0.2">
      <c r="A108" s="31" t="s">
        <v>66</v>
      </c>
      <c r="B108" s="27">
        <v>50</v>
      </c>
      <c r="C108" s="28">
        <v>87</v>
      </c>
      <c r="D108" s="29">
        <v>137</v>
      </c>
    </row>
    <row r="109" spans="1:4" ht="18" customHeight="1" x14ac:dyDescent="0.2">
      <c r="A109" s="31">
        <v>85</v>
      </c>
      <c r="B109" s="27">
        <v>5</v>
      </c>
      <c r="C109" s="28">
        <v>16</v>
      </c>
      <c r="D109" s="29">
        <v>21</v>
      </c>
    </row>
    <row r="110" spans="1:4" ht="18" customHeight="1" x14ac:dyDescent="0.2">
      <c r="A110" s="31">
        <v>86</v>
      </c>
      <c r="B110" s="27">
        <v>17</v>
      </c>
      <c r="C110" s="28">
        <v>15</v>
      </c>
      <c r="D110" s="29">
        <v>32</v>
      </c>
    </row>
    <row r="111" spans="1:4" ht="18" customHeight="1" x14ac:dyDescent="0.2">
      <c r="A111" s="31">
        <v>87</v>
      </c>
      <c r="B111" s="27">
        <v>8</v>
      </c>
      <c r="C111" s="28">
        <v>18</v>
      </c>
      <c r="D111" s="29">
        <v>26</v>
      </c>
    </row>
    <row r="112" spans="1:4" ht="18" customHeight="1" x14ac:dyDescent="0.2">
      <c r="A112" s="31">
        <v>88</v>
      </c>
      <c r="B112" s="27">
        <v>5</v>
      </c>
      <c r="C112" s="28">
        <v>20</v>
      </c>
      <c r="D112" s="29">
        <v>25</v>
      </c>
    </row>
    <row r="113" spans="1:4" ht="18" customHeight="1" x14ac:dyDescent="0.2">
      <c r="A113" s="31">
        <v>89</v>
      </c>
      <c r="B113" s="27">
        <v>4</v>
      </c>
      <c r="C113" s="28">
        <v>13</v>
      </c>
      <c r="D113" s="29">
        <v>17</v>
      </c>
    </row>
    <row r="114" spans="1:4" ht="18" customHeight="1" x14ac:dyDescent="0.2">
      <c r="A114" s="31" t="s">
        <v>67</v>
      </c>
      <c r="B114" s="27">
        <v>39</v>
      </c>
      <c r="C114" s="28">
        <v>82</v>
      </c>
      <c r="D114" s="29">
        <v>121</v>
      </c>
    </row>
    <row r="115" spans="1:4" ht="18" customHeight="1" x14ac:dyDescent="0.2">
      <c r="A115" s="31">
        <v>90</v>
      </c>
      <c r="B115" s="27">
        <v>9</v>
      </c>
      <c r="C115" s="28">
        <v>12</v>
      </c>
      <c r="D115" s="29">
        <v>21</v>
      </c>
    </row>
    <row r="116" spans="1:4" ht="18" customHeight="1" x14ac:dyDescent="0.2">
      <c r="A116" s="31">
        <v>91</v>
      </c>
      <c r="B116" s="27">
        <v>6</v>
      </c>
      <c r="C116" s="28">
        <v>10</v>
      </c>
      <c r="D116" s="29">
        <v>16</v>
      </c>
    </row>
    <row r="117" spans="1:4" ht="18" customHeight="1" x14ac:dyDescent="0.2">
      <c r="A117" s="31">
        <v>92</v>
      </c>
      <c r="B117" s="27">
        <v>1</v>
      </c>
      <c r="C117" s="28">
        <v>6</v>
      </c>
      <c r="D117" s="29">
        <v>7</v>
      </c>
    </row>
    <row r="118" spans="1:4" ht="18" customHeight="1" x14ac:dyDescent="0.2">
      <c r="A118" s="31">
        <v>93</v>
      </c>
      <c r="B118" s="27">
        <v>3</v>
      </c>
      <c r="C118" s="28">
        <v>11</v>
      </c>
      <c r="D118" s="29">
        <v>14</v>
      </c>
    </row>
    <row r="119" spans="1:4" ht="18" customHeight="1" x14ac:dyDescent="0.2">
      <c r="A119" s="31">
        <v>94</v>
      </c>
      <c r="B119" s="27">
        <v>3</v>
      </c>
      <c r="C119" s="28">
        <v>4</v>
      </c>
      <c r="D119" s="29">
        <v>7</v>
      </c>
    </row>
    <row r="120" spans="1:4" ht="18" customHeight="1" x14ac:dyDescent="0.2">
      <c r="A120" s="31" t="s">
        <v>68</v>
      </c>
      <c r="B120" s="27">
        <v>22</v>
      </c>
      <c r="C120" s="28">
        <v>43</v>
      </c>
      <c r="D120" s="29">
        <v>65</v>
      </c>
    </row>
    <row r="121" spans="1:4" ht="18" customHeight="1" x14ac:dyDescent="0.2">
      <c r="A121" s="31">
        <v>95</v>
      </c>
      <c r="B121" s="27">
        <v>0</v>
      </c>
      <c r="C121" s="28">
        <v>9</v>
      </c>
      <c r="D121" s="29">
        <v>9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1</v>
      </c>
      <c r="C124" s="28">
        <v>3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2</v>
      </c>
      <c r="C126" s="28">
        <v>18</v>
      </c>
      <c r="D126" s="29">
        <v>20</v>
      </c>
    </row>
    <row r="127" spans="1:4" ht="18" customHeight="1" x14ac:dyDescent="0.2">
      <c r="A127" s="31">
        <v>100</v>
      </c>
      <c r="B127" s="27">
        <v>2</v>
      </c>
      <c r="C127" s="28">
        <v>0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3</v>
      </c>
      <c r="C129" s="28">
        <v>1</v>
      </c>
      <c r="D129" s="29">
        <v>4</v>
      </c>
    </row>
    <row r="130" spans="1:4" ht="18" customHeight="1" x14ac:dyDescent="0.2">
      <c r="A130" s="31" t="s">
        <v>72</v>
      </c>
      <c r="B130" s="4">
        <v>400</v>
      </c>
      <c r="C130" s="5">
        <v>548</v>
      </c>
      <c r="D130" s="6">
        <v>948</v>
      </c>
    </row>
    <row r="131" spans="1:4" ht="18" customHeight="1" x14ac:dyDescent="0.2">
      <c r="A131" s="33" t="s">
        <v>47</v>
      </c>
      <c r="B131" s="7">
        <v>1005</v>
      </c>
      <c r="C131" s="8">
        <v>1082</v>
      </c>
      <c r="D131" s="9">
        <v>208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7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5</v>
      </c>
      <c r="C5" s="37">
        <v>16</v>
      </c>
      <c r="D5" s="39">
        <v>31</v>
      </c>
    </row>
    <row r="6" spans="1:4" ht="18" customHeight="1" x14ac:dyDescent="0.2">
      <c r="A6" s="31">
        <v>1</v>
      </c>
      <c r="B6" s="35">
        <v>16</v>
      </c>
      <c r="C6" s="28">
        <v>27</v>
      </c>
      <c r="D6" s="29">
        <v>43</v>
      </c>
    </row>
    <row r="7" spans="1:4" ht="18" customHeight="1" x14ac:dyDescent="0.2">
      <c r="A7" s="31">
        <v>2</v>
      </c>
      <c r="B7" s="35">
        <v>14</v>
      </c>
      <c r="C7" s="28">
        <v>19</v>
      </c>
      <c r="D7" s="29">
        <v>33</v>
      </c>
    </row>
    <row r="8" spans="1:4" ht="18" customHeight="1" x14ac:dyDescent="0.2">
      <c r="A8" s="31">
        <v>3</v>
      </c>
      <c r="B8" s="35">
        <v>22</v>
      </c>
      <c r="C8" s="28">
        <v>30</v>
      </c>
      <c r="D8" s="29">
        <v>52</v>
      </c>
    </row>
    <row r="9" spans="1:4" ht="18" customHeight="1" x14ac:dyDescent="0.2">
      <c r="A9" s="31">
        <v>4</v>
      </c>
      <c r="B9" s="36">
        <v>24</v>
      </c>
      <c r="C9" s="38">
        <v>30</v>
      </c>
      <c r="D9" s="40">
        <v>54</v>
      </c>
    </row>
    <row r="10" spans="1:4" ht="18" customHeight="1" x14ac:dyDescent="0.2">
      <c r="A10" s="31" t="s">
        <v>48</v>
      </c>
      <c r="B10" s="27">
        <v>91</v>
      </c>
      <c r="C10" s="28">
        <v>122</v>
      </c>
      <c r="D10" s="29">
        <v>213</v>
      </c>
    </row>
    <row r="11" spans="1:4" ht="18" customHeight="1" x14ac:dyDescent="0.2">
      <c r="A11" s="31">
        <v>5</v>
      </c>
      <c r="B11" s="35">
        <v>23</v>
      </c>
      <c r="C11" s="28">
        <v>21</v>
      </c>
      <c r="D11" s="29">
        <v>44</v>
      </c>
    </row>
    <row r="12" spans="1:4" ht="18" customHeight="1" x14ac:dyDescent="0.2">
      <c r="A12" s="31">
        <v>6</v>
      </c>
      <c r="B12" s="35">
        <v>26</v>
      </c>
      <c r="C12" s="28">
        <v>30</v>
      </c>
      <c r="D12" s="29">
        <v>56</v>
      </c>
    </row>
    <row r="13" spans="1:4" ht="18" customHeight="1" x14ac:dyDescent="0.2">
      <c r="A13" s="31">
        <v>7</v>
      </c>
      <c r="B13" s="35">
        <v>32</v>
      </c>
      <c r="C13" s="28">
        <v>27</v>
      </c>
      <c r="D13" s="29">
        <v>59</v>
      </c>
    </row>
    <row r="14" spans="1:4" ht="18" customHeight="1" x14ac:dyDescent="0.2">
      <c r="A14" s="31">
        <v>8</v>
      </c>
      <c r="B14" s="35">
        <v>22</v>
      </c>
      <c r="C14" s="28">
        <v>18</v>
      </c>
      <c r="D14" s="29">
        <v>40</v>
      </c>
    </row>
    <row r="15" spans="1:4" ht="18" customHeight="1" x14ac:dyDescent="0.2">
      <c r="A15" s="31">
        <v>9</v>
      </c>
      <c r="B15" s="35">
        <v>18</v>
      </c>
      <c r="C15" s="28">
        <v>23</v>
      </c>
      <c r="D15" s="29">
        <v>41</v>
      </c>
    </row>
    <row r="16" spans="1:4" ht="18" customHeight="1" x14ac:dyDescent="0.2">
      <c r="A16" s="31" t="s">
        <v>49</v>
      </c>
      <c r="B16" s="27">
        <v>121</v>
      </c>
      <c r="C16" s="28">
        <v>119</v>
      </c>
      <c r="D16" s="29">
        <v>240</v>
      </c>
    </row>
    <row r="17" spans="1:4" ht="18" customHeight="1" x14ac:dyDescent="0.2">
      <c r="A17" s="31">
        <v>10</v>
      </c>
      <c r="B17" s="27">
        <v>24</v>
      </c>
      <c r="C17" s="28">
        <v>29</v>
      </c>
      <c r="D17" s="29">
        <v>53</v>
      </c>
    </row>
    <row r="18" spans="1:4" ht="18" customHeight="1" x14ac:dyDescent="0.2">
      <c r="A18" s="31">
        <v>11</v>
      </c>
      <c r="B18" s="27">
        <v>29</v>
      </c>
      <c r="C18" s="28">
        <v>21</v>
      </c>
      <c r="D18" s="29">
        <v>50</v>
      </c>
    </row>
    <row r="19" spans="1:4" ht="18" customHeight="1" x14ac:dyDescent="0.2">
      <c r="A19" s="31">
        <v>12</v>
      </c>
      <c r="B19" s="27">
        <v>26</v>
      </c>
      <c r="C19" s="28">
        <v>25</v>
      </c>
      <c r="D19" s="29">
        <v>51</v>
      </c>
    </row>
    <row r="20" spans="1:4" ht="18" customHeight="1" x14ac:dyDescent="0.2">
      <c r="A20" s="31">
        <v>13</v>
      </c>
      <c r="B20" s="27">
        <v>32</v>
      </c>
      <c r="C20" s="28">
        <v>23</v>
      </c>
      <c r="D20" s="29">
        <v>55</v>
      </c>
    </row>
    <row r="21" spans="1:4" ht="18" customHeight="1" x14ac:dyDescent="0.2">
      <c r="A21" s="31">
        <v>14</v>
      </c>
      <c r="B21" s="27">
        <v>39</v>
      </c>
      <c r="C21" s="28">
        <v>29</v>
      </c>
      <c r="D21" s="29">
        <v>68</v>
      </c>
    </row>
    <row r="22" spans="1:4" ht="18" customHeight="1" x14ac:dyDescent="0.2">
      <c r="A22" s="31" t="s">
        <v>50</v>
      </c>
      <c r="B22" s="27">
        <v>150</v>
      </c>
      <c r="C22" s="28">
        <v>127</v>
      </c>
      <c r="D22" s="29">
        <v>277</v>
      </c>
    </row>
    <row r="23" spans="1:4" ht="18" customHeight="1" x14ac:dyDescent="0.2">
      <c r="A23" s="31" t="s">
        <v>51</v>
      </c>
      <c r="B23" s="27">
        <v>362</v>
      </c>
      <c r="C23" s="28">
        <v>368</v>
      </c>
      <c r="D23" s="29">
        <v>730</v>
      </c>
    </row>
    <row r="24" spans="1:4" ht="18" customHeight="1" x14ac:dyDescent="0.2">
      <c r="A24" s="31">
        <v>15</v>
      </c>
      <c r="B24" s="27">
        <v>42</v>
      </c>
      <c r="C24" s="28">
        <v>32</v>
      </c>
      <c r="D24" s="29">
        <v>74</v>
      </c>
    </row>
    <row r="25" spans="1:4" ht="18" customHeight="1" x14ac:dyDescent="0.2">
      <c r="A25" s="31">
        <v>16</v>
      </c>
      <c r="B25" s="27">
        <v>33</v>
      </c>
      <c r="C25" s="28">
        <v>36</v>
      </c>
      <c r="D25" s="29">
        <v>69</v>
      </c>
    </row>
    <row r="26" spans="1:4" ht="18" customHeight="1" x14ac:dyDescent="0.2">
      <c r="A26" s="31">
        <v>17</v>
      </c>
      <c r="B26" s="27">
        <v>42</v>
      </c>
      <c r="C26" s="28">
        <v>36</v>
      </c>
      <c r="D26" s="29">
        <v>78</v>
      </c>
    </row>
    <row r="27" spans="1:4" ht="18" customHeight="1" x14ac:dyDescent="0.2">
      <c r="A27" s="31">
        <v>18</v>
      </c>
      <c r="B27" s="27">
        <v>45</v>
      </c>
      <c r="C27" s="28">
        <v>23</v>
      </c>
      <c r="D27" s="29">
        <v>68</v>
      </c>
    </row>
    <row r="28" spans="1:4" ht="18" customHeight="1" x14ac:dyDescent="0.2">
      <c r="A28" s="31">
        <v>19</v>
      </c>
      <c r="B28" s="27">
        <v>35</v>
      </c>
      <c r="C28" s="28">
        <v>36</v>
      </c>
      <c r="D28" s="29">
        <v>71</v>
      </c>
    </row>
    <row r="29" spans="1:4" ht="18" customHeight="1" x14ac:dyDescent="0.2">
      <c r="A29" s="31" t="s">
        <v>52</v>
      </c>
      <c r="B29" s="27">
        <v>197</v>
      </c>
      <c r="C29" s="28">
        <v>163</v>
      </c>
      <c r="D29" s="29">
        <v>360</v>
      </c>
    </row>
    <row r="30" spans="1:4" ht="18" customHeight="1" x14ac:dyDescent="0.2">
      <c r="A30" s="31">
        <v>20</v>
      </c>
      <c r="B30" s="27">
        <v>37</v>
      </c>
      <c r="C30" s="28">
        <v>45</v>
      </c>
      <c r="D30" s="29">
        <v>82</v>
      </c>
    </row>
    <row r="31" spans="1:4" ht="18" customHeight="1" x14ac:dyDescent="0.2">
      <c r="A31" s="31">
        <v>21</v>
      </c>
      <c r="B31" s="27">
        <v>53</v>
      </c>
      <c r="C31" s="28">
        <v>41</v>
      </c>
      <c r="D31" s="29">
        <v>94</v>
      </c>
    </row>
    <row r="32" spans="1:4" ht="18" customHeight="1" x14ac:dyDescent="0.2">
      <c r="A32" s="31">
        <v>22</v>
      </c>
      <c r="B32" s="27">
        <v>40</v>
      </c>
      <c r="C32" s="28">
        <v>26</v>
      </c>
      <c r="D32" s="29">
        <v>66</v>
      </c>
    </row>
    <row r="33" spans="1:4" ht="18" customHeight="1" x14ac:dyDescent="0.2">
      <c r="A33" s="31">
        <v>23</v>
      </c>
      <c r="B33" s="27">
        <v>41</v>
      </c>
      <c r="C33" s="28">
        <v>39</v>
      </c>
      <c r="D33" s="29">
        <v>80</v>
      </c>
    </row>
    <row r="34" spans="1:4" ht="18" customHeight="1" x14ac:dyDescent="0.2">
      <c r="A34" s="31">
        <v>24</v>
      </c>
      <c r="B34" s="27">
        <v>42</v>
      </c>
      <c r="C34" s="28">
        <v>30</v>
      </c>
      <c r="D34" s="29">
        <v>72</v>
      </c>
    </row>
    <row r="35" spans="1:4" ht="18" customHeight="1" x14ac:dyDescent="0.2">
      <c r="A35" s="31" t="s">
        <v>53</v>
      </c>
      <c r="B35" s="27">
        <v>213</v>
      </c>
      <c r="C35" s="28">
        <v>181</v>
      </c>
      <c r="D35" s="29">
        <v>394</v>
      </c>
    </row>
    <row r="36" spans="1:4" ht="18" customHeight="1" x14ac:dyDescent="0.2">
      <c r="A36" s="31">
        <v>25</v>
      </c>
      <c r="B36" s="27">
        <v>46</v>
      </c>
      <c r="C36" s="28">
        <v>32</v>
      </c>
      <c r="D36" s="29">
        <v>78</v>
      </c>
    </row>
    <row r="37" spans="1:4" ht="18" customHeight="1" x14ac:dyDescent="0.2">
      <c r="A37" s="31">
        <v>26</v>
      </c>
      <c r="B37" s="27">
        <v>44</v>
      </c>
      <c r="C37" s="28">
        <v>22</v>
      </c>
      <c r="D37" s="29">
        <v>66</v>
      </c>
    </row>
    <row r="38" spans="1:4" ht="18" customHeight="1" x14ac:dyDescent="0.2">
      <c r="A38" s="31">
        <v>27</v>
      </c>
      <c r="B38" s="27">
        <v>29</v>
      </c>
      <c r="C38" s="28">
        <v>23</v>
      </c>
      <c r="D38" s="29">
        <v>52</v>
      </c>
    </row>
    <row r="39" spans="1:4" ht="18" customHeight="1" x14ac:dyDescent="0.2">
      <c r="A39" s="31">
        <v>28</v>
      </c>
      <c r="B39" s="27">
        <v>40</v>
      </c>
      <c r="C39" s="28">
        <v>27</v>
      </c>
      <c r="D39" s="29">
        <v>67</v>
      </c>
    </row>
    <row r="40" spans="1:4" ht="18" customHeight="1" x14ac:dyDescent="0.2">
      <c r="A40" s="31">
        <v>29</v>
      </c>
      <c r="B40" s="27">
        <v>41</v>
      </c>
      <c r="C40" s="28">
        <v>23</v>
      </c>
      <c r="D40" s="29">
        <v>64</v>
      </c>
    </row>
    <row r="41" spans="1:4" ht="18" customHeight="1" x14ac:dyDescent="0.2">
      <c r="A41" s="31" t="s">
        <v>54</v>
      </c>
      <c r="B41" s="27">
        <v>200</v>
      </c>
      <c r="C41" s="28">
        <v>127</v>
      </c>
      <c r="D41" s="29">
        <v>327</v>
      </c>
    </row>
    <row r="42" spans="1:4" ht="18" customHeight="1" x14ac:dyDescent="0.2">
      <c r="A42" s="31">
        <v>30</v>
      </c>
      <c r="B42" s="27">
        <v>35</v>
      </c>
      <c r="C42" s="28">
        <v>21</v>
      </c>
      <c r="D42" s="29">
        <v>56</v>
      </c>
    </row>
    <row r="43" spans="1:4" ht="18" customHeight="1" x14ac:dyDescent="0.2">
      <c r="A43" s="31">
        <v>31</v>
      </c>
      <c r="B43" s="27">
        <v>34</v>
      </c>
      <c r="C43" s="28">
        <v>25</v>
      </c>
      <c r="D43" s="29">
        <v>59</v>
      </c>
    </row>
    <row r="44" spans="1:4" ht="18" customHeight="1" x14ac:dyDescent="0.2">
      <c r="A44" s="31">
        <v>32</v>
      </c>
      <c r="B44" s="27">
        <v>37</v>
      </c>
      <c r="C44" s="28">
        <v>29</v>
      </c>
      <c r="D44" s="29">
        <v>66</v>
      </c>
    </row>
    <row r="45" spans="1:4" ht="18" customHeight="1" x14ac:dyDescent="0.2">
      <c r="A45" s="31">
        <v>33</v>
      </c>
      <c r="B45" s="27">
        <v>43</v>
      </c>
      <c r="C45" s="28">
        <v>34</v>
      </c>
      <c r="D45" s="29">
        <v>77</v>
      </c>
    </row>
    <row r="46" spans="1:4" ht="18" customHeight="1" x14ac:dyDescent="0.2">
      <c r="A46" s="31">
        <v>34</v>
      </c>
      <c r="B46" s="27">
        <v>30</v>
      </c>
      <c r="C46" s="28">
        <v>37</v>
      </c>
      <c r="D46" s="29">
        <v>67</v>
      </c>
    </row>
    <row r="47" spans="1:4" ht="18" customHeight="1" x14ac:dyDescent="0.2">
      <c r="A47" s="31" t="s">
        <v>55</v>
      </c>
      <c r="B47" s="27">
        <v>179</v>
      </c>
      <c r="C47" s="28">
        <v>146</v>
      </c>
      <c r="D47" s="29">
        <v>325</v>
      </c>
    </row>
    <row r="48" spans="1:4" ht="18" customHeight="1" x14ac:dyDescent="0.2">
      <c r="A48" s="31">
        <v>35</v>
      </c>
      <c r="B48" s="27">
        <v>28</v>
      </c>
      <c r="C48" s="28">
        <v>42</v>
      </c>
      <c r="D48" s="29">
        <v>70</v>
      </c>
    </row>
    <row r="49" spans="1:4" ht="18" customHeight="1" x14ac:dyDescent="0.2">
      <c r="A49" s="31">
        <v>36</v>
      </c>
      <c r="B49" s="27">
        <v>43</v>
      </c>
      <c r="C49" s="28">
        <v>40</v>
      </c>
      <c r="D49" s="29">
        <v>83</v>
      </c>
    </row>
    <row r="50" spans="1:4" ht="18" customHeight="1" x14ac:dyDescent="0.2">
      <c r="A50" s="31">
        <v>37</v>
      </c>
      <c r="B50" s="27">
        <v>38</v>
      </c>
      <c r="C50" s="28">
        <v>37</v>
      </c>
      <c r="D50" s="29">
        <v>75</v>
      </c>
    </row>
    <row r="51" spans="1:4" ht="18" customHeight="1" x14ac:dyDescent="0.2">
      <c r="A51" s="31">
        <v>38</v>
      </c>
      <c r="B51" s="27">
        <v>40</v>
      </c>
      <c r="C51" s="28">
        <v>38</v>
      </c>
      <c r="D51" s="29">
        <v>78</v>
      </c>
    </row>
    <row r="52" spans="1:4" ht="18" customHeight="1" x14ac:dyDescent="0.2">
      <c r="A52" s="31">
        <v>39</v>
      </c>
      <c r="B52" s="27">
        <v>43</v>
      </c>
      <c r="C52" s="28">
        <v>43</v>
      </c>
      <c r="D52" s="29">
        <v>86</v>
      </c>
    </row>
    <row r="53" spans="1:4" ht="18" customHeight="1" x14ac:dyDescent="0.2">
      <c r="A53" s="31" t="s">
        <v>56</v>
      </c>
      <c r="B53" s="27">
        <v>192</v>
      </c>
      <c r="C53" s="28">
        <v>200</v>
      </c>
      <c r="D53" s="29">
        <v>392</v>
      </c>
    </row>
    <row r="54" spans="1:4" ht="18" customHeight="1" x14ac:dyDescent="0.2">
      <c r="A54" s="31">
        <v>40</v>
      </c>
      <c r="B54" s="27">
        <v>43</v>
      </c>
      <c r="C54" s="28">
        <v>41</v>
      </c>
      <c r="D54" s="29">
        <v>84</v>
      </c>
    </row>
    <row r="55" spans="1:4" ht="18" customHeight="1" x14ac:dyDescent="0.2">
      <c r="A55" s="31">
        <v>41</v>
      </c>
      <c r="B55" s="27">
        <v>49</v>
      </c>
      <c r="C55" s="28">
        <v>37</v>
      </c>
      <c r="D55" s="29">
        <v>86</v>
      </c>
    </row>
    <row r="56" spans="1:4" ht="18" customHeight="1" x14ac:dyDescent="0.2">
      <c r="A56" s="31">
        <v>42</v>
      </c>
      <c r="B56" s="27">
        <v>47</v>
      </c>
      <c r="C56" s="28">
        <v>45</v>
      </c>
      <c r="D56" s="29">
        <v>92</v>
      </c>
    </row>
    <row r="57" spans="1:4" ht="18" customHeight="1" x14ac:dyDescent="0.2">
      <c r="A57" s="31">
        <v>43</v>
      </c>
      <c r="B57" s="27">
        <v>40</v>
      </c>
      <c r="C57" s="28">
        <v>46</v>
      </c>
      <c r="D57" s="29">
        <v>86</v>
      </c>
    </row>
    <row r="58" spans="1:4" ht="18" customHeight="1" x14ac:dyDescent="0.2">
      <c r="A58" s="31">
        <v>44</v>
      </c>
      <c r="B58" s="27">
        <v>49</v>
      </c>
      <c r="C58" s="28">
        <v>34</v>
      </c>
      <c r="D58" s="29">
        <v>83</v>
      </c>
    </row>
    <row r="59" spans="1:4" ht="18" customHeight="1" x14ac:dyDescent="0.2">
      <c r="A59" s="31" t="s">
        <v>57</v>
      </c>
      <c r="B59" s="27">
        <v>228</v>
      </c>
      <c r="C59" s="28">
        <v>203</v>
      </c>
      <c r="D59" s="29">
        <v>431</v>
      </c>
    </row>
    <row r="60" spans="1:4" ht="18" customHeight="1" x14ac:dyDescent="0.2">
      <c r="A60" s="31">
        <v>45</v>
      </c>
      <c r="B60" s="27">
        <v>48</v>
      </c>
      <c r="C60" s="28">
        <v>49</v>
      </c>
      <c r="D60" s="29">
        <v>97</v>
      </c>
    </row>
    <row r="61" spans="1:4" ht="18" customHeight="1" x14ac:dyDescent="0.2">
      <c r="A61" s="31">
        <v>46</v>
      </c>
      <c r="B61" s="27">
        <v>42</v>
      </c>
      <c r="C61" s="28">
        <v>46</v>
      </c>
      <c r="D61" s="29">
        <v>88</v>
      </c>
    </row>
    <row r="62" spans="1:4" ht="18" customHeight="1" x14ac:dyDescent="0.2">
      <c r="A62" s="31">
        <v>47</v>
      </c>
      <c r="B62" s="27">
        <v>57</v>
      </c>
      <c r="C62" s="28">
        <v>52</v>
      </c>
      <c r="D62" s="29">
        <v>109</v>
      </c>
    </row>
    <row r="63" spans="1:4" ht="18" customHeight="1" x14ac:dyDescent="0.2">
      <c r="A63" s="31">
        <v>48</v>
      </c>
      <c r="B63" s="27">
        <v>52</v>
      </c>
      <c r="C63" s="28">
        <v>52</v>
      </c>
      <c r="D63" s="29">
        <v>104</v>
      </c>
    </row>
    <row r="64" spans="1:4" ht="18" customHeight="1" x14ac:dyDescent="0.2">
      <c r="A64" s="31">
        <v>49</v>
      </c>
      <c r="B64" s="27">
        <v>52</v>
      </c>
      <c r="C64" s="28">
        <v>42</v>
      </c>
      <c r="D64" s="29">
        <v>94</v>
      </c>
    </row>
    <row r="65" spans="1:4" ht="18" customHeight="1" x14ac:dyDescent="0.2">
      <c r="A65" s="31" t="s">
        <v>58</v>
      </c>
      <c r="B65" s="27">
        <v>251</v>
      </c>
      <c r="C65" s="28">
        <v>241</v>
      </c>
      <c r="D65" s="29">
        <v>492</v>
      </c>
    </row>
    <row r="66" spans="1:4" ht="18" customHeight="1" x14ac:dyDescent="0.2">
      <c r="A66" s="31">
        <v>50</v>
      </c>
      <c r="B66" s="27">
        <v>71</v>
      </c>
      <c r="C66" s="28">
        <v>56</v>
      </c>
      <c r="D66" s="29">
        <v>127</v>
      </c>
    </row>
    <row r="67" spans="1:4" ht="18" customHeight="1" x14ac:dyDescent="0.2">
      <c r="A67" s="31">
        <v>51</v>
      </c>
      <c r="B67" s="27">
        <v>44</v>
      </c>
      <c r="C67" s="28">
        <v>45</v>
      </c>
      <c r="D67" s="29">
        <v>89</v>
      </c>
    </row>
    <row r="68" spans="1:4" ht="18" customHeight="1" x14ac:dyDescent="0.2">
      <c r="A68" s="31">
        <v>52</v>
      </c>
      <c r="B68" s="27">
        <v>53</v>
      </c>
      <c r="C68" s="28">
        <v>62</v>
      </c>
      <c r="D68" s="29">
        <v>115</v>
      </c>
    </row>
    <row r="69" spans="1:4" ht="18" customHeight="1" x14ac:dyDescent="0.2">
      <c r="A69" s="31">
        <v>53</v>
      </c>
      <c r="B69" s="27">
        <v>40</v>
      </c>
      <c r="C69" s="28">
        <v>43</v>
      </c>
      <c r="D69" s="29">
        <v>83</v>
      </c>
    </row>
    <row r="70" spans="1:4" ht="18" customHeight="1" x14ac:dyDescent="0.2">
      <c r="A70" s="31">
        <v>54</v>
      </c>
      <c r="B70" s="27">
        <v>34</v>
      </c>
      <c r="C70" s="28">
        <v>37</v>
      </c>
      <c r="D70" s="29">
        <v>71</v>
      </c>
    </row>
    <row r="71" spans="1:4" ht="18" customHeight="1" x14ac:dyDescent="0.2">
      <c r="A71" s="31" t="s">
        <v>59</v>
      </c>
      <c r="B71" s="27">
        <v>242</v>
      </c>
      <c r="C71" s="28">
        <v>243</v>
      </c>
      <c r="D71" s="29">
        <v>485</v>
      </c>
    </row>
    <row r="72" spans="1:4" ht="18" customHeight="1" x14ac:dyDescent="0.2">
      <c r="A72" s="31">
        <v>55</v>
      </c>
      <c r="B72" s="27">
        <v>49</v>
      </c>
      <c r="C72" s="28">
        <v>50</v>
      </c>
      <c r="D72" s="29">
        <v>99</v>
      </c>
    </row>
    <row r="73" spans="1:4" ht="18" customHeight="1" x14ac:dyDescent="0.2">
      <c r="A73" s="31">
        <v>56</v>
      </c>
      <c r="B73" s="27">
        <v>46</v>
      </c>
      <c r="C73" s="28">
        <v>42</v>
      </c>
      <c r="D73" s="29">
        <v>88</v>
      </c>
    </row>
    <row r="74" spans="1:4" ht="18" customHeight="1" x14ac:dyDescent="0.2">
      <c r="A74" s="31">
        <v>57</v>
      </c>
      <c r="B74" s="27">
        <v>41</v>
      </c>
      <c r="C74" s="28">
        <v>38</v>
      </c>
      <c r="D74" s="29">
        <v>79</v>
      </c>
    </row>
    <row r="75" spans="1:4" ht="18" customHeight="1" x14ac:dyDescent="0.2">
      <c r="A75" s="31">
        <v>58</v>
      </c>
      <c r="B75" s="27">
        <v>42</v>
      </c>
      <c r="C75" s="28">
        <v>47</v>
      </c>
      <c r="D75" s="29">
        <v>89</v>
      </c>
    </row>
    <row r="76" spans="1:4" ht="18" customHeight="1" x14ac:dyDescent="0.2">
      <c r="A76" s="31">
        <v>59</v>
      </c>
      <c r="B76" s="27">
        <v>49</v>
      </c>
      <c r="C76" s="28">
        <v>63</v>
      </c>
      <c r="D76" s="29">
        <v>112</v>
      </c>
    </row>
    <row r="77" spans="1:4" ht="18" customHeight="1" x14ac:dyDescent="0.2">
      <c r="A77" s="31" t="s">
        <v>60</v>
      </c>
      <c r="B77" s="27">
        <v>227</v>
      </c>
      <c r="C77" s="28">
        <v>240</v>
      </c>
      <c r="D77" s="29">
        <v>467</v>
      </c>
    </row>
    <row r="78" spans="1:4" ht="18" customHeight="1" x14ac:dyDescent="0.2">
      <c r="A78" s="31">
        <v>60</v>
      </c>
      <c r="B78" s="27">
        <v>47</v>
      </c>
      <c r="C78" s="28">
        <v>43</v>
      </c>
      <c r="D78" s="29">
        <v>90</v>
      </c>
    </row>
    <row r="79" spans="1:4" ht="18" customHeight="1" x14ac:dyDescent="0.2">
      <c r="A79" s="31">
        <v>61</v>
      </c>
      <c r="B79" s="27">
        <v>43</v>
      </c>
      <c r="C79" s="28">
        <v>40</v>
      </c>
      <c r="D79" s="29">
        <v>83</v>
      </c>
    </row>
    <row r="80" spans="1:4" ht="18" customHeight="1" x14ac:dyDescent="0.2">
      <c r="A80" s="31">
        <v>62</v>
      </c>
      <c r="B80" s="27">
        <v>46</v>
      </c>
      <c r="C80" s="28">
        <v>43</v>
      </c>
      <c r="D80" s="29">
        <v>89</v>
      </c>
    </row>
    <row r="81" spans="1:4" ht="18" customHeight="1" x14ac:dyDescent="0.2">
      <c r="A81" s="31">
        <v>63</v>
      </c>
      <c r="B81" s="27">
        <v>39</v>
      </c>
      <c r="C81" s="28">
        <v>40</v>
      </c>
      <c r="D81" s="29">
        <v>79</v>
      </c>
    </row>
    <row r="82" spans="1:4" ht="18" customHeight="1" x14ac:dyDescent="0.2">
      <c r="A82" s="31">
        <v>64</v>
      </c>
      <c r="B82" s="27">
        <v>48</v>
      </c>
      <c r="C82" s="28">
        <v>45</v>
      </c>
      <c r="D82" s="29">
        <v>93</v>
      </c>
    </row>
    <row r="83" spans="1:4" ht="18" customHeight="1" x14ac:dyDescent="0.2">
      <c r="A83" s="31" t="s">
        <v>61</v>
      </c>
      <c r="B83" s="27">
        <v>223</v>
      </c>
      <c r="C83" s="28">
        <v>211</v>
      </c>
      <c r="D83" s="29">
        <v>434</v>
      </c>
    </row>
    <row r="84" spans="1:4" ht="18" customHeight="1" x14ac:dyDescent="0.2">
      <c r="A84" s="31" t="s">
        <v>62</v>
      </c>
      <c r="B84" s="27">
        <v>2152</v>
      </c>
      <c r="C84" s="28">
        <v>1955</v>
      </c>
      <c r="D84" s="29">
        <v>4107</v>
      </c>
    </row>
    <row r="85" spans="1:4" ht="18" customHeight="1" x14ac:dyDescent="0.2">
      <c r="A85" s="31">
        <v>65</v>
      </c>
      <c r="B85" s="27">
        <v>56</v>
      </c>
      <c r="C85" s="28">
        <v>57</v>
      </c>
      <c r="D85" s="29">
        <v>113</v>
      </c>
    </row>
    <row r="86" spans="1:4" ht="18" customHeight="1" x14ac:dyDescent="0.2">
      <c r="A86" s="31">
        <v>66</v>
      </c>
      <c r="B86" s="27">
        <v>54</v>
      </c>
      <c r="C86" s="28">
        <v>54</v>
      </c>
      <c r="D86" s="29">
        <v>108</v>
      </c>
    </row>
    <row r="87" spans="1:4" ht="18" customHeight="1" x14ac:dyDescent="0.2">
      <c r="A87" s="31">
        <v>67</v>
      </c>
      <c r="B87" s="27">
        <v>51</v>
      </c>
      <c r="C87" s="28">
        <v>59</v>
      </c>
      <c r="D87" s="29">
        <v>110</v>
      </c>
    </row>
    <row r="88" spans="1:4" ht="18" customHeight="1" x14ac:dyDescent="0.2">
      <c r="A88" s="31">
        <v>68</v>
      </c>
      <c r="B88" s="27">
        <v>62</v>
      </c>
      <c r="C88" s="28">
        <v>48</v>
      </c>
      <c r="D88" s="29">
        <v>110</v>
      </c>
    </row>
    <row r="89" spans="1:4" ht="18" customHeight="1" x14ac:dyDescent="0.2">
      <c r="A89" s="31">
        <v>69</v>
      </c>
      <c r="B89" s="27">
        <v>59</v>
      </c>
      <c r="C89" s="28">
        <v>70</v>
      </c>
      <c r="D89" s="29">
        <v>129</v>
      </c>
    </row>
    <row r="90" spans="1:4" ht="18" customHeight="1" x14ac:dyDescent="0.2">
      <c r="A90" s="31" t="s">
        <v>63</v>
      </c>
      <c r="B90" s="27">
        <v>282</v>
      </c>
      <c r="C90" s="28">
        <v>288</v>
      </c>
      <c r="D90" s="29">
        <v>570</v>
      </c>
    </row>
    <row r="91" spans="1:4" ht="18" customHeight="1" x14ac:dyDescent="0.2">
      <c r="A91" s="31">
        <v>70</v>
      </c>
      <c r="B91" s="27">
        <v>76</v>
      </c>
      <c r="C91" s="28">
        <v>47</v>
      </c>
      <c r="D91" s="29">
        <v>123</v>
      </c>
    </row>
    <row r="92" spans="1:4" ht="18" customHeight="1" x14ac:dyDescent="0.2">
      <c r="A92" s="31">
        <v>71</v>
      </c>
      <c r="B92" s="27">
        <v>66</v>
      </c>
      <c r="C92" s="28">
        <v>57</v>
      </c>
      <c r="D92" s="29">
        <v>123</v>
      </c>
    </row>
    <row r="93" spans="1:4" ht="18" customHeight="1" x14ac:dyDescent="0.2">
      <c r="A93" s="31">
        <v>72</v>
      </c>
      <c r="B93" s="27">
        <v>76</v>
      </c>
      <c r="C93" s="28">
        <v>78</v>
      </c>
      <c r="D93" s="29">
        <v>154</v>
      </c>
    </row>
    <row r="94" spans="1:4" ht="18" customHeight="1" x14ac:dyDescent="0.2">
      <c r="A94" s="31">
        <v>73</v>
      </c>
      <c r="B94" s="27">
        <v>51</v>
      </c>
      <c r="C94" s="28">
        <v>56</v>
      </c>
      <c r="D94" s="29">
        <v>107</v>
      </c>
    </row>
    <row r="95" spans="1:4" ht="18" customHeight="1" x14ac:dyDescent="0.2">
      <c r="A95" s="31">
        <v>74</v>
      </c>
      <c r="B95" s="27">
        <v>22</v>
      </c>
      <c r="C95" s="28">
        <v>30</v>
      </c>
      <c r="D95" s="29">
        <v>52</v>
      </c>
    </row>
    <row r="96" spans="1:4" ht="18" customHeight="1" x14ac:dyDescent="0.2">
      <c r="A96" s="31" t="s">
        <v>64</v>
      </c>
      <c r="B96" s="27">
        <v>291</v>
      </c>
      <c r="C96" s="28">
        <v>268</v>
      </c>
      <c r="D96" s="29">
        <v>559</v>
      </c>
    </row>
    <row r="97" spans="1:4" ht="18" customHeight="1" x14ac:dyDescent="0.2">
      <c r="A97" s="31">
        <v>75</v>
      </c>
      <c r="B97" s="27">
        <v>47</v>
      </c>
      <c r="C97" s="28">
        <v>39</v>
      </c>
      <c r="D97" s="29">
        <v>86</v>
      </c>
    </row>
    <row r="98" spans="1:4" ht="18" customHeight="1" x14ac:dyDescent="0.2">
      <c r="A98" s="31">
        <v>76</v>
      </c>
      <c r="B98" s="27">
        <v>38</v>
      </c>
      <c r="C98" s="28">
        <v>51</v>
      </c>
      <c r="D98" s="29">
        <v>89</v>
      </c>
    </row>
    <row r="99" spans="1:4" ht="18" customHeight="1" x14ac:dyDescent="0.2">
      <c r="A99" s="31">
        <v>77</v>
      </c>
      <c r="B99" s="27">
        <v>35</v>
      </c>
      <c r="C99" s="28">
        <v>49</v>
      </c>
      <c r="D99" s="29">
        <v>84</v>
      </c>
    </row>
    <row r="100" spans="1:4" ht="18" customHeight="1" x14ac:dyDescent="0.2">
      <c r="A100" s="31">
        <v>78</v>
      </c>
      <c r="B100" s="27">
        <v>47</v>
      </c>
      <c r="C100" s="28">
        <v>49</v>
      </c>
      <c r="D100" s="29">
        <v>96</v>
      </c>
    </row>
    <row r="101" spans="1:4" ht="18" customHeight="1" x14ac:dyDescent="0.2">
      <c r="A101" s="31">
        <v>79</v>
      </c>
      <c r="B101" s="27">
        <v>43</v>
      </c>
      <c r="C101" s="28">
        <v>35</v>
      </c>
      <c r="D101" s="29">
        <v>78</v>
      </c>
    </row>
    <row r="102" spans="1:4" ht="18" customHeight="1" x14ac:dyDescent="0.2">
      <c r="A102" s="31" t="s">
        <v>65</v>
      </c>
      <c r="B102" s="27">
        <v>210</v>
      </c>
      <c r="C102" s="28">
        <v>223</v>
      </c>
      <c r="D102" s="29">
        <v>433</v>
      </c>
    </row>
    <row r="103" spans="1:4" ht="18" customHeight="1" x14ac:dyDescent="0.2">
      <c r="A103" s="31">
        <v>80</v>
      </c>
      <c r="B103" s="27">
        <v>20</v>
      </c>
      <c r="C103" s="28">
        <v>29</v>
      </c>
      <c r="D103" s="29">
        <v>49</v>
      </c>
    </row>
    <row r="104" spans="1:4" ht="18" customHeight="1" x14ac:dyDescent="0.2">
      <c r="A104" s="31">
        <v>81</v>
      </c>
      <c r="B104" s="27">
        <v>25</v>
      </c>
      <c r="C104" s="28">
        <v>28</v>
      </c>
      <c r="D104" s="29">
        <v>53</v>
      </c>
    </row>
    <row r="105" spans="1:4" ht="18" customHeight="1" x14ac:dyDescent="0.2">
      <c r="A105" s="31">
        <v>82</v>
      </c>
      <c r="B105" s="27">
        <v>23</v>
      </c>
      <c r="C105" s="28">
        <v>40</v>
      </c>
      <c r="D105" s="29">
        <v>63</v>
      </c>
    </row>
    <row r="106" spans="1:4" ht="18" customHeight="1" x14ac:dyDescent="0.2">
      <c r="A106" s="31">
        <v>83</v>
      </c>
      <c r="B106" s="27">
        <v>28</v>
      </c>
      <c r="C106" s="28">
        <v>38</v>
      </c>
      <c r="D106" s="29">
        <v>66</v>
      </c>
    </row>
    <row r="107" spans="1:4" ht="18" customHeight="1" x14ac:dyDescent="0.2">
      <c r="A107" s="31">
        <v>84</v>
      </c>
      <c r="B107" s="27">
        <v>30</v>
      </c>
      <c r="C107" s="28">
        <v>32</v>
      </c>
      <c r="D107" s="29">
        <v>62</v>
      </c>
    </row>
    <row r="108" spans="1:4" ht="18" customHeight="1" x14ac:dyDescent="0.2">
      <c r="A108" s="31" t="s">
        <v>66</v>
      </c>
      <c r="B108" s="27">
        <v>126</v>
      </c>
      <c r="C108" s="28">
        <v>167</v>
      </c>
      <c r="D108" s="29">
        <v>293</v>
      </c>
    </row>
    <row r="109" spans="1:4" ht="18" customHeight="1" x14ac:dyDescent="0.2">
      <c r="A109" s="31">
        <v>85</v>
      </c>
      <c r="B109" s="27">
        <v>22</v>
      </c>
      <c r="C109" s="28">
        <v>33</v>
      </c>
      <c r="D109" s="29">
        <v>55</v>
      </c>
    </row>
    <row r="110" spans="1:4" ht="18" customHeight="1" x14ac:dyDescent="0.2">
      <c r="A110" s="31">
        <v>86</v>
      </c>
      <c r="B110" s="27">
        <v>19</v>
      </c>
      <c r="C110" s="28">
        <v>26</v>
      </c>
      <c r="D110" s="29">
        <v>45</v>
      </c>
    </row>
    <row r="111" spans="1:4" ht="18" customHeight="1" x14ac:dyDescent="0.2">
      <c r="A111" s="31">
        <v>87</v>
      </c>
      <c r="B111" s="27">
        <v>16</v>
      </c>
      <c r="C111" s="28">
        <v>20</v>
      </c>
      <c r="D111" s="29">
        <v>36</v>
      </c>
    </row>
    <row r="112" spans="1:4" ht="18" customHeight="1" x14ac:dyDescent="0.2">
      <c r="A112" s="31">
        <v>88</v>
      </c>
      <c r="B112" s="27">
        <v>12</v>
      </c>
      <c r="C112" s="28">
        <v>25</v>
      </c>
      <c r="D112" s="29">
        <v>37</v>
      </c>
    </row>
    <row r="113" spans="1:4" ht="18" customHeight="1" x14ac:dyDescent="0.2">
      <c r="A113" s="31">
        <v>89</v>
      </c>
      <c r="B113" s="27">
        <v>12</v>
      </c>
      <c r="C113" s="28">
        <v>33</v>
      </c>
      <c r="D113" s="29">
        <v>45</v>
      </c>
    </row>
    <row r="114" spans="1:4" ht="18" customHeight="1" x14ac:dyDescent="0.2">
      <c r="A114" s="31" t="s">
        <v>67</v>
      </c>
      <c r="B114" s="27">
        <v>81</v>
      </c>
      <c r="C114" s="28">
        <v>137</v>
      </c>
      <c r="D114" s="29">
        <v>218</v>
      </c>
    </row>
    <row r="115" spans="1:4" ht="18" customHeight="1" x14ac:dyDescent="0.2">
      <c r="A115" s="31">
        <v>90</v>
      </c>
      <c r="B115" s="27">
        <v>7</v>
      </c>
      <c r="C115" s="28">
        <v>17</v>
      </c>
      <c r="D115" s="29">
        <v>24</v>
      </c>
    </row>
    <row r="116" spans="1:4" ht="18" customHeight="1" x14ac:dyDescent="0.2">
      <c r="A116" s="31">
        <v>91</v>
      </c>
      <c r="B116" s="27">
        <v>16</v>
      </c>
      <c r="C116" s="28">
        <v>22</v>
      </c>
      <c r="D116" s="29">
        <v>38</v>
      </c>
    </row>
    <row r="117" spans="1:4" ht="18" customHeight="1" x14ac:dyDescent="0.2">
      <c r="A117" s="31">
        <v>92</v>
      </c>
      <c r="B117" s="27">
        <v>8</v>
      </c>
      <c r="C117" s="28">
        <v>20</v>
      </c>
      <c r="D117" s="29">
        <v>28</v>
      </c>
    </row>
    <row r="118" spans="1:4" ht="18" customHeight="1" x14ac:dyDescent="0.2">
      <c r="A118" s="31">
        <v>93</v>
      </c>
      <c r="B118" s="27">
        <v>7</v>
      </c>
      <c r="C118" s="28">
        <v>16</v>
      </c>
      <c r="D118" s="29">
        <v>23</v>
      </c>
    </row>
    <row r="119" spans="1:4" ht="18" customHeight="1" x14ac:dyDescent="0.2">
      <c r="A119" s="31">
        <v>94</v>
      </c>
      <c r="B119" s="27">
        <v>2</v>
      </c>
      <c r="C119" s="28">
        <v>17</v>
      </c>
      <c r="D119" s="29">
        <v>19</v>
      </c>
    </row>
    <row r="120" spans="1:4" ht="18" customHeight="1" x14ac:dyDescent="0.2">
      <c r="A120" s="31" t="s">
        <v>68</v>
      </c>
      <c r="B120" s="27">
        <v>40</v>
      </c>
      <c r="C120" s="28">
        <v>92</v>
      </c>
      <c r="D120" s="29">
        <v>132</v>
      </c>
    </row>
    <row r="121" spans="1:4" ht="18" customHeight="1" x14ac:dyDescent="0.2">
      <c r="A121" s="31">
        <v>95</v>
      </c>
      <c r="B121" s="27">
        <v>3</v>
      </c>
      <c r="C121" s="28">
        <v>6</v>
      </c>
      <c r="D121" s="29">
        <v>9</v>
      </c>
    </row>
    <row r="122" spans="1:4" ht="18" customHeight="1" x14ac:dyDescent="0.2">
      <c r="A122" s="31">
        <v>96</v>
      </c>
      <c r="B122" s="27">
        <v>1</v>
      </c>
      <c r="C122" s="28">
        <v>10</v>
      </c>
      <c r="D122" s="29">
        <v>11</v>
      </c>
    </row>
    <row r="123" spans="1:4" ht="18" customHeight="1" x14ac:dyDescent="0.2">
      <c r="A123" s="31">
        <v>97</v>
      </c>
      <c r="B123" s="27">
        <v>2</v>
      </c>
      <c r="C123" s="28">
        <v>8</v>
      </c>
      <c r="D123" s="29">
        <v>1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6</v>
      </c>
      <c r="C126" s="28">
        <v>25</v>
      </c>
      <c r="D126" s="29">
        <v>31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70</v>
      </c>
      <c r="B128" s="27">
        <v>0</v>
      </c>
      <c r="C128" s="28">
        <v>4</v>
      </c>
      <c r="D128" s="29">
        <v>4</v>
      </c>
    </row>
    <row r="129" spans="1:4" ht="18" customHeight="1" x14ac:dyDescent="0.2">
      <c r="A129" s="31" t="s">
        <v>71</v>
      </c>
      <c r="B129" s="27">
        <v>0</v>
      </c>
      <c r="C129" s="28">
        <v>7</v>
      </c>
      <c r="D129" s="29">
        <v>7</v>
      </c>
    </row>
    <row r="130" spans="1:4" ht="18" customHeight="1" x14ac:dyDescent="0.2">
      <c r="A130" s="31" t="s">
        <v>72</v>
      </c>
      <c r="B130" s="4">
        <v>1036</v>
      </c>
      <c r="C130" s="5">
        <v>1207</v>
      </c>
      <c r="D130" s="6">
        <v>2243</v>
      </c>
    </row>
    <row r="131" spans="1:4" ht="18" customHeight="1" x14ac:dyDescent="0.2">
      <c r="A131" s="33" t="s">
        <v>47</v>
      </c>
      <c r="B131" s="7">
        <v>3550</v>
      </c>
      <c r="C131" s="8">
        <v>3530</v>
      </c>
      <c r="D131" s="9">
        <v>708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7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6</v>
      </c>
      <c r="C5" s="37">
        <v>16</v>
      </c>
      <c r="D5" s="39">
        <v>32</v>
      </c>
    </row>
    <row r="6" spans="1:4" ht="18" customHeight="1" x14ac:dyDescent="0.2">
      <c r="A6" s="31">
        <v>1</v>
      </c>
      <c r="B6" s="35">
        <v>20</v>
      </c>
      <c r="C6" s="28">
        <v>15</v>
      </c>
      <c r="D6" s="29">
        <v>35</v>
      </c>
    </row>
    <row r="7" spans="1:4" ht="18" customHeight="1" x14ac:dyDescent="0.2">
      <c r="A7" s="31">
        <v>2</v>
      </c>
      <c r="B7" s="35">
        <v>21</v>
      </c>
      <c r="C7" s="28">
        <v>26</v>
      </c>
      <c r="D7" s="29">
        <v>47</v>
      </c>
    </row>
    <row r="8" spans="1:4" ht="18" customHeight="1" x14ac:dyDescent="0.2">
      <c r="A8" s="31">
        <v>3</v>
      </c>
      <c r="B8" s="35">
        <v>25</v>
      </c>
      <c r="C8" s="28">
        <v>32</v>
      </c>
      <c r="D8" s="29">
        <v>57</v>
      </c>
    </row>
    <row r="9" spans="1:4" ht="18" customHeight="1" x14ac:dyDescent="0.2">
      <c r="A9" s="31">
        <v>4</v>
      </c>
      <c r="B9" s="36">
        <v>31</v>
      </c>
      <c r="C9" s="38">
        <v>21</v>
      </c>
      <c r="D9" s="40">
        <v>52</v>
      </c>
    </row>
    <row r="10" spans="1:4" ht="18" customHeight="1" x14ac:dyDescent="0.2">
      <c r="A10" s="31" t="s">
        <v>48</v>
      </c>
      <c r="B10" s="27">
        <v>113</v>
      </c>
      <c r="C10" s="28">
        <v>110</v>
      </c>
      <c r="D10" s="29">
        <v>223</v>
      </c>
    </row>
    <row r="11" spans="1:4" ht="18" customHeight="1" x14ac:dyDescent="0.2">
      <c r="A11" s="31">
        <v>5</v>
      </c>
      <c r="B11" s="35">
        <v>25</v>
      </c>
      <c r="C11" s="28">
        <v>29</v>
      </c>
      <c r="D11" s="29">
        <v>54</v>
      </c>
    </row>
    <row r="12" spans="1:4" ht="18" customHeight="1" x14ac:dyDescent="0.2">
      <c r="A12" s="31">
        <v>6</v>
      </c>
      <c r="B12" s="35">
        <v>21</v>
      </c>
      <c r="C12" s="28">
        <v>13</v>
      </c>
      <c r="D12" s="29">
        <v>34</v>
      </c>
    </row>
    <row r="13" spans="1:4" ht="18" customHeight="1" x14ac:dyDescent="0.2">
      <c r="A13" s="31">
        <v>7</v>
      </c>
      <c r="B13" s="35">
        <v>23</v>
      </c>
      <c r="C13" s="28">
        <v>26</v>
      </c>
      <c r="D13" s="29">
        <v>49</v>
      </c>
    </row>
    <row r="14" spans="1:4" ht="18" customHeight="1" x14ac:dyDescent="0.2">
      <c r="A14" s="31">
        <v>8</v>
      </c>
      <c r="B14" s="35">
        <v>25</v>
      </c>
      <c r="C14" s="28">
        <v>21</v>
      </c>
      <c r="D14" s="29">
        <v>46</v>
      </c>
    </row>
    <row r="15" spans="1:4" ht="18" customHeight="1" x14ac:dyDescent="0.2">
      <c r="A15" s="31">
        <v>9</v>
      </c>
      <c r="B15" s="35">
        <v>37</v>
      </c>
      <c r="C15" s="28">
        <v>32</v>
      </c>
      <c r="D15" s="29">
        <v>69</v>
      </c>
    </row>
    <row r="16" spans="1:4" ht="18" customHeight="1" x14ac:dyDescent="0.2">
      <c r="A16" s="31" t="s">
        <v>49</v>
      </c>
      <c r="B16" s="27">
        <v>131</v>
      </c>
      <c r="C16" s="28">
        <v>121</v>
      </c>
      <c r="D16" s="29">
        <v>252</v>
      </c>
    </row>
    <row r="17" spans="1:4" ht="18" customHeight="1" x14ac:dyDescent="0.2">
      <c r="A17" s="31">
        <v>10</v>
      </c>
      <c r="B17" s="27">
        <v>29</v>
      </c>
      <c r="C17" s="28">
        <v>38</v>
      </c>
      <c r="D17" s="29">
        <v>67</v>
      </c>
    </row>
    <row r="18" spans="1:4" ht="18" customHeight="1" x14ac:dyDescent="0.2">
      <c r="A18" s="31">
        <v>11</v>
      </c>
      <c r="B18" s="27">
        <v>30</v>
      </c>
      <c r="C18" s="28">
        <v>31</v>
      </c>
      <c r="D18" s="29">
        <v>61</v>
      </c>
    </row>
    <row r="19" spans="1:4" ht="18" customHeight="1" x14ac:dyDescent="0.2">
      <c r="A19" s="31">
        <v>12</v>
      </c>
      <c r="B19" s="27">
        <v>33</v>
      </c>
      <c r="C19" s="28">
        <v>36</v>
      </c>
      <c r="D19" s="29">
        <v>69</v>
      </c>
    </row>
    <row r="20" spans="1:4" ht="18" customHeight="1" x14ac:dyDescent="0.2">
      <c r="A20" s="31">
        <v>13</v>
      </c>
      <c r="B20" s="27">
        <v>37</v>
      </c>
      <c r="C20" s="28">
        <v>32</v>
      </c>
      <c r="D20" s="29">
        <v>69</v>
      </c>
    </row>
    <row r="21" spans="1:4" ht="18" customHeight="1" x14ac:dyDescent="0.2">
      <c r="A21" s="31">
        <v>14</v>
      </c>
      <c r="B21" s="27">
        <v>34</v>
      </c>
      <c r="C21" s="28">
        <v>38</v>
      </c>
      <c r="D21" s="29">
        <v>72</v>
      </c>
    </row>
    <row r="22" spans="1:4" ht="18" customHeight="1" x14ac:dyDescent="0.2">
      <c r="A22" s="31" t="s">
        <v>50</v>
      </c>
      <c r="B22" s="27">
        <v>163</v>
      </c>
      <c r="C22" s="28">
        <v>175</v>
      </c>
      <c r="D22" s="29">
        <v>338</v>
      </c>
    </row>
    <row r="23" spans="1:4" ht="18" customHeight="1" x14ac:dyDescent="0.2">
      <c r="A23" s="31" t="s">
        <v>51</v>
      </c>
      <c r="B23" s="27">
        <v>407</v>
      </c>
      <c r="C23" s="28">
        <v>406</v>
      </c>
      <c r="D23" s="29">
        <v>813</v>
      </c>
    </row>
    <row r="24" spans="1:4" ht="18" customHeight="1" x14ac:dyDescent="0.2">
      <c r="A24" s="31">
        <v>15</v>
      </c>
      <c r="B24" s="27">
        <v>37</v>
      </c>
      <c r="C24" s="28">
        <v>39</v>
      </c>
      <c r="D24" s="29">
        <v>76</v>
      </c>
    </row>
    <row r="25" spans="1:4" ht="18" customHeight="1" x14ac:dyDescent="0.2">
      <c r="A25" s="31">
        <v>16</v>
      </c>
      <c r="B25" s="27">
        <v>36</v>
      </c>
      <c r="C25" s="28">
        <v>43</v>
      </c>
      <c r="D25" s="29">
        <v>79</v>
      </c>
    </row>
    <row r="26" spans="1:4" ht="18" customHeight="1" x14ac:dyDescent="0.2">
      <c r="A26" s="31">
        <v>17</v>
      </c>
      <c r="B26" s="27">
        <v>44</v>
      </c>
      <c r="C26" s="28">
        <v>35</v>
      </c>
      <c r="D26" s="29">
        <v>79</v>
      </c>
    </row>
    <row r="27" spans="1:4" ht="18" customHeight="1" x14ac:dyDescent="0.2">
      <c r="A27" s="31">
        <v>18</v>
      </c>
      <c r="B27" s="27">
        <v>42</v>
      </c>
      <c r="C27" s="28">
        <v>30</v>
      </c>
      <c r="D27" s="29">
        <v>72</v>
      </c>
    </row>
    <row r="28" spans="1:4" ht="18" customHeight="1" x14ac:dyDescent="0.2">
      <c r="A28" s="31">
        <v>19</v>
      </c>
      <c r="B28" s="27">
        <v>41</v>
      </c>
      <c r="C28" s="28">
        <v>43</v>
      </c>
      <c r="D28" s="29">
        <v>84</v>
      </c>
    </row>
    <row r="29" spans="1:4" ht="18" customHeight="1" x14ac:dyDescent="0.2">
      <c r="A29" s="31" t="s">
        <v>52</v>
      </c>
      <c r="B29" s="27">
        <v>200</v>
      </c>
      <c r="C29" s="28">
        <v>190</v>
      </c>
      <c r="D29" s="29">
        <v>390</v>
      </c>
    </row>
    <row r="30" spans="1:4" ht="18" customHeight="1" x14ac:dyDescent="0.2">
      <c r="A30" s="31">
        <v>20</v>
      </c>
      <c r="B30" s="27">
        <v>33</v>
      </c>
      <c r="C30" s="28">
        <v>61</v>
      </c>
      <c r="D30" s="29">
        <v>94</v>
      </c>
    </row>
    <row r="31" spans="1:4" ht="18" customHeight="1" x14ac:dyDescent="0.2">
      <c r="A31" s="31">
        <v>21</v>
      </c>
      <c r="B31" s="27">
        <v>43</v>
      </c>
      <c r="C31" s="28">
        <v>48</v>
      </c>
      <c r="D31" s="29">
        <v>91</v>
      </c>
    </row>
    <row r="32" spans="1:4" ht="18" customHeight="1" x14ac:dyDescent="0.2">
      <c r="A32" s="31">
        <v>22</v>
      </c>
      <c r="B32" s="27">
        <v>39</v>
      </c>
      <c r="C32" s="28">
        <v>31</v>
      </c>
      <c r="D32" s="29">
        <v>70</v>
      </c>
    </row>
    <row r="33" spans="1:4" ht="18" customHeight="1" x14ac:dyDescent="0.2">
      <c r="A33" s="31">
        <v>23</v>
      </c>
      <c r="B33" s="27">
        <v>41</v>
      </c>
      <c r="C33" s="28">
        <v>32</v>
      </c>
      <c r="D33" s="29">
        <v>73</v>
      </c>
    </row>
    <row r="34" spans="1:4" ht="18" customHeight="1" x14ac:dyDescent="0.2">
      <c r="A34" s="31">
        <v>24</v>
      </c>
      <c r="B34" s="27">
        <v>36</v>
      </c>
      <c r="C34" s="28">
        <v>29</v>
      </c>
      <c r="D34" s="29">
        <v>65</v>
      </c>
    </row>
    <row r="35" spans="1:4" ht="18" customHeight="1" x14ac:dyDescent="0.2">
      <c r="A35" s="31" t="s">
        <v>53</v>
      </c>
      <c r="B35" s="27">
        <v>192</v>
      </c>
      <c r="C35" s="28">
        <v>201</v>
      </c>
      <c r="D35" s="29">
        <v>393</v>
      </c>
    </row>
    <row r="36" spans="1:4" ht="18" customHeight="1" x14ac:dyDescent="0.2">
      <c r="A36" s="31">
        <v>25</v>
      </c>
      <c r="B36" s="27">
        <v>28</v>
      </c>
      <c r="C36" s="28">
        <v>20</v>
      </c>
      <c r="D36" s="29">
        <v>48</v>
      </c>
    </row>
    <row r="37" spans="1:4" ht="18" customHeight="1" x14ac:dyDescent="0.2">
      <c r="A37" s="31">
        <v>26</v>
      </c>
      <c r="B37" s="27">
        <v>32</v>
      </c>
      <c r="C37" s="28">
        <v>24</v>
      </c>
      <c r="D37" s="29">
        <v>56</v>
      </c>
    </row>
    <row r="38" spans="1:4" ht="18" customHeight="1" x14ac:dyDescent="0.2">
      <c r="A38" s="31">
        <v>27</v>
      </c>
      <c r="B38" s="27">
        <v>20</v>
      </c>
      <c r="C38" s="28">
        <v>24</v>
      </c>
      <c r="D38" s="29">
        <v>44</v>
      </c>
    </row>
    <row r="39" spans="1:4" ht="18" customHeight="1" x14ac:dyDescent="0.2">
      <c r="A39" s="31">
        <v>28</v>
      </c>
      <c r="B39" s="27">
        <v>27</v>
      </c>
      <c r="C39" s="28">
        <v>30</v>
      </c>
      <c r="D39" s="29">
        <v>57</v>
      </c>
    </row>
    <row r="40" spans="1:4" ht="18" customHeight="1" x14ac:dyDescent="0.2">
      <c r="A40" s="31">
        <v>29</v>
      </c>
      <c r="B40" s="27">
        <v>25</v>
      </c>
      <c r="C40" s="28">
        <v>18</v>
      </c>
      <c r="D40" s="29">
        <v>43</v>
      </c>
    </row>
    <row r="41" spans="1:4" ht="18" customHeight="1" x14ac:dyDescent="0.2">
      <c r="A41" s="31" t="s">
        <v>54</v>
      </c>
      <c r="B41" s="27">
        <v>132</v>
      </c>
      <c r="C41" s="28">
        <v>116</v>
      </c>
      <c r="D41" s="29">
        <v>248</v>
      </c>
    </row>
    <row r="42" spans="1:4" ht="18" customHeight="1" x14ac:dyDescent="0.2">
      <c r="A42" s="31">
        <v>30</v>
      </c>
      <c r="B42" s="27">
        <v>24</v>
      </c>
      <c r="C42" s="28">
        <v>30</v>
      </c>
      <c r="D42" s="29">
        <v>54</v>
      </c>
    </row>
    <row r="43" spans="1:4" ht="18" customHeight="1" x14ac:dyDescent="0.2">
      <c r="A43" s="31">
        <v>31</v>
      </c>
      <c r="B43" s="27">
        <v>31</v>
      </c>
      <c r="C43" s="28">
        <v>27</v>
      </c>
      <c r="D43" s="29">
        <v>58</v>
      </c>
    </row>
    <row r="44" spans="1:4" ht="18" customHeight="1" x14ac:dyDescent="0.2">
      <c r="A44" s="31">
        <v>32</v>
      </c>
      <c r="B44" s="27">
        <v>22</v>
      </c>
      <c r="C44" s="28">
        <v>26</v>
      </c>
      <c r="D44" s="29">
        <v>48</v>
      </c>
    </row>
    <row r="45" spans="1:4" ht="18" customHeight="1" x14ac:dyDescent="0.2">
      <c r="A45" s="31">
        <v>33</v>
      </c>
      <c r="B45" s="27">
        <v>34</v>
      </c>
      <c r="C45" s="28">
        <v>23</v>
      </c>
      <c r="D45" s="29">
        <v>57</v>
      </c>
    </row>
    <row r="46" spans="1:4" ht="18" customHeight="1" x14ac:dyDescent="0.2">
      <c r="A46" s="31">
        <v>34</v>
      </c>
      <c r="B46" s="27">
        <v>28</v>
      </c>
      <c r="C46" s="28">
        <v>31</v>
      </c>
      <c r="D46" s="29">
        <v>59</v>
      </c>
    </row>
    <row r="47" spans="1:4" ht="18" customHeight="1" x14ac:dyDescent="0.2">
      <c r="A47" s="31" t="s">
        <v>55</v>
      </c>
      <c r="B47" s="27">
        <v>139</v>
      </c>
      <c r="C47" s="28">
        <v>137</v>
      </c>
      <c r="D47" s="29">
        <v>276</v>
      </c>
    </row>
    <row r="48" spans="1:4" ht="18" customHeight="1" x14ac:dyDescent="0.2">
      <c r="A48" s="31">
        <v>35</v>
      </c>
      <c r="B48" s="27">
        <v>30</v>
      </c>
      <c r="C48" s="28">
        <v>31</v>
      </c>
      <c r="D48" s="29">
        <v>61</v>
      </c>
    </row>
    <row r="49" spans="1:4" ht="18" customHeight="1" x14ac:dyDescent="0.2">
      <c r="A49" s="31">
        <v>36</v>
      </c>
      <c r="B49" s="27">
        <v>36</v>
      </c>
      <c r="C49" s="28">
        <v>32</v>
      </c>
      <c r="D49" s="29">
        <v>68</v>
      </c>
    </row>
    <row r="50" spans="1:4" ht="18" customHeight="1" x14ac:dyDescent="0.2">
      <c r="A50" s="31">
        <v>37</v>
      </c>
      <c r="B50" s="27">
        <v>38</v>
      </c>
      <c r="C50" s="28">
        <v>42</v>
      </c>
      <c r="D50" s="29">
        <v>80</v>
      </c>
    </row>
    <row r="51" spans="1:4" ht="18" customHeight="1" x14ac:dyDescent="0.2">
      <c r="A51" s="31">
        <v>38</v>
      </c>
      <c r="B51" s="27">
        <v>54</v>
      </c>
      <c r="C51" s="28">
        <v>45</v>
      </c>
      <c r="D51" s="29">
        <v>99</v>
      </c>
    </row>
    <row r="52" spans="1:4" ht="18" customHeight="1" x14ac:dyDescent="0.2">
      <c r="A52" s="31">
        <v>39</v>
      </c>
      <c r="B52" s="27">
        <v>43</v>
      </c>
      <c r="C52" s="28">
        <v>35</v>
      </c>
      <c r="D52" s="29">
        <v>78</v>
      </c>
    </row>
    <row r="53" spans="1:4" ht="18" customHeight="1" x14ac:dyDescent="0.2">
      <c r="A53" s="31" t="s">
        <v>56</v>
      </c>
      <c r="B53" s="27">
        <v>201</v>
      </c>
      <c r="C53" s="28">
        <v>185</v>
      </c>
      <c r="D53" s="29">
        <v>386</v>
      </c>
    </row>
    <row r="54" spans="1:4" ht="18" customHeight="1" x14ac:dyDescent="0.2">
      <c r="A54" s="31">
        <v>40</v>
      </c>
      <c r="B54" s="27">
        <v>31</v>
      </c>
      <c r="C54" s="28">
        <v>31</v>
      </c>
      <c r="D54" s="29">
        <v>62</v>
      </c>
    </row>
    <row r="55" spans="1:4" ht="18" customHeight="1" x14ac:dyDescent="0.2">
      <c r="A55" s="31">
        <v>41</v>
      </c>
      <c r="B55" s="27">
        <v>46</v>
      </c>
      <c r="C55" s="28">
        <v>50</v>
      </c>
      <c r="D55" s="29">
        <v>96</v>
      </c>
    </row>
    <row r="56" spans="1:4" ht="18" customHeight="1" x14ac:dyDescent="0.2">
      <c r="A56" s="31">
        <v>42</v>
      </c>
      <c r="B56" s="27">
        <v>59</v>
      </c>
      <c r="C56" s="28">
        <v>37</v>
      </c>
      <c r="D56" s="29">
        <v>96</v>
      </c>
    </row>
    <row r="57" spans="1:4" ht="18" customHeight="1" x14ac:dyDescent="0.2">
      <c r="A57" s="31">
        <v>43</v>
      </c>
      <c r="B57" s="27">
        <v>49</v>
      </c>
      <c r="C57" s="28">
        <v>43</v>
      </c>
      <c r="D57" s="29">
        <v>92</v>
      </c>
    </row>
    <row r="58" spans="1:4" ht="18" customHeight="1" x14ac:dyDescent="0.2">
      <c r="A58" s="31">
        <v>44</v>
      </c>
      <c r="B58" s="27">
        <v>48</v>
      </c>
      <c r="C58" s="28">
        <v>60</v>
      </c>
      <c r="D58" s="29">
        <v>108</v>
      </c>
    </row>
    <row r="59" spans="1:4" ht="18" customHeight="1" x14ac:dyDescent="0.2">
      <c r="A59" s="31" t="s">
        <v>57</v>
      </c>
      <c r="B59" s="27">
        <v>233</v>
      </c>
      <c r="C59" s="28">
        <v>221</v>
      </c>
      <c r="D59" s="29">
        <v>454</v>
      </c>
    </row>
    <row r="60" spans="1:4" ht="18" customHeight="1" x14ac:dyDescent="0.2">
      <c r="A60" s="31">
        <v>45</v>
      </c>
      <c r="B60" s="27">
        <v>62</v>
      </c>
      <c r="C60" s="28">
        <v>59</v>
      </c>
      <c r="D60" s="29">
        <v>121</v>
      </c>
    </row>
    <row r="61" spans="1:4" ht="18" customHeight="1" x14ac:dyDescent="0.2">
      <c r="A61" s="31">
        <v>46</v>
      </c>
      <c r="B61" s="27">
        <v>58</v>
      </c>
      <c r="C61" s="28">
        <v>59</v>
      </c>
      <c r="D61" s="29">
        <v>117</v>
      </c>
    </row>
    <row r="62" spans="1:4" ht="18" customHeight="1" x14ac:dyDescent="0.2">
      <c r="A62" s="31">
        <v>47</v>
      </c>
      <c r="B62" s="27">
        <v>64</v>
      </c>
      <c r="C62" s="28">
        <v>55</v>
      </c>
      <c r="D62" s="29">
        <v>119</v>
      </c>
    </row>
    <row r="63" spans="1:4" ht="18" customHeight="1" x14ac:dyDescent="0.2">
      <c r="A63" s="31">
        <v>48</v>
      </c>
      <c r="B63" s="27">
        <v>53</v>
      </c>
      <c r="C63" s="28">
        <v>50</v>
      </c>
      <c r="D63" s="29">
        <v>103</v>
      </c>
    </row>
    <row r="64" spans="1:4" ht="18" customHeight="1" x14ac:dyDescent="0.2">
      <c r="A64" s="31">
        <v>49</v>
      </c>
      <c r="B64" s="27">
        <v>56</v>
      </c>
      <c r="C64" s="28">
        <v>61</v>
      </c>
      <c r="D64" s="29">
        <v>117</v>
      </c>
    </row>
    <row r="65" spans="1:4" ht="18" customHeight="1" x14ac:dyDescent="0.2">
      <c r="A65" s="31" t="s">
        <v>58</v>
      </c>
      <c r="B65" s="27">
        <v>293</v>
      </c>
      <c r="C65" s="28">
        <v>284</v>
      </c>
      <c r="D65" s="29">
        <v>577</v>
      </c>
    </row>
    <row r="66" spans="1:4" ht="18" customHeight="1" x14ac:dyDescent="0.2">
      <c r="A66" s="31">
        <v>50</v>
      </c>
      <c r="B66" s="27">
        <v>44</v>
      </c>
      <c r="C66" s="28">
        <v>48</v>
      </c>
      <c r="D66" s="29">
        <v>92</v>
      </c>
    </row>
    <row r="67" spans="1:4" ht="18" customHeight="1" x14ac:dyDescent="0.2">
      <c r="A67" s="31">
        <v>51</v>
      </c>
      <c r="B67" s="27">
        <v>42</v>
      </c>
      <c r="C67" s="28">
        <v>43</v>
      </c>
      <c r="D67" s="29">
        <v>85</v>
      </c>
    </row>
    <row r="68" spans="1:4" ht="18" customHeight="1" x14ac:dyDescent="0.2">
      <c r="A68" s="31">
        <v>52</v>
      </c>
      <c r="B68" s="27">
        <v>33</v>
      </c>
      <c r="C68" s="28">
        <v>41</v>
      </c>
      <c r="D68" s="29">
        <v>74</v>
      </c>
    </row>
    <row r="69" spans="1:4" ht="18" customHeight="1" x14ac:dyDescent="0.2">
      <c r="A69" s="31">
        <v>53</v>
      </c>
      <c r="B69" s="27">
        <v>45</v>
      </c>
      <c r="C69" s="28">
        <v>39</v>
      </c>
      <c r="D69" s="29">
        <v>84</v>
      </c>
    </row>
    <row r="70" spans="1:4" ht="18" customHeight="1" x14ac:dyDescent="0.2">
      <c r="A70" s="31">
        <v>54</v>
      </c>
      <c r="B70" s="27">
        <v>30</v>
      </c>
      <c r="C70" s="28">
        <v>32</v>
      </c>
      <c r="D70" s="29">
        <v>62</v>
      </c>
    </row>
    <row r="71" spans="1:4" ht="18" customHeight="1" x14ac:dyDescent="0.2">
      <c r="A71" s="31" t="s">
        <v>59</v>
      </c>
      <c r="B71" s="27">
        <v>194</v>
      </c>
      <c r="C71" s="28">
        <v>203</v>
      </c>
      <c r="D71" s="29">
        <v>397</v>
      </c>
    </row>
    <row r="72" spans="1:4" ht="18" customHeight="1" x14ac:dyDescent="0.2">
      <c r="A72" s="31">
        <v>55</v>
      </c>
      <c r="B72" s="27">
        <v>54</v>
      </c>
      <c r="C72" s="28">
        <v>33</v>
      </c>
      <c r="D72" s="29">
        <v>87</v>
      </c>
    </row>
    <row r="73" spans="1:4" ht="18" customHeight="1" x14ac:dyDescent="0.2">
      <c r="A73" s="31">
        <v>56</v>
      </c>
      <c r="B73" s="27">
        <v>40</v>
      </c>
      <c r="C73" s="28">
        <v>44</v>
      </c>
      <c r="D73" s="29">
        <v>84</v>
      </c>
    </row>
    <row r="74" spans="1:4" ht="18" customHeight="1" x14ac:dyDescent="0.2">
      <c r="A74" s="31">
        <v>57</v>
      </c>
      <c r="B74" s="27">
        <v>40</v>
      </c>
      <c r="C74" s="28">
        <v>46</v>
      </c>
      <c r="D74" s="29">
        <v>86</v>
      </c>
    </row>
    <row r="75" spans="1:4" ht="18" customHeight="1" x14ac:dyDescent="0.2">
      <c r="A75" s="31">
        <v>58</v>
      </c>
      <c r="B75" s="27">
        <v>37</v>
      </c>
      <c r="C75" s="28">
        <v>41</v>
      </c>
      <c r="D75" s="29">
        <v>78</v>
      </c>
    </row>
    <row r="76" spans="1:4" ht="18" customHeight="1" x14ac:dyDescent="0.2">
      <c r="A76" s="31">
        <v>59</v>
      </c>
      <c r="B76" s="27">
        <v>51</v>
      </c>
      <c r="C76" s="28">
        <v>27</v>
      </c>
      <c r="D76" s="29">
        <v>78</v>
      </c>
    </row>
    <row r="77" spans="1:4" ht="18" customHeight="1" x14ac:dyDescent="0.2">
      <c r="A77" s="31" t="s">
        <v>60</v>
      </c>
      <c r="B77" s="27">
        <v>222</v>
      </c>
      <c r="C77" s="28">
        <v>191</v>
      </c>
      <c r="D77" s="29">
        <v>413</v>
      </c>
    </row>
    <row r="78" spans="1:4" ht="18" customHeight="1" x14ac:dyDescent="0.2">
      <c r="A78" s="31">
        <v>60</v>
      </c>
      <c r="B78" s="27">
        <v>38</v>
      </c>
      <c r="C78" s="28">
        <v>43</v>
      </c>
      <c r="D78" s="29">
        <v>81</v>
      </c>
    </row>
    <row r="79" spans="1:4" ht="18" customHeight="1" x14ac:dyDescent="0.2">
      <c r="A79" s="31">
        <v>61</v>
      </c>
      <c r="B79" s="27">
        <v>34</v>
      </c>
      <c r="C79" s="28">
        <v>39</v>
      </c>
      <c r="D79" s="29">
        <v>73</v>
      </c>
    </row>
    <row r="80" spans="1:4" ht="18" customHeight="1" x14ac:dyDescent="0.2">
      <c r="A80" s="31">
        <v>62</v>
      </c>
      <c r="B80" s="27">
        <v>39</v>
      </c>
      <c r="C80" s="28">
        <v>37</v>
      </c>
      <c r="D80" s="29">
        <v>76</v>
      </c>
    </row>
    <row r="81" spans="1:4" ht="18" customHeight="1" x14ac:dyDescent="0.2">
      <c r="A81" s="31">
        <v>63</v>
      </c>
      <c r="B81" s="27">
        <v>38</v>
      </c>
      <c r="C81" s="28">
        <v>48</v>
      </c>
      <c r="D81" s="29">
        <v>86</v>
      </c>
    </row>
    <row r="82" spans="1:4" ht="18" customHeight="1" x14ac:dyDescent="0.2">
      <c r="A82" s="31">
        <v>64</v>
      </c>
      <c r="B82" s="27">
        <v>39</v>
      </c>
      <c r="C82" s="28">
        <v>45</v>
      </c>
      <c r="D82" s="29">
        <v>84</v>
      </c>
    </row>
    <row r="83" spans="1:4" ht="18" customHeight="1" x14ac:dyDescent="0.2">
      <c r="A83" s="31" t="s">
        <v>61</v>
      </c>
      <c r="B83" s="27">
        <v>188</v>
      </c>
      <c r="C83" s="28">
        <v>212</v>
      </c>
      <c r="D83" s="29">
        <v>400</v>
      </c>
    </row>
    <row r="84" spans="1:4" ht="18" customHeight="1" x14ac:dyDescent="0.2">
      <c r="A84" s="31" t="s">
        <v>62</v>
      </c>
      <c r="B84" s="27">
        <v>1994</v>
      </c>
      <c r="C84" s="28">
        <v>1940</v>
      </c>
      <c r="D84" s="29">
        <v>3934</v>
      </c>
    </row>
    <row r="85" spans="1:4" ht="18" customHeight="1" x14ac:dyDescent="0.2">
      <c r="A85" s="31">
        <v>65</v>
      </c>
      <c r="B85" s="27">
        <v>55</v>
      </c>
      <c r="C85" s="28">
        <v>56</v>
      </c>
      <c r="D85" s="29">
        <v>111</v>
      </c>
    </row>
    <row r="86" spans="1:4" ht="18" customHeight="1" x14ac:dyDescent="0.2">
      <c r="A86" s="31">
        <v>66</v>
      </c>
      <c r="B86" s="27">
        <v>53</v>
      </c>
      <c r="C86" s="28">
        <v>42</v>
      </c>
      <c r="D86" s="29">
        <v>95</v>
      </c>
    </row>
    <row r="87" spans="1:4" ht="18" customHeight="1" x14ac:dyDescent="0.2">
      <c r="A87" s="31">
        <v>67</v>
      </c>
      <c r="B87" s="27">
        <v>49</v>
      </c>
      <c r="C87" s="28">
        <v>48</v>
      </c>
      <c r="D87" s="29">
        <v>97</v>
      </c>
    </row>
    <row r="88" spans="1:4" ht="18" customHeight="1" x14ac:dyDescent="0.2">
      <c r="A88" s="31">
        <v>68</v>
      </c>
      <c r="B88" s="27">
        <v>54</v>
      </c>
      <c r="C88" s="28">
        <v>73</v>
      </c>
      <c r="D88" s="29">
        <v>127</v>
      </c>
    </row>
    <row r="89" spans="1:4" ht="18" customHeight="1" x14ac:dyDescent="0.2">
      <c r="A89" s="31">
        <v>69</v>
      </c>
      <c r="B89" s="27">
        <v>59</v>
      </c>
      <c r="C89" s="28">
        <v>67</v>
      </c>
      <c r="D89" s="29">
        <v>126</v>
      </c>
    </row>
    <row r="90" spans="1:4" ht="18" customHeight="1" x14ac:dyDescent="0.2">
      <c r="A90" s="31" t="s">
        <v>63</v>
      </c>
      <c r="B90" s="27">
        <v>270</v>
      </c>
      <c r="C90" s="28">
        <v>286</v>
      </c>
      <c r="D90" s="29">
        <v>556</v>
      </c>
    </row>
    <row r="91" spans="1:4" ht="18" customHeight="1" x14ac:dyDescent="0.2">
      <c r="A91" s="31">
        <v>70</v>
      </c>
      <c r="B91" s="27">
        <v>76</v>
      </c>
      <c r="C91" s="28">
        <v>81</v>
      </c>
      <c r="D91" s="29">
        <v>157</v>
      </c>
    </row>
    <row r="92" spans="1:4" ht="18" customHeight="1" x14ac:dyDescent="0.2">
      <c r="A92" s="31">
        <v>71</v>
      </c>
      <c r="B92" s="27">
        <v>70</v>
      </c>
      <c r="C92" s="28">
        <v>72</v>
      </c>
      <c r="D92" s="29">
        <v>142</v>
      </c>
    </row>
    <row r="93" spans="1:4" ht="18" customHeight="1" x14ac:dyDescent="0.2">
      <c r="A93" s="31">
        <v>72</v>
      </c>
      <c r="B93" s="27">
        <v>77</v>
      </c>
      <c r="C93" s="28">
        <v>55</v>
      </c>
      <c r="D93" s="29">
        <v>132</v>
      </c>
    </row>
    <row r="94" spans="1:4" ht="18" customHeight="1" x14ac:dyDescent="0.2">
      <c r="A94" s="31">
        <v>73</v>
      </c>
      <c r="B94" s="27">
        <v>45</v>
      </c>
      <c r="C94" s="28">
        <v>69</v>
      </c>
      <c r="D94" s="29">
        <v>114</v>
      </c>
    </row>
    <row r="95" spans="1:4" ht="18" customHeight="1" x14ac:dyDescent="0.2">
      <c r="A95" s="31">
        <v>74</v>
      </c>
      <c r="B95" s="27">
        <v>27</v>
      </c>
      <c r="C95" s="28">
        <v>25</v>
      </c>
      <c r="D95" s="29">
        <v>52</v>
      </c>
    </row>
    <row r="96" spans="1:4" ht="18" customHeight="1" x14ac:dyDescent="0.2">
      <c r="A96" s="31" t="s">
        <v>64</v>
      </c>
      <c r="B96" s="27">
        <v>295</v>
      </c>
      <c r="C96" s="28">
        <v>302</v>
      </c>
      <c r="D96" s="29">
        <v>597</v>
      </c>
    </row>
    <row r="97" spans="1:4" ht="18" customHeight="1" x14ac:dyDescent="0.2">
      <c r="A97" s="31">
        <v>75</v>
      </c>
      <c r="B97" s="27">
        <v>28</v>
      </c>
      <c r="C97" s="28">
        <v>44</v>
      </c>
      <c r="D97" s="29">
        <v>72</v>
      </c>
    </row>
    <row r="98" spans="1:4" ht="18" customHeight="1" x14ac:dyDescent="0.2">
      <c r="A98" s="31">
        <v>76</v>
      </c>
      <c r="B98" s="27">
        <v>49</v>
      </c>
      <c r="C98" s="28">
        <v>24</v>
      </c>
      <c r="D98" s="29">
        <v>73</v>
      </c>
    </row>
    <row r="99" spans="1:4" ht="18" customHeight="1" x14ac:dyDescent="0.2">
      <c r="A99" s="31">
        <v>77</v>
      </c>
      <c r="B99" s="27">
        <v>35</v>
      </c>
      <c r="C99" s="28">
        <v>32</v>
      </c>
      <c r="D99" s="29">
        <v>67</v>
      </c>
    </row>
    <row r="100" spans="1:4" ht="18" customHeight="1" x14ac:dyDescent="0.2">
      <c r="A100" s="31">
        <v>78</v>
      </c>
      <c r="B100" s="27">
        <v>44</v>
      </c>
      <c r="C100" s="28">
        <v>42</v>
      </c>
      <c r="D100" s="29">
        <v>86</v>
      </c>
    </row>
    <row r="101" spans="1:4" ht="18" customHeight="1" x14ac:dyDescent="0.2">
      <c r="A101" s="31">
        <v>79</v>
      </c>
      <c r="B101" s="27">
        <v>28</v>
      </c>
      <c r="C101" s="28">
        <v>34</v>
      </c>
      <c r="D101" s="29">
        <v>62</v>
      </c>
    </row>
    <row r="102" spans="1:4" ht="18" customHeight="1" x14ac:dyDescent="0.2">
      <c r="A102" s="31" t="s">
        <v>65</v>
      </c>
      <c r="B102" s="27">
        <v>184</v>
      </c>
      <c r="C102" s="28">
        <v>176</v>
      </c>
      <c r="D102" s="29">
        <v>360</v>
      </c>
    </row>
    <row r="103" spans="1:4" ht="18" customHeight="1" x14ac:dyDescent="0.2">
      <c r="A103" s="31">
        <v>80</v>
      </c>
      <c r="B103" s="27">
        <v>22</v>
      </c>
      <c r="C103" s="28">
        <v>34</v>
      </c>
      <c r="D103" s="29">
        <v>56</v>
      </c>
    </row>
    <row r="104" spans="1:4" ht="18" customHeight="1" x14ac:dyDescent="0.2">
      <c r="A104" s="31">
        <v>81</v>
      </c>
      <c r="B104" s="27">
        <v>19</v>
      </c>
      <c r="C104" s="28">
        <v>31</v>
      </c>
      <c r="D104" s="29">
        <v>50</v>
      </c>
    </row>
    <row r="105" spans="1:4" ht="18" customHeight="1" x14ac:dyDescent="0.2">
      <c r="A105" s="31">
        <v>82</v>
      </c>
      <c r="B105" s="27">
        <v>21</v>
      </c>
      <c r="C105" s="28">
        <v>37</v>
      </c>
      <c r="D105" s="29">
        <v>58</v>
      </c>
    </row>
    <row r="106" spans="1:4" ht="18" customHeight="1" x14ac:dyDescent="0.2">
      <c r="A106" s="31">
        <v>83</v>
      </c>
      <c r="B106" s="27">
        <v>18</v>
      </c>
      <c r="C106" s="28">
        <v>32</v>
      </c>
      <c r="D106" s="29">
        <v>50</v>
      </c>
    </row>
    <row r="107" spans="1:4" ht="18" customHeight="1" x14ac:dyDescent="0.2">
      <c r="A107" s="31">
        <v>84</v>
      </c>
      <c r="B107" s="27">
        <v>28</v>
      </c>
      <c r="C107" s="28">
        <v>38</v>
      </c>
      <c r="D107" s="29">
        <v>66</v>
      </c>
    </row>
    <row r="108" spans="1:4" ht="18" customHeight="1" x14ac:dyDescent="0.2">
      <c r="A108" s="31" t="s">
        <v>66</v>
      </c>
      <c r="B108" s="27">
        <v>108</v>
      </c>
      <c r="C108" s="28">
        <v>172</v>
      </c>
      <c r="D108" s="29">
        <v>280</v>
      </c>
    </row>
    <row r="109" spans="1:4" ht="18" customHeight="1" x14ac:dyDescent="0.2">
      <c r="A109" s="31">
        <v>85</v>
      </c>
      <c r="B109" s="27">
        <v>19</v>
      </c>
      <c r="C109" s="28">
        <v>33</v>
      </c>
      <c r="D109" s="29">
        <v>52</v>
      </c>
    </row>
    <row r="110" spans="1:4" ht="18" customHeight="1" x14ac:dyDescent="0.2">
      <c r="A110" s="31">
        <v>86</v>
      </c>
      <c r="B110" s="27">
        <v>15</v>
      </c>
      <c r="C110" s="28">
        <v>39</v>
      </c>
      <c r="D110" s="29">
        <v>54</v>
      </c>
    </row>
    <row r="111" spans="1:4" ht="18" customHeight="1" x14ac:dyDescent="0.2">
      <c r="A111" s="31">
        <v>87</v>
      </c>
      <c r="B111" s="27">
        <v>18</v>
      </c>
      <c r="C111" s="28">
        <v>34</v>
      </c>
      <c r="D111" s="29">
        <v>52</v>
      </c>
    </row>
    <row r="112" spans="1:4" ht="18" customHeight="1" x14ac:dyDescent="0.2">
      <c r="A112" s="31">
        <v>88</v>
      </c>
      <c r="B112" s="27">
        <v>14</v>
      </c>
      <c r="C112" s="28">
        <v>30</v>
      </c>
      <c r="D112" s="29">
        <v>44</v>
      </c>
    </row>
    <row r="113" spans="1:4" ht="18" customHeight="1" x14ac:dyDescent="0.2">
      <c r="A113" s="31">
        <v>89</v>
      </c>
      <c r="B113" s="27">
        <v>14</v>
      </c>
      <c r="C113" s="28">
        <v>32</v>
      </c>
      <c r="D113" s="29">
        <v>46</v>
      </c>
    </row>
    <row r="114" spans="1:4" ht="18" customHeight="1" x14ac:dyDescent="0.2">
      <c r="A114" s="31" t="s">
        <v>67</v>
      </c>
      <c r="B114" s="27">
        <v>80</v>
      </c>
      <c r="C114" s="28">
        <v>168</v>
      </c>
      <c r="D114" s="29">
        <v>248</v>
      </c>
    </row>
    <row r="115" spans="1:4" ht="18" customHeight="1" x14ac:dyDescent="0.2">
      <c r="A115" s="31">
        <v>90</v>
      </c>
      <c r="B115" s="27">
        <v>6</v>
      </c>
      <c r="C115" s="28">
        <v>29</v>
      </c>
      <c r="D115" s="29">
        <v>35</v>
      </c>
    </row>
    <row r="116" spans="1:4" ht="18" customHeight="1" x14ac:dyDescent="0.2">
      <c r="A116" s="31">
        <v>91</v>
      </c>
      <c r="B116" s="27">
        <v>11</v>
      </c>
      <c r="C116" s="28">
        <v>22</v>
      </c>
      <c r="D116" s="29">
        <v>33</v>
      </c>
    </row>
    <row r="117" spans="1:4" ht="18" customHeight="1" x14ac:dyDescent="0.2">
      <c r="A117" s="31">
        <v>92</v>
      </c>
      <c r="B117" s="27">
        <v>8</v>
      </c>
      <c r="C117" s="28">
        <v>13</v>
      </c>
      <c r="D117" s="29">
        <v>21</v>
      </c>
    </row>
    <row r="118" spans="1:4" ht="18" customHeight="1" x14ac:dyDescent="0.2">
      <c r="A118" s="31">
        <v>93</v>
      </c>
      <c r="B118" s="27">
        <v>5</v>
      </c>
      <c r="C118" s="28">
        <v>9</v>
      </c>
      <c r="D118" s="29">
        <v>14</v>
      </c>
    </row>
    <row r="119" spans="1:4" ht="18" customHeight="1" x14ac:dyDescent="0.2">
      <c r="A119" s="31">
        <v>94</v>
      </c>
      <c r="B119" s="27">
        <v>9</v>
      </c>
      <c r="C119" s="28">
        <v>9</v>
      </c>
      <c r="D119" s="29">
        <v>18</v>
      </c>
    </row>
    <row r="120" spans="1:4" ht="18" customHeight="1" x14ac:dyDescent="0.2">
      <c r="A120" s="31" t="s">
        <v>68</v>
      </c>
      <c r="B120" s="27">
        <v>39</v>
      </c>
      <c r="C120" s="28">
        <v>82</v>
      </c>
      <c r="D120" s="29">
        <v>121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0</v>
      </c>
      <c r="C122" s="28">
        <v>8</v>
      </c>
      <c r="D122" s="29">
        <v>8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4</v>
      </c>
      <c r="D124" s="29">
        <v>4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2</v>
      </c>
      <c r="C126" s="28">
        <v>22</v>
      </c>
      <c r="D126" s="29">
        <v>24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978</v>
      </c>
      <c r="C130" s="5">
        <v>1211</v>
      </c>
      <c r="D130" s="6">
        <v>2189</v>
      </c>
    </row>
    <row r="131" spans="1:4" ht="18" customHeight="1" x14ac:dyDescent="0.2">
      <c r="A131" s="33" t="s">
        <v>47</v>
      </c>
      <c r="B131" s="7">
        <v>3379</v>
      </c>
      <c r="C131" s="8">
        <v>3557</v>
      </c>
      <c r="D131" s="9">
        <v>693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7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3</v>
      </c>
      <c r="D6" s="29">
        <v>4</v>
      </c>
    </row>
    <row r="7" spans="1:4" ht="18" customHeight="1" x14ac:dyDescent="0.2">
      <c r="A7" s="31">
        <v>2</v>
      </c>
      <c r="B7" s="35">
        <v>1</v>
      </c>
      <c r="C7" s="28">
        <v>1</v>
      </c>
      <c r="D7" s="29">
        <v>2</v>
      </c>
    </row>
    <row r="8" spans="1:4" ht="18" customHeight="1" x14ac:dyDescent="0.2">
      <c r="A8" s="31">
        <v>3</v>
      </c>
      <c r="B8" s="35">
        <v>2</v>
      </c>
      <c r="C8" s="28">
        <v>2</v>
      </c>
      <c r="D8" s="29">
        <v>4</v>
      </c>
    </row>
    <row r="9" spans="1:4" ht="18" customHeight="1" x14ac:dyDescent="0.2">
      <c r="A9" s="31">
        <v>4</v>
      </c>
      <c r="B9" s="36">
        <v>1</v>
      </c>
      <c r="C9" s="38">
        <v>2</v>
      </c>
      <c r="D9" s="40">
        <v>3</v>
      </c>
    </row>
    <row r="10" spans="1:4" ht="18" customHeight="1" x14ac:dyDescent="0.2">
      <c r="A10" s="31" t="s">
        <v>48</v>
      </c>
      <c r="B10" s="27">
        <v>6</v>
      </c>
      <c r="C10" s="28">
        <v>8</v>
      </c>
      <c r="D10" s="29">
        <v>14</v>
      </c>
    </row>
    <row r="11" spans="1:4" ht="18" customHeight="1" x14ac:dyDescent="0.2">
      <c r="A11" s="31">
        <v>5</v>
      </c>
      <c r="B11" s="35">
        <v>1</v>
      </c>
      <c r="C11" s="28">
        <v>5</v>
      </c>
      <c r="D11" s="29">
        <v>6</v>
      </c>
    </row>
    <row r="12" spans="1:4" ht="18" customHeight="1" x14ac:dyDescent="0.2">
      <c r="A12" s="31">
        <v>6</v>
      </c>
      <c r="B12" s="35">
        <v>4</v>
      </c>
      <c r="C12" s="28">
        <v>3</v>
      </c>
      <c r="D12" s="29">
        <v>7</v>
      </c>
    </row>
    <row r="13" spans="1:4" ht="18" customHeight="1" x14ac:dyDescent="0.2">
      <c r="A13" s="31">
        <v>7</v>
      </c>
      <c r="B13" s="35">
        <v>1</v>
      </c>
      <c r="C13" s="28">
        <v>4</v>
      </c>
      <c r="D13" s="29">
        <v>5</v>
      </c>
    </row>
    <row r="14" spans="1:4" ht="18" customHeight="1" x14ac:dyDescent="0.2">
      <c r="A14" s="31">
        <v>8</v>
      </c>
      <c r="B14" s="35">
        <v>2</v>
      </c>
      <c r="C14" s="28">
        <v>2</v>
      </c>
      <c r="D14" s="29">
        <v>4</v>
      </c>
    </row>
    <row r="15" spans="1:4" ht="18" customHeight="1" x14ac:dyDescent="0.2">
      <c r="A15" s="31">
        <v>9</v>
      </c>
      <c r="B15" s="35">
        <v>1</v>
      </c>
      <c r="C15" s="28">
        <v>6</v>
      </c>
      <c r="D15" s="29">
        <v>7</v>
      </c>
    </row>
    <row r="16" spans="1:4" ht="18" customHeight="1" x14ac:dyDescent="0.2">
      <c r="A16" s="31" t="s">
        <v>49</v>
      </c>
      <c r="B16" s="27">
        <v>9</v>
      </c>
      <c r="C16" s="28">
        <v>20</v>
      </c>
      <c r="D16" s="29">
        <v>29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7</v>
      </c>
      <c r="C18" s="28">
        <v>2</v>
      </c>
      <c r="D18" s="29">
        <v>9</v>
      </c>
    </row>
    <row r="19" spans="1:4" ht="18" customHeight="1" x14ac:dyDescent="0.2">
      <c r="A19" s="31">
        <v>12</v>
      </c>
      <c r="B19" s="27">
        <v>3</v>
      </c>
      <c r="C19" s="28">
        <v>5</v>
      </c>
      <c r="D19" s="29">
        <v>8</v>
      </c>
    </row>
    <row r="20" spans="1:4" ht="18" customHeight="1" x14ac:dyDescent="0.2">
      <c r="A20" s="31">
        <v>13</v>
      </c>
      <c r="B20" s="27">
        <v>1</v>
      </c>
      <c r="C20" s="28">
        <v>0</v>
      </c>
      <c r="D20" s="29">
        <v>1</v>
      </c>
    </row>
    <row r="21" spans="1:4" ht="18" customHeight="1" x14ac:dyDescent="0.2">
      <c r="A21" s="31">
        <v>14</v>
      </c>
      <c r="B21" s="27">
        <v>3</v>
      </c>
      <c r="C21" s="28">
        <v>2</v>
      </c>
      <c r="D21" s="29">
        <v>5</v>
      </c>
    </row>
    <row r="22" spans="1:4" ht="18" customHeight="1" x14ac:dyDescent="0.2">
      <c r="A22" s="31" t="s">
        <v>50</v>
      </c>
      <c r="B22" s="27">
        <v>15</v>
      </c>
      <c r="C22" s="28">
        <v>9</v>
      </c>
      <c r="D22" s="29">
        <v>24</v>
      </c>
    </row>
    <row r="23" spans="1:4" ht="18" customHeight="1" x14ac:dyDescent="0.2">
      <c r="A23" s="31" t="s">
        <v>51</v>
      </c>
      <c r="B23" s="27">
        <v>30</v>
      </c>
      <c r="C23" s="28">
        <v>37</v>
      </c>
      <c r="D23" s="29">
        <v>67</v>
      </c>
    </row>
    <row r="24" spans="1:4" ht="18" customHeight="1" x14ac:dyDescent="0.2">
      <c r="A24" s="31">
        <v>15</v>
      </c>
      <c r="B24" s="27">
        <v>6</v>
      </c>
      <c r="C24" s="28">
        <v>3</v>
      </c>
      <c r="D24" s="29">
        <v>9</v>
      </c>
    </row>
    <row r="25" spans="1:4" ht="18" customHeight="1" x14ac:dyDescent="0.2">
      <c r="A25" s="31">
        <v>16</v>
      </c>
      <c r="B25" s="27">
        <v>4</v>
      </c>
      <c r="C25" s="28">
        <v>2</v>
      </c>
      <c r="D25" s="29">
        <v>6</v>
      </c>
    </row>
    <row r="26" spans="1:4" ht="18" customHeight="1" x14ac:dyDescent="0.2">
      <c r="A26" s="31">
        <v>17</v>
      </c>
      <c r="B26" s="27">
        <v>2</v>
      </c>
      <c r="C26" s="28">
        <v>4</v>
      </c>
      <c r="D26" s="29">
        <v>6</v>
      </c>
    </row>
    <row r="27" spans="1:4" ht="18" customHeight="1" x14ac:dyDescent="0.2">
      <c r="A27" s="31">
        <v>18</v>
      </c>
      <c r="B27" s="27">
        <v>4</v>
      </c>
      <c r="C27" s="28">
        <v>4</v>
      </c>
      <c r="D27" s="29">
        <v>8</v>
      </c>
    </row>
    <row r="28" spans="1:4" ht="18" customHeight="1" x14ac:dyDescent="0.2">
      <c r="A28" s="31">
        <v>19</v>
      </c>
      <c r="B28" s="27">
        <v>6</v>
      </c>
      <c r="C28" s="28">
        <v>3</v>
      </c>
      <c r="D28" s="29">
        <v>9</v>
      </c>
    </row>
    <row r="29" spans="1:4" ht="18" customHeight="1" x14ac:dyDescent="0.2">
      <c r="A29" s="31" t="s">
        <v>52</v>
      </c>
      <c r="B29" s="27">
        <v>22</v>
      </c>
      <c r="C29" s="28">
        <v>16</v>
      </c>
      <c r="D29" s="29">
        <v>38</v>
      </c>
    </row>
    <row r="30" spans="1:4" ht="18" customHeight="1" x14ac:dyDescent="0.2">
      <c r="A30" s="31">
        <v>20</v>
      </c>
      <c r="B30" s="27">
        <v>3</v>
      </c>
      <c r="C30" s="28">
        <v>2</v>
      </c>
      <c r="D30" s="29">
        <v>5</v>
      </c>
    </row>
    <row r="31" spans="1:4" ht="18" customHeight="1" x14ac:dyDescent="0.2">
      <c r="A31" s="31">
        <v>21</v>
      </c>
      <c r="B31" s="27">
        <v>1</v>
      </c>
      <c r="C31" s="28">
        <v>2</v>
      </c>
      <c r="D31" s="29">
        <v>3</v>
      </c>
    </row>
    <row r="32" spans="1:4" ht="18" customHeight="1" x14ac:dyDescent="0.2">
      <c r="A32" s="31">
        <v>22</v>
      </c>
      <c r="B32" s="27">
        <v>2</v>
      </c>
      <c r="C32" s="28">
        <v>3</v>
      </c>
      <c r="D32" s="29">
        <v>5</v>
      </c>
    </row>
    <row r="33" spans="1:4" ht="18" customHeight="1" x14ac:dyDescent="0.2">
      <c r="A33" s="31">
        <v>23</v>
      </c>
      <c r="B33" s="27">
        <v>1</v>
      </c>
      <c r="C33" s="28">
        <v>2</v>
      </c>
      <c r="D33" s="29">
        <v>3</v>
      </c>
    </row>
    <row r="34" spans="1:4" ht="18" customHeight="1" x14ac:dyDescent="0.2">
      <c r="A34" s="31">
        <v>24</v>
      </c>
      <c r="B34" s="27">
        <v>2</v>
      </c>
      <c r="C34" s="28">
        <v>2</v>
      </c>
      <c r="D34" s="29">
        <v>4</v>
      </c>
    </row>
    <row r="35" spans="1:4" ht="18" customHeight="1" x14ac:dyDescent="0.2">
      <c r="A35" s="31" t="s">
        <v>53</v>
      </c>
      <c r="B35" s="27">
        <v>9</v>
      </c>
      <c r="C35" s="28">
        <v>11</v>
      </c>
      <c r="D35" s="29">
        <v>20</v>
      </c>
    </row>
    <row r="36" spans="1:4" ht="18" customHeight="1" x14ac:dyDescent="0.2">
      <c r="A36" s="31">
        <v>25</v>
      </c>
      <c r="B36" s="27">
        <v>2</v>
      </c>
      <c r="C36" s="28">
        <v>3</v>
      </c>
      <c r="D36" s="29">
        <v>5</v>
      </c>
    </row>
    <row r="37" spans="1:4" ht="18" customHeight="1" x14ac:dyDescent="0.2">
      <c r="A37" s="31">
        <v>26</v>
      </c>
      <c r="B37" s="27">
        <v>3</v>
      </c>
      <c r="C37" s="28">
        <v>3</v>
      </c>
      <c r="D37" s="29">
        <v>6</v>
      </c>
    </row>
    <row r="38" spans="1:4" ht="18" customHeight="1" x14ac:dyDescent="0.2">
      <c r="A38" s="31">
        <v>27</v>
      </c>
      <c r="B38" s="27">
        <v>5</v>
      </c>
      <c r="C38" s="28">
        <v>1</v>
      </c>
      <c r="D38" s="29">
        <v>6</v>
      </c>
    </row>
    <row r="39" spans="1:4" ht="18" customHeight="1" x14ac:dyDescent="0.2">
      <c r="A39" s="31">
        <v>28</v>
      </c>
      <c r="B39" s="27">
        <v>1</v>
      </c>
      <c r="C39" s="28">
        <v>2</v>
      </c>
      <c r="D39" s="29">
        <v>3</v>
      </c>
    </row>
    <row r="40" spans="1:4" ht="18" customHeight="1" x14ac:dyDescent="0.2">
      <c r="A40" s="31">
        <v>29</v>
      </c>
      <c r="B40" s="27">
        <v>5</v>
      </c>
      <c r="C40" s="28">
        <v>0</v>
      </c>
      <c r="D40" s="29">
        <v>5</v>
      </c>
    </row>
    <row r="41" spans="1:4" ht="18" customHeight="1" x14ac:dyDescent="0.2">
      <c r="A41" s="31" t="s">
        <v>54</v>
      </c>
      <c r="B41" s="27">
        <v>16</v>
      </c>
      <c r="C41" s="28">
        <v>9</v>
      </c>
      <c r="D41" s="29">
        <v>25</v>
      </c>
    </row>
    <row r="42" spans="1:4" ht="18" customHeight="1" x14ac:dyDescent="0.2">
      <c r="A42" s="31">
        <v>30</v>
      </c>
      <c r="B42" s="27">
        <v>3</v>
      </c>
      <c r="C42" s="28">
        <v>2</v>
      </c>
      <c r="D42" s="29">
        <v>5</v>
      </c>
    </row>
    <row r="43" spans="1:4" ht="18" customHeight="1" x14ac:dyDescent="0.2">
      <c r="A43" s="31">
        <v>31</v>
      </c>
      <c r="B43" s="27">
        <v>4</v>
      </c>
      <c r="C43" s="28">
        <v>4</v>
      </c>
      <c r="D43" s="29">
        <v>8</v>
      </c>
    </row>
    <row r="44" spans="1:4" ht="18" customHeight="1" x14ac:dyDescent="0.2">
      <c r="A44" s="31">
        <v>32</v>
      </c>
      <c r="B44" s="27">
        <v>1</v>
      </c>
      <c r="C44" s="28">
        <v>4</v>
      </c>
      <c r="D44" s="29">
        <v>5</v>
      </c>
    </row>
    <row r="45" spans="1:4" ht="18" customHeight="1" x14ac:dyDescent="0.2">
      <c r="A45" s="31">
        <v>33</v>
      </c>
      <c r="B45" s="27">
        <v>3</v>
      </c>
      <c r="C45" s="28">
        <v>4</v>
      </c>
      <c r="D45" s="29">
        <v>7</v>
      </c>
    </row>
    <row r="46" spans="1:4" ht="18" customHeight="1" x14ac:dyDescent="0.2">
      <c r="A46" s="31">
        <v>34</v>
      </c>
      <c r="B46" s="27">
        <v>4</v>
      </c>
      <c r="C46" s="28">
        <v>3</v>
      </c>
      <c r="D46" s="29">
        <v>7</v>
      </c>
    </row>
    <row r="47" spans="1:4" ht="18" customHeight="1" x14ac:dyDescent="0.2">
      <c r="A47" s="31" t="s">
        <v>55</v>
      </c>
      <c r="B47" s="27">
        <v>15</v>
      </c>
      <c r="C47" s="28">
        <v>17</v>
      </c>
      <c r="D47" s="29">
        <v>32</v>
      </c>
    </row>
    <row r="48" spans="1:4" ht="18" customHeight="1" x14ac:dyDescent="0.2">
      <c r="A48" s="31">
        <v>35</v>
      </c>
      <c r="B48" s="27">
        <v>3</v>
      </c>
      <c r="C48" s="28">
        <v>0</v>
      </c>
      <c r="D48" s="29">
        <v>3</v>
      </c>
    </row>
    <row r="49" spans="1:4" ht="18" customHeight="1" x14ac:dyDescent="0.2">
      <c r="A49" s="31">
        <v>36</v>
      </c>
      <c r="B49" s="27">
        <v>3</v>
      </c>
      <c r="C49" s="28">
        <v>3</v>
      </c>
      <c r="D49" s="29">
        <v>6</v>
      </c>
    </row>
    <row r="50" spans="1:4" ht="18" customHeight="1" x14ac:dyDescent="0.2">
      <c r="A50" s="31">
        <v>37</v>
      </c>
      <c r="B50" s="27">
        <v>2</v>
      </c>
      <c r="C50" s="28">
        <v>2</v>
      </c>
      <c r="D50" s="29">
        <v>4</v>
      </c>
    </row>
    <row r="51" spans="1:4" ht="18" customHeight="1" x14ac:dyDescent="0.2">
      <c r="A51" s="31">
        <v>38</v>
      </c>
      <c r="B51" s="27">
        <v>2</v>
      </c>
      <c r="C51" s="28">
        <v>1</v>
      </c>
      <c r="D51" s="29">
        <v>3</v>
      </c>
    </row>
    <row r="52" spans="1:4" ht="18" customHeight="1" x14ac:dyDescent="0.2">
      <c r="A52" s="31">
        <v>39</v>
      </c>
      <c r="B52" s="27">
        <v>3</v>
      </c>
      <c r="C52" s="28">
        <v>4</v>
      </c>
      <c r="D52" s="29">
        <v>7</v>
      </c>
    </row>
    <row r="53" spans="1:4" ht="18" customHeight="1" x14ac:dyDescent="0.2">
      <c r="A53" s="31" t="s">
        <v>56</v>
      </c>
      <c r="B53" s="27">
        <v>13</v>
      </c>
      <c r="C53" s="28">
        <v>10</v>
      </c>
      <c r="D53" s="29">
        <v>23</v>
      </c>
    </row>
    <row r="54" spans="1:4" ht="18" customHeight="1" x14ac:dyDescent="0.2">
      <c r="A54" s="31">
        <v>40</v>
      </c>
      <c r="B54" s="27">
        <v>1</v>
      </c>
      <c r="C54" s="28">
        <v>5</v>
      </c>
      <c r="D54" s="29">
        <v>6</v>
      </c>
    </row>
    <row r="55" spans="1:4" ht="18" customHeight="1" x14ac:dyDescent="0.2">
      <c r="A55" s="31">
        <v>41</v>
      </c>
      <c r="B55" s="27">
        <v>6</v>
      </c>
      <c r="C55" s="28">
        <v>4</v>
      </c>
      <c r="D55" s="29">
        <v>10</v>
      </c>
    </row>
    <row r="56" spans="1:4" ht="18" customHeight="1" x14ac:dyDescent="0.2">
      <c r="A56" s="31">
        <v>42</v>
      </c>
      <c r="B56" s="27">
        <v>6</v>
      </c>
      <c r="C56" s="28">
        <v>1</v>
      </c>
      <c r="D56" s="29">
        <v>7</v>
      </c>
    </row>
    <row r="57" spans="1:4" ht="18" customHeight="1" x14ac:dyDescent="0.2">
      <c r="A57" s="31">
        <v>43</v>
      </c>
      <c r="B57" s="27">
        <v>3</v>
      </c>
      <c r="C57" s="28">
        <v>2</v>
      </c>
      <c r="D57" s="29">
        <v>5</v>
      </c>
    </row>
    <row r="58" spans="1:4" ht="18" customHeight="1" x14ac:dyDescent="0.2">
      <c r="A58" s="31">
        <v>44</v>
      </c>
      <c r="B58" s="27">
        <v>3</v>
      </c>
      <c r="C58" s="28">
        <v>5</v>
      </c>
      <c r="D58" s="29">
        <v>8</v>
      </c>
    </row>
    <row r="59" spans="1:4" ht="18" customHeight="1" x14ac:dyDescent="0.2">
      <c r="A59" s="31" t="s">
        <v>57</v>
      </c>
      <c r="B59" s="27">
        <v>19</v>
      </c>
      <c r="C59" s="28">
        <v>17</v>
      </c>
      <c r="D59" s="29">
        <v>36</v>
      </c>
    </row>
    <row r="60" spans="1:4" ht="18" customHeight="1" x14ac:dyDescent="0.2">
      <c r="A60" s="31">
        <v>45</v>
      </c>
      <c r="B60" s="27">
        <v>5</v>
      </c>
      <c r="C60" s="28">
        <v>1</v>
      </c>
      <c r="D60" s="29">
        <v>6</v>
      </c>
    </row>
    <row r="61" spans="1:4" ht="18" customHeight="1" x14ac:dyDescent="0.2">
      <c r="A61" s="31">
        <v>46</v>
      </c>
      <c r="B61" s="27">
        <v>3</v>
      </c>
      <c r="C61" s="28">
        <v>5</v>
      </c>
      <c r="D61" s="29">
        <v>8</v>
      </c>
    </row>
    <row r="62" spans="1:4" ht="18" customHeight="1" x14ac:dyDescent="0.2">
      <c r="A62" s="31">
        <v>47</v>
      </c>
      <c r="B62" s="27">
        <v>9</v>
      </c>
      <c r="C62" s="28">
        <v>5</v>
      </c>
      <c r="D62" s="29">
        <v>14</v>
      </c>
    </row>
    <row r="63" spans="1:4" ht="18" customHeight="1" x14ac:dyDescent="0.2">
      <c r="A63" s="31">
        <v>48</v>
      </c>
      <c r="B63" s="27">
        <v>4</v>
      </c>
      <c r="C63" s="28">
        <v>7</v>
      </c>
      <c r="D63" s="29">
        <v>11</v>
      </c>
    </row>
    <row r="64" spans="1:4" ht="18" customHeight="1" x14ac:dyDescent="0.2">
      <c r="A64" s="31">
        <v>49</v>
      </c>
      <c r="B64" s="27">
        <v>5</v>
      </c>
      <c r="C64" s="28">
        <v>6</v>
      </c>
      <c r="D64" s="29">
        <v>11</v>
      </c>
    </row>
    <row r="65" spans="1:4" ht="18" customHeight="1" x14ac:dyDescent="0.2">
      <c r="A65" s="31" t="s">
        <v>58</v>
      </c>
      <c r="B65" s="27">
        <v>26</v>
      </c>
      <c r="C65" s="28">
        <v>24</v>
      </c>
      <c r="D65" s="29">
        <v>50</v>
      </c>
    </row>
    <row r="66" spans="1:4" ht="18" customHeight="1" x14ac:dyDescent="0.2">
      <c r="A66" s="31">
        <v>50</v>
      </c>
      <c r="B66" s="27">
        <v>6</v>
      </c>
      <c r="C66" s="28">
        <v>3</v>
      </c>
      <c r="D66" s="29">
        <v>9</v>
      </c>
    </row>
    <row r="67" spans="1:4" ht="18" customHeight="1" x14ac:dyDescent="0.2">
      <c r="A67" s="31">
        <v>51</v>
      </c>
      <c r="B67" s="27">
        <v>6</v>
      </c>
      <c r="C67" s="28">
        <v>8</v>
      </c>
      <c r="D67" s="29">
        <v>14</v>
      </c>
    </row>
    <row r="68" spans="1:4" ht="18" customHeight="1" x14ac:dyDescent="0.2">
      <c r="A68" s="31">
        <v>52</v>
      </c>
      <c r="B68" s="27">
        <v>0</v>
      </c>
      <c r="C68" s="28">
        <v>7</v>
      </c>
      <c r="D68" s="29">
        <v>7</v>
      </c>
    </row>
    <row r="69" spans="1:4" ht="18" customHeight="1" x14ac:dyDescent="0.2">
      <c r="A69" s="31">
        <v>53</v>
      </c>
      <c r="B69" s="27">
        <v>6</v>
      </c>
      <c r="C69" s="28">
        <v>4</v>
      </c>
      <c r="D69" s="29">
        <v>10</v>
      </c>
    </row>
    <row r="70" spans="1:4" ht="18" customHeight="1" x14ac:dyDescent="0.2">
      <c r="A70" s="31">
        <v>54</v>
      </c>
      <c r="B70" s="27">
        <v>2</v>
      </c>
      <c r="C70" s="28">
        <v>6</v>
      </c>
      <c r="D70" s="29">
        <v>8</v>
      </c>
    </row>
    <row r="71" spans="1:4" ht="18" customHeight="1" x14ac:dyDescent="0.2">
      <c r="A71" s="31" t="s">
        <v>59</v>
      </c>
      <c r="B71" s="27">
        <v>20</v>
      </c>
      <c r="C71" s="28">
        <v>28</v>
      </c>
      <c r="D71" s="29">
        <v>48</v>
      </c>
    </row>
    <row r="72" spans="1:4" ht="18" customHeight="1" x14ac:dyDescent="0.2">
      <c r="A72" s="31">
        <v>55</v>
      </c>
      <c r="B72" s="27">
        <v>3</v>
      </c>
      <c r="C72" s="28">
        <v>3</v>
      </c>
      <c r="D72" s="29">
        <v>6</v>
      </c>
    </row>
    <row r="73" spans="1:4" ht="18" customHeight="1" x14ac:dyDescent="0.2">
      <c r="A73" s="31">
        <v>56</v>
      </c>
      <c r="B73" s="27">
        <v>2</v>
      </c>
      <c r="C73" s="28">
        <v>10</v>
      </c>
      <c r="D73" s="29">
        <v>12</v>
      </c>
    </row>
    <row r="74" spans="1:4" ht="18" customHeight="1" x14ac:dyDescent="0.2">
      <c r="A74" s="31">
        <v>57</v>
      </c>
      <c r="B74" s="27">
        <v>4</v>
      </c>
      <c r="C74" s="28">
        <v>1</v>
      </c>
      <c r="D74" s="29">
        <v>5</v>
      </c>
    </row>
    <row r="75" spans="1:4" ht="18" customHeight="1" x14ac:dyDescent="0.2">
      <c r="A75" s="31">
        <v>58</v>
      </c>
      <c r="B75" s="27">
        <v>9</v>
      </c>
      <c r="C75" s="28">
        <v>8</v>
      </c>
      <c r="D75" s="29">
        <v>17</v>
      </c>
    </row>
    <row r="76" spans="1:4" ht="18" customHeight="1" x14ac:dyDescent="0.2">
      <c r="A76" s="31">
        <v>59</v>
      </c>
      <c r="B76" s="27">
        <v>3</v>
      </c>
      <c r="C76" s="28">
        <v>3</v>
      </c>
      <c r="D76" s="29">
        <v>6</v>
      </c>
    </row>
    <row r="77" spans="1:4" ht="18" customHeight="1" x14ac:dyDescent="0.2">
      <c r="A77" s="31" t="s">
        <v>60</v>
      </c>
      <c r="B77" s="27">
        <v>21</v>
      </c>
      <c r="C77" s="28">
        <v>25</v>
      </c>
      <c r="D77" s="29">
        <v>46</v>
      </c>
    </row>
    <row r="78" spans="1:4" ht="18" customHeight="1" x14ac:dyDescent="0.2">
      <c r="A78" s="31">
        <v>60</v>
      </c>
      <c r="B78" s="27">
        <v>4</v>
      </c>
      <c r="C78" s="28">
        <v>7</v>
      </c>
      <c r="D78" s="29">
        <v>11</v>
      </c>
    </row>
    <row r="79" spans="1:4" ht="18" customHeight="1" x14ac:dyDescent="0.2">
      <c r="A79" s="31">
        <v>61</v>
      </c>
      <c r="B79" s="27">
        <v>9</v>
      </c>
      <c r="C79" s="28">
        <v>7</v>
      </c>
      <c r="D79" s="29">
        <v>16</v>
      </c>
    </row>
    <row r="80" spans="1:4" ht="18" customHeight="1" x14ac:dyDescent="0.2">
      <c r="A80" s="31">
        <v>62</v>
      </c>
      <c r="B80" s="27">
        <v>5</v>
      </c>
      <c r="C80" s="28">
        <v>7</v>
      </c>
      <c r="D80" s="29">
        <v>12</v>
      </c>
    </row>
    <row r="81" spans="1:4" ht="18" customHeight="1" x14ac:dyDescent="0.2">
      <c r="A81" s="31">
        <v>63</v>
      </c>
      <c r="B81" s="27">
        <v>8</v>
      </c>
      <c r="C81" s="28">
        <v>6</v>
      </c>
      <c r="D81" s="29">
        <v>14</v>
      </c>
    </row>
    <row r="82" spans="1:4" ht="18" customHeight="1" x14ac:dyDescent="0.2">
      <c r="A82" s="31">
        <v>64</v>
      </c>
      <c r="B82" s="27">
        <v>8</v>
      </c>
      <c r="C82" s="28">
        <v>9</v>
      </c>
      <c r="D82" s="29">
        <v>17</v>
      </c>
    </row>
    <row r="83" spans="1:4" ht="18" customHeight="1" x14ac:dyDescent="0.2">
      <c r="A83" s="31" t="s">
        <v>61</v>
      </c>
      <c r="B83" s="27">
        <v>34</v>
      </c>
      <c r="C83" s="28">
        <v>36</v>
      </c>
      <c r="D83" s="29">
        <v>70</v>
      </c>
    </row>
    <row r="84" spans="1:4" ht="18" customHeight="1" x14ac:dyDescent="0.2">
      <c r="A84" s="31" t="s">
        <v>62</v>
      </c>
      <c r="B84" s="27">
        <v>195</v>
      </c>
      <c r="C84" s="28">
        <v>193</v>
      </c>
      <c r="D84" s="29">
        <v>388</v>
      </c>
    </row>
    <row r="85" spans="1:4" ht="18" customHeight="1" x14ac:dyDescent="0.2">
      <c r="A85" s="31">
        <v>65</v>
      </c>
      <c r="B85" s="27">
        <v>10</v>
      </c>
      <c r="C85" s="28">
        <v>6</v>
      </c>
      <c r="D85" s="29">
        <v>16</v>
      </c>
    </row>
    <row r="86" spans="1:4" ht="18" customHeight="1" x14ac:dyDescent="0.2">
      <c r="A86" s="31">
        <v>66</v>
      </c>
      <c r="B86" s="27">
        <v>11</v>
      </c>
      <c r="C86" s="28">
        <v>12</v>
      </c>
      <c r="D86" s="29">
        <v>23</v>
      </c>
    </row>
    <row r="87" spans="1:4" ht="18" customHeight="1" x14ac:dyDescent="0.2">
      <c r="A87" s="31">
        <v>67</v>
      </c>
      <c r="B87" s="27">
        <v>11</v>
      </c>
      <c r="C87" s="28">
        <v>9</v>
      </c>
      <c r="D87" s="29">
        <v>20</v>
      </c>
    </row>
    <row r="88" spans="1:4" ht="18" customHeight="1" x14ac:dyDescent="0.2">
      <c r="A88" s="31">
        <v>68</v>
      </c>
      <c r="B88" s="27">
        <v>6</v>
      </c>
      <c r="C88" s="28">
        <v>1</v>
      </c>
      <c r="D88" s="29">
        <v>7</v>
      </c>
    </row>
    <row r="89" spans="1:4" ht="18" customHeight="1" x14ac:dyDescent="0.2">
      <c r="A89" s="31">
        <v>69</v>
      </c>
      <c r="B89" s="27">
        <v>4</v>
      </c>
      <c r="C89" s="28">
        <v>10</v>
      </c>
      <c r="D89" s="29">
        <v>14</v>
      </c>
    </row>
    <row r="90" spans="1:4" ht="18" customHeight="1" x14ac:dyDescent="0.2">
      <c r="A90" s="31" t="s">
        <v>63</v>
      </c>
      <c r="B90" s="27">
        <v>42</v>
      </c>
      <c r="C90" s="28">
        <v>38</v>
      </c>
      <c r="D90" s="29">
        <v>80</v>
      </c>
    </row>
    <row r="91" spans="1:4" ht="18" customHeight="1" x14ac:dyDescent="0.2">
      <c r="A91" s="31">
        <v>70</v>
      </c>
      <c r="B91" s="27">
        <v>12</v>
      </c>
      <c r="C91" s="28">
        <v>8</v>
      </c>
      <c r="D91" s="29">
        <v>20</v>
      </c>
    </row>
    <row r="92" spans="1:4" ht="18" customHeight="1" x14ac:dyDescent="0.2">
      <c r="A92" s="31">
        <v>71</v>
      </c>
      <c r="B92" s="27">
        <v>6</v>
      </c>
      <c r="C92" s="28">
        <v>10</v>
      </c>
      <c r="D92" s="29">
        <v>16</v>
      </c>
    </row>
    <row r="93" spans="1:4" ht="18" customHeight="1" x14ac:dyDescent="0.2">
      <c r="A93" s="31">
        <v>72</v>
      </c>
      <c r="B93" s="27">
        <v>9</v>
      </c>
      <c r="C93" s="28">
        <v>12</v>
      </c>
      <c r="D93" s="29">
        <v>21</v>
      </c>
    </row>
    <row r="94" spans="1:4" ht="18" customHeight="1" x14ac:dyDescent="0.2">
      <c r="A94" s="31">
        <v>73</v>
      </c>
      <c r="B94" s="27">
        <v>12</v>
      </c>
      <c r="C94" s="28">
        <v>6</v>
      </c>
      <c r="D94" s="29">
        <v>18</v>
      </c>
    </row>
    <row r="95" spans="1:4" ht="18" customHeight="1" x14ac:dyDescent="0.2">
      <c r="A95" s="31">
        <v>74</v>
      </c>
      <c r="B95" s="27">
        <v>4</v>
      </c>
      <c r="C95" s="28">
        <v>5</v>
      </c>
      <c r="D95" s="29">
        <v>9</v>
      </c>
    </row>
    <row r="96" spans="1:4" ht="18" customHeight="1" x14ac:dyDescent="0.2">
      <c r="A96" s="31" t="s">
        <v>64</v>
      </c>
      <c r="B96" s="27">
        <v>43</v>
      </c>
      <c r="C96" s="28">
        <v>41</v>
      </c>
      <c r="D96" s="29">
        <v>84</v>
      </c>
    </row>
    <row r="97" spans="1:4" ht="18" customHeight="1" x14ac:dyDescent="0.2">
      <c r="A97" s="31">
        <v>75</v>
      </c>
      <c r="B97" s="27">
        <v>6</v>
      </c>
      <c r="C97" s="28">
        <v>7</v>
      </c>
      <c r="D97" s="29">
        <v>13</v>
      </c>
    </row>
    <row r="98" spans="1:4" ht="18" customHeight="1" x14ac:dyDescent="0.2">
      <c r="A98" s="31">
        <v>76</v>
      </c>
      <c r="B98" s="27">
        <v>9</v>
      </c>
      <c r="C98" s="28">
        <v>6</v>
      </c>
      <c r="D98" s="29">
        <v>15</v>
      </c>
    </row>
    <row r="99" spans="1:4" ht="18" customHeight="1" x14ac:dyDescent="0.2">
      <c r="A99" s="31">
        <v>77</v>
      </c>
      <c r="B99" s="27">
        <v>7</v>
      </c>
      <c r="C99" s="28">
        <v>3</v>
      </c>
      <c r="D99" s="29">
        <v>10</v>
      </c>
    </row>
    <row r="100" spans="1:4" ht="18" customHeight="1" x14ac:dyDescent="0.2">
      <c r="A100" s="31">
        <v>78</v>
      </c>
      <c r="B100" s="27">
        <v>3</v>
      </c>
      <c r="C100" s="28">
        <v>7</v>
      </c>
      <c r="D100" s="29">
        <v>10</v>
      </c>
    </row>
    <row r="101" spans="1:4" ht="18" customHeight="1" x14ac:dyDescent="0.2">
      <c r="A101" s="31">
        <v>79</v>
      </c>
      <c r="B101" s="27">
        <v>5</v>
      </c>
      <c r="C101" s="28">
        <v>2</v>
      </c>
      <c r="D101" s="29">
        <v>7</v>
      </c>
    </row>
    <row r="102" spans="1:4" ht="18" customHeight="1" x14ac:dyDescent="0.2">
      <c r="A102" s="31" t="s">
        <v>65</v>
      </c>
      <c r="B102" s="27">
        <v>30</v>
      </c>
      <c r="C102" s="28">
        <v>25</v>
      </c>
      <c r="D102" s="29">
        <v>55</v>
      </c>
    </row>
    <row r="103" spans="1:4" ht="18" customHeight="1" x14ac:dyDescent="0.2">
      <c r="A103" s="31">
        <v>80</v>
      </c>
      <c r="B103" s="27">
        <v>0</v>
      </c>
      <c r="C103" s="28">
        <v>8</v>
      </c>
      <c r="D103" s="29">
        <v>8</v>
      </c>
    </row>
    <row r="104" spans="1:4" ht="18" customHeight="1" x14ac:dyDescent="0.2">
      <c r="A104" s="31">
        <v>81</v>
      </c>
      <c r="B104" s="27">
        <v>3</v>
      </c>
      <c r="C104" s="28">
        <v>5</v>
      </c>
      <c r="D104" s="29">
        <v>8</v>
      </c>
    </row>
    <row r="105" spans="1:4" ht="18" customHeight="1" x14ac:dyDescent="0.2">
      <c r="A105" s="31">
        <v>82</v>
      </c>
      <c r="B105" s="27">
        <v>2</v>
      </c>
      <c r="C105" s="28">
        <v>8</v>
      </c>
      <c r="D105" s="29">
        <v>10</v>
      </c>
    </row>
    <row r="106" spans="1:4" ht="18" customHeight="1" x14ac:dyDescent="0.2">
      <c r="A106" s="31">
        <v>83</v>
      </c>
      <c r="B106" s="27">
        <v>1</v>
      </c>
      <c r="C106" s="28">
        <v>10</v>
      </c>
      <c r="D106" s="29">
        <v>11</v>
      </c>
    </row>
    <row r="107" spans="1:4" ht="18" customHeight="1" x14ac:dyDescent="0.2">
      <c r="A107" s="31">
        <v>84</v>
      </c>
      <c r="B107" s="27">
        <v>4</v>
      </c>
      <c r="C107" s="28">
        <v>3</v>
      </c>
      <c r="D107" s="29">
        <v>7</v>
      </c>
    </row>
    <row r="108" spans="1:4" ht="18" customHeight="1" x14ac:dyDescent="0.2">
      <c r="A108" s="31" t="s">
        <v>66</v>
      </c>
      <c r="B108" s="27">
        <v>10</v>
      </c>
      <c r="C108" s="28">
        <v>34</v>
      </c>
      <c r="D108" s="29">
        <v>44</v>
      </c>
    </row>
    <row r="109" spans="1:4" ht="18" customHeight="1" x14ac:dyDescent="0.2">
      <c r="A109" s="31">
        <v>85</v>
      </c>
      <c r="B109" s="27">
        <v>7</v>
      </c>
      <c r="C109" s="28">
        <v>3</v>
      </c>
      <c r="D109" s="29">
        <v>10</v>
      </c>
    </row>
    <row r="110" spans="1:4" ht="18" customHeight="1" x14ac:dyDescent="0.2">
      <c r="A110" s="31">
        <v>86</v>
      </c>
      <c r="B110" s="27">
        <v>4</v>
      </c>
      <c r="C110" s="28">
        <v>8</v>
      </c>
      <c r="D110" s="29">
        <v>12</v>
      </c>
    </row>
    <row r="111" spans="1:4" ht="18" customHeight="1" x14ac:dyDescent="0.2">
      <c r="A111" s="31">
        <v>87</v>
      </c>
      <c r="B111" s="27">
        <v>1</v>
      </c>
      <c r="C111" s="28">
        <v>6</v>
      </c>
      <c r="D111" s="29">
        <v>7</v>
      </c>
    </row>
    <row r="112" spans="1:4" ht="18" customHeight="1" x14ac:dyDescent="0.2">
      <c r="A112" s="31">
        <v>88</v>
      </c>
      <c r="B112" s="27">
        <v>6</v>
      </c>
      <c r="C112" s="28">
        <v>8</v>
      </c>
      <c r="D112" s="29">
        <v>14</v>
      </c>
    </row>
    <row r="113" spans="1:4" ht="18" customHeight="1" x14ac:dyDescent="0.2">
      <c r="A113" s="31">
        <v>89</v>
      </c>
      <c r="B113" s="27">
        <v>0</v>
      </c>
      <c r="C113" s="28">
        <v>7</v>
      </c>
      <c r="D113" s="29">
        <v>7</v>
      </c>
    </row>
    <row r="114" spans="1:4" ht="18" customHeight="1" x14ac:dyDescent="0.2">
      <c r="A114" s="31" t="s">
        <v>67</v>
      </c>
      <c r="B114" s="27">
        <v>18</v>
      </c>
      <c r="C114" s="28">
        <v>32</v>
      </c>
      <c r="D114" s="29">
        <v>50</v>
      </c>
    </row>
    <row r="115" spans="1:4" ht="18" customHeight="1" x14ac:dyDescent="0.2">
      <c r="A115" s="31">
        <v>90</v>
      </c>
      <c r="B115" s="27">
        <v>3</v>
      </c>
      <c r="C115" s="28">
        <v>5</v>
      </c>
      <c r="D115" s="29">
        <v>8</v>
      </c>
    </row>
    <row r="116" spans="1:4" ht="18" customHeight="1" x14ac:dyDescent="0.2">
      <c r="A116" s="31">
        <v>91</v>
      </c>
      <c r="B116" s="27">
        <v>1</v>
      </c>
      <c r="C116" s="28">
        <v>5</v>
      </c>
      <c r="D116" s="29">
        <v>6</v>
      </c>
    </row>
    <row r="117" spans="1:4" ht="18" customHeight="1" x14ac:dyDescent="0.2">
      <c r="A117" s="31">
        <v>92</v>
      </c>
      <c r="B117" s="27">
        <v>0</v>
      </c>
      <c r="C117" s="28">
        <v>5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4</v>
      </c>
      <c r="D118" s="29">
        <v>4</v>
      </c>
    </row>
    <row r="119" spans="1:4" ht="18" customHeight="1" x14ac:dyDescent="0.2">
      <c r="A119" s="31">
        <v>94</v>
      </c>
      <c r="B119" s="27">
        <v>1</v>
      </c>
      <c r="C119" s="28">
        <v>3</v>
      </c>
      <c r="D119" s="29">
        <v>4</v>
      </c>
    </row>
    <row r="120" spans="1:4" ht="18" customHeight="1" x14ac:dyDescent="0.2">
      <c r="A120" s="31" t="s">
        <v>68</v>
      </c>
      <c r="B120" s="27">
        <v>5</v>
      </c>
      <c r="C120" s="28">
        <v>22</v>
      </c>
      <c r="D120" s="29">
        <v>27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1</v>
      </c>
      <c r="C124" s="28">
        <v>3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6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49</v>
      </c>
      <c r="C130" s="5">
        <v>198</v>
      </c>
      <c r="D130" s="6">
        <v>347</v>
      </c>
    </row>
    <row r="131" spans="1:4" ht="18" customHeight="1" x14ac:dyDescent="0.2">
      <c r="A131" s="33" t="s">
        <v>47</v>
      </c>
      <c r="B131" s="7">
        <v>374</v>
      </c>
      <c r="C131" s="8">
        <v>428</v>
      </c>
      <c r="D131" s="9">
        <v>80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7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2</v>
      </c>
      <c r="D7" s="29">
        <v>2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1</v>
      </c>
      <c r="C10" s="28">
        <v>4</v>
      </c>
      <c r="D10" s="29">
        <v>5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49</v>
      </c>
      <c r="B16" s="27">
        <v>1</v>
      </c>
      <c r="C16" s="28">
        <v>1</v>
      </c>
      <c r="D16" s="29">
        <v>2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2</v>
      </c>
      <c r="C18" s="28">
        <v>1</v>
      </c>
      <c r="D18" s="29">
        <v>3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5</v>
      </c>
      <c r="C22" s="28">
        <v>4</v>
      </c>
      <c r="D22" s="29">
        <v>9</v>
      </c>
    </row>
    <row r="23" spans="1:4" ht="18" customHeight="1" x14ac:dyDescent="0.2">
      <c r="A23" s="31" t="s">
        <v>51</v>
      </c>
      <c r="B23" s="27">
        <v>7</v>
      </c>
      <c r="C23" s="28">
        <v>9</v>
      </c>
      <c r="D23" s="29">
        <v>16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2</v>
      </c>
      <c r="C25" s="28">
        <v>2</v>
      </c>
      <c r="D25" s="29">
        <v>4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3</v>
      </c>
      <c r="C27" s="28">
        <v>3</v>
      </c>
      <c r="D27" s="29">
        <v>6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52</v>
      </c>
      <c r="B29" s="27">
        <v>8</v>
      </c>
      <c r="C29" s="28">
        <v>7</v>
      </c>
      <c r="D29" s="29">
        <v>15</v>
      </c>
    </row>
    <row r="30" spans="1:4" ht="18" customHeight="1" x14ac:dyDescent="0.2">
      <c r="A30" s="31">
        <v>20</v>
      </c>
      <c r="B30" s="27">
        <v>1</v>
      </c>
      <c r="C30" s="28">
        <v>2</v>
      </c>
      <c r="D30" s="29">
        <v>3</v>
      </c>
    </row>
    <row r="31" spans="1:4" ht="18" customHeight="1" x14ac:dyDescent="0.2">
      <c r="A31" s="31">
        <v>21</v>
      </c>
      <c r="B31" s="27">
        <v>3</v>
      </c>
      <c r="C31" s="28">
        <v>2</v>
      </c>
      <c r="D31" s="29">
        <v>5</v>
      </c>
    </row>
    <row r="32" spans="1:4" ht="18" customHeight="1" x14ac:dyDescent="0.2">
      <c r="A32" s="31">
        <v>22</v>
      </c>
      <c r="B32" s="27">
        <v>2</v>
      </c>
      <c r="C32" s="28">
        <v>0</v>
      </c>
      <c r="D32" s="29">
        <v>2</v>
      </c>
    </row>
    <row r="33" spans="1:4" ht="18" customHeight="1" x14ac:dyDescent="0.2">
      <c r="A33" s="31">
        <v>23</v>
      </c>
      <c r="B33" s="27">
        <v>0</v>
      </c>
      <c r="C33" s="28">
        <v>1</v>
      </c>
      <c r="D33" s="29">
        <v>1</v>
      </c>
    </row>
    <row r="34" spans="1:4" ht="18" customHeight="1" x14ac:dyDescent="0.2">
      <c r="A34" s="31">
        <v>24</v>
      </c>
      <c r="B34" s="27">
        <v>2</v>
      </c>
      <c r="C34" s="28">
        <v>1</v>
      </c>
      <c r="D34" s="29">
        <v>3</v>
      </c>
    </row>
    <row r="35" spans="1:4" ht="18" customHeight="1" x14ac:dyDescent="0.2">
      <c r="A35" s="31" t="s">
        <v>53</v>
      </c>
      <c r="B35" s="27">
        <v>8</v>
      </c>
      <c r="C35" s="28">
        <v>6</v>
      </c>
      <c r="D35" s="29">
        <v>14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0</v>
      </c>
      <c r="C38" s="28">
        <v>1</v>
      </c>
      <c r="D38" s="29">
        <v>1</v>
      </c>
    </row>
    <row r="39" spans="1:4" ht="18" customHeight="1" x14ac:dyDescent="0.2">
      <c r="A39" s="31">
        <v>28</v>
      </c>
      <c r="B39" s="27">
        <v>0</v>
      </c>
      <c r="C39" s="28">
        <v>1</v>
      </c>
      <c r="D39" s="29">
        <v>1</v>
      </c>
    </row>
    <row r="40" spans="1:4" ht="18" customHeight="1" x14ac:dyDescent="0.2">
      <c r="A40" s="31">
        <v>29</v>
      </c>
      <c r="B40" s="27">
        <v>6</v>
      </c>
      <c r="C40" s="28">
        <v>0</v>
      </c>
      <c r="D40" s="29">
        <v>6</v>
      </c>
    </row>
    <row r="41" spans="1:4" ht="18" customHeight="1" x14ac:dyDescent="0.2">
      <c r="A41" s="31" t="s">
        <v>54</v>
      </c>
      <c r="B41" s="27">
        <v>6</v>
      </c>
      <c r="C41" s="28">
        <v>4</v>
      </c>
      <c r="D41" s="29">
        <v>10</v>
      </c>
    </row>
    <row r="42" spans="1:4" ht="18" customHeight="1" x14ac:dyDescent="0.2">
      <c r="A42" s="31">
        <v>30</v>
      </c>
      <c r="B42" s="27">
        <v>3</v>
      </c>
      <c r="C42" s="28">
        <v>3</v>
      </c>
      <c r="D42" s="29">
        <v>6</v>
      </c>
    </row>
    <row r="43" spans="1:4" ht="18" customHeight="1" x14ac:dyDescent="0.2">
      <c r="A43" s="31">
        <v>31</v>
      </c>
      <c r="B43" s="27">
        <v>1</v>
      </c>
      <c r="C43" s="28">
        <v>3</v>
      </c>
      <c r="D43" s="29">
        <v>4</v>
      </c>
    </row>
    <row r="44" spans="1:4" ht="18" customHeight="1" x14ac:dyDescent="0.2">
      <c r="A44" s="31">
        <v>32</v>
      </c>
      <c r="B44" s="27">
        <v>3</v>
      </c>
      <c r="C44" s="28">
        <v>1</v>
      </c>
      <c r="D44" s="29">
        <v>4</v>
      </c>
    </row>
    <row r="45" spans="1:4" ht="18" customHeight="1" x14ac:dyDescent="0.2">
      <c r="A45" s="31">
        <v>33</v>
      </c>
      <c r="B45" s="27">
        <v>4</v>
      </c>
      <c r="C45" s="28">
        <v>1</v>
      </c>
      <c r="D45" s="29">
        <v>5</v>
      </c>
    </row>
    <row r="46" spans="1:4" ht="18" customHeight="1" x14ac:dyDescent="0.2">
      <c r="A46" s="31">
        <v>34</v>
      </c>
      <c r="B46" s="27">
        <v>2</v>
      </c>
      <c r="C46" s="28">
        <v>1</v>
      </c>
      <c r="D46" s="29">
        <v>3</v>
      </c>
    </row>
    <row r="47" spans="1:4" ht="18" customHeight="1" x14ac:dyDescent="0.2">
      <c r="A47" s="31" t="s">
        <v>55</v>
      </c>
      <c r="B47" s="27">
        <v>13</v>
      </c>
      <c r="C47" s="28">
        <v>9</v>
      </c>
      <c r="D47" s="29">
        <v>22</v>
      </c>
    </row>
    <row r="48" spans="1:4" ht="18" customHeight="1" x14ac:dyDescent="0.2">
      <c r="A48" s="31">
        <v>35</v>
      </c>
      <c r="B48" s="27">
        <v>1</v>
      </c>
      <c r="C48" s="28">
        <v>1</v>
      </c>
      <c r="D48" s="29">
        <v>2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1</v>
      </c>
      <c r="C50" s="28">
        <v>2</v>
      </c>
      <c r="D50" s="29">
        <v>3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1</v>
      </c>
      <c r="C52" s="28">
        <v>1</v>
      </c>
      <c r="D52" s="29">
        <v>2</v>
      </c>
    </row>
    <row r="53" spans="1:4" ht="18" customHeight="1" x14ac:dyDescent="0.2">
      <c r="A53" s="31" t="s">
        <v>56</v>
      </c>
      <c r="B53" s="27">
        <v>4</v>
      </c>
      <c r="C53" s="28">
        <v>5</v>
      </c>
      <c r="D53" s="29">
        <v>9</v>
      </c>
    </row>
    <row r="54" spans="1:4" ht="18" customHeight="1" x14ac:dyDescent="0.2">
      <c r="A54" s="31">
        <v>40</v>
      </c>
      <c r="B54" s="27">
        <v>1</v>
      </c>
      <c r="C54" s="28">
        <v>2</v>
      </c>
      <c r="D54" s="29">
        <v>3</v>
      </c>
    </row>
    <row r="55" spans="1:4" ht="18" customHeight="1" x14ac:dyDescent="0.2">
      <c r="A55" s="31">
        <v>41</v>
      </c>
      <c r="B55" s="27">
        <v>1</v>
      </c>
      <c r="C55" s="28">
        <v>4</v>
      </c>
      <c r="D55" s="29">
        <v>5</v>
      </c>
    </row>
    <row r="56" spans="1:4" ht="18" customHeight="1" x14ac:dyDescent="0.2">
      <c r="A56" s="31">
        <v>42</v>
      </c>
      <c r="B56" s="27">
        <v>1</v>
      </c>
      <c r="C56" s="28">
        <v>0</v>
      </c>
      <c r="D56" s="29">
        <v>1</v>
      </c>
    </row>
    <row r="57" spans="1:4" ht="18" customHeight="1" x14ac:dyDescent="0.2">
      <c r="A57" s="31">
        <v>43</v>
      </c>
      <c r="B57" s="27">
        <v>1</v>
      </c>
      <c r="C57" s="28">
        <v>2</v>
      </c>
      <c r="D57" s="29">
        <v>3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57</v>
      </c>
      <c r="B59" s="27">
        <v>5</v>
      </c>
      <c r="C59" s="28">
        <v>9</v>
      </c>
      <c r="D59" s="29">
        <v>14</v>
      </c>
    </row>
    <row r="60" spans="1:4" ht="18" customHeight="1" x14ac:dyDescent="0.2">
      <c r="A60" s="31">
        <v>45</v>
      </c>
      <c r="B60" s="27">
        <v>4</v>
      </c>
      <c r="C60" s="28">
        <v>3</v>
      </c>
      <c r="D60" s="29">
        <v>7</v>
      </c>
    </row>
    <row r="61" spans="1:4" ht="18" customHeight="1" x14ac:dyDescent="0.2">
      <c r="A61" s="31">
        <v>46</v>
      </c>
      <c r="B61" s="27">
        <v>2</v>
      </c>
      <c r="C61" s="28">
        <v>1</v>
      </c>
      <c r="D61" s="29">
        <v>3</v>
      </c>
    </row>
    <row r="62" spans="1:4" ht="18" customHeight="1" x14ac:dyDescent="0.2">
      <c r="A62" s="31">
        <v>47</v>
      </c>
      <c r="B62" s="27">
        <v>3</v>
      </c>
      <c r="C62" s="28">
        <v>2</v>
      </c>
      <c r="D62" s="29">
        <v>5</v>
      </c>
    </row>
    <row r="63" spans="1:4" ht="18" customHeight="1" x14ac:dyDescent="0.2">
      <c r="A63" s="31">
        <v>48</v>
      </c>
      <c r="B63" s="27">
        <v>0</v>
      </c>
      <c r="C63" s="28">
        <v>4</v>
      </c>
      <c r="D63" s="29">
        <v>4</v>
      </c>
    </row>
    <row r="64" spans="1:4" ht="18" customHeight="1" x14ac:dyDescent="0.2">
      <c r="A64" s="31">
        <v>49</v>
      </c>
      <c r="B64" s="27">
        <v>1</v>
      </c>
      <c r="C64" s="28">
        <v>0</v>
      </c>
      <c r="D64" s="29">
        <v>1</v>
      </c>
    </row>
    <row r="65" spans="1:4" ht="18" customHeight="1" x14ac:dyDescent="0.2">
      <c r="A65" s="31" t="s">
        <v>58</v>
      </c>
      <c r="B65" s="27">
        <v>10</v>
      </c>
      <c r="C65" s="28">
        <v>10</v>
      </c>
      <c r="D65" s="29">
        <v>20</v>
      </c>
    </row>
    <row r="66" spans="1:4" ht="18" customHeight="1" x14ac:dyDescent="0.2">
      <c r="A66" s="31">
        <v>50</v>
      </c>
      <c r="B66" s="27">
        <v>5</v>
      </c>
      <c r="C66" s="28">
        <v>0</v>
      </c>
      <c r="D66" s="29">
        <v>5</v>
      </c>
    </row>
    <row r="67" spans="1:4" ht="18" customHeight="1" x14ac:dyDescent="0.2">
      <c r="A67" s="31">
        <v>51</v>
      </c>
      <c r="B67" s="27">
        <v>2</v>
      </c>
      <c r="C67" s="28">
        <v>1</v>
      </c>
      <c r="D67" s="29">
        <v>3</v>
      </c>
    </row>
    <row r="68" spans="1:4" ht="18" customHeight="1" x14ac:dyDescent="0.2">
      <c r="A68" s="31">
        <v>52</v>
      </c>
      <c r="B68" s="27">
        <v>4</v>
      </c>
      <c r="C68" s="28">
        <v>5</v>
      </c>
      <c r="D68" s="29">
        <v>9</v>
      </c>
    </row>
    <row r="69" spans="1:4" ht="18" customHeight="1" x14ac:dyDescent="0.2">
      <c r="A69" s="31">
        <v>53</v>
      </c>
      <c r="B69" s="27">
        <v>4</v>
      </c>
      <c r="C69" s="28">
        <v>6</v>
      </c>
      <c r="D69" s="29">
        <v>10</v>
      </c>
    </row>
    <row r="70" spans="1:4" ht="18" customHeight="1" x14ac:dyDescent="0.2">
      <c r="A70" s="31">
        <v>54</v>
      </c>
      <c r="B70" s="27">
        <v>0</v>
      </c>
      <c r="C70" s="28">
        <v>4</v>
      </c>
      <c r="D70" s="29">
        <v>4</v>
      </c>
    </row>
    <row r="71" spans="1:4" ht="18" customHeight="1" x14ac:dyDescent="0.2">
      <c r="A71" s="31" t="s">
        <v>59</v>
      </c>
      <c r="B71" s="27">
        <v>15</v>
      </c>
      <c r="C71" s="28">
        <v>16</v>
      </c>
      <c r="D71" s="29">
        <v>31</v>
      </c>
    </row>
    <row r="72" spans="1:4" ht="18" customHeight="1" x14ac:dyDescent="0.2">
      <c r="A72" s="31">
        <v>55</v>
      </c>
      <c r="B72" s="27">
        <v>6</v>
      </c>
      <c r="C72" s="28">
        <v>5</v>
      </c>
      <c r="D72" s="29">
        <v>11</v>
      </c>
    </row>
    <row r="73" spans="1:4" ht="18" customHeight="1" x14ac:dyDescent="0.2">
      <c r="A73" s="31">
        <v>56</v>
      </c>
      <c r="B73" s="27">
        <v>3</v>
      </c>
      <c r="C73" s="28">
        <v>1</v>
      </c>
      <c r="D73" s="29">
        <v>4</v>
      </c>
    </row>
    <row r="74" spans="1:4" ht="18" customHeight="1" x14ac:dyDescent="0.2">
      <c r="A74" s="31">
        <v>57</v>
      </c>
      <c r="B74" s="27">
        <v>1</v>
      </c>
      <c r="C74" s="28">
        <v>4</v>
      </c>
      <c r="D74" s="29">
        <v>5</v>
      </c>
    </row>
    <row r="75" spans="1:4" ht="18" customHeight="1" x14ac:dyDescent="0.2">
      <c r="A75" s="31">
        <v>58</v>
      </c>
      <c r="B75" s="27">
        <v>0</v>
      </c>
      <c r="C75" s="28">
        <v>4</v>
      </c>
      <c r="D75" s="29">
        <v>4</v>
      </c>
    </row>
    <row r="76" spans="1:4" ht="18" customHeight="1" x14ac:dyDescent="0.2">
      <c r="A76" s="31">
        <v>59</v>
      </c>
      <c r="B76" s="27">
        <v>4</v>
      </c>
      <c r="C76" s="28">
        <v>4</v>
      </c>
      <c r="D76" s="29">
        <v>8</v>
      </c>
    </row>
    <row r="77" spans="1:4" ht="18" customHeight="1" x14ac:dyDescent="0.2">
      <c r="A77" s="31" t="s">
        <v>60</v>
      </c>
      <c r="B77" s="27">
        <v>14</v>
      </c>
      <c r="C77" s="28">
        <v>18</v>
      </c>
      <c r="D77" s="29">
        <v>32</v>
      </c>
    </row>
    <row r="78" spans="1:4" ht="18" customHeight="1" x14ac:dyDescent="0.2">
      <c r="A78" s="31">
        <v>60</v>
      </c>
      <c r="B78" s="27">
        <v>4</v>
      </c>
      <c r="C78" s="28">
        <v>3</v>
      </c>
      <c r="D78" s="29">
        <v>7</v>
      </c>
    </row>
    <row r="79" spans="1:4" ht="18" customHeight="1" x14ac:dyDescent="0.2">
      <c r="A79" s="31">
        <v>61</v>
      </c>
      <c r="B79" s="27">
        <v>4</v>
      </c>
      <c r="C79" s="28">
        <v>1</v>
      </c>
      <c r="D79" s="29">
        <v>5</v>
      </c>
    </row>
    <row r="80" spans="1:4" ht="18" customHeight="1" x14ac:dyDescent="0.2">
      <c r="A80" s="31">
        <v>62</v>
      </c>
      <c r="B80" s="27">
        <v>5</v>
      </c>
      <c r="C80" s="28">
        <v>1</v>
      </c>
      <c r="D80" s="29">
        <v>6</v>
      </c>
    </row>
    <row r="81" spans="1:4" ht="18" customHeight="1" x14ac:dyDescent="0.2">
      <c r="A81" s="31">
        <v>63</v>
      </c>
      <c r="B81" s="27">
        <v>2</v>
      </c>
      <c r="C81" s="28">
        <v>1</v>
      </c>
      <c r="D81" s="29">
        <v>3</v>
      </c>
    </row>
    <row r="82" spans="1:4" ht="18" customHeight="1" x14ac:dyDescent="0.2">
      <c r="A82" s="31">
        <v>64</v>
      </c>
      <c r="B82" s="27">
        <v>4</v>
      </c>
      <c r="C82" s="28">
        <v>6</v>
      </c>
      <c r="D82" s="29">
        <v>10</v>
      </c>
    </row>
    <row r="83" spans="1:4" ht="18" customHeight="1" x14ac:dyDescent="0.2">
      <c r="A83" s="31" t="s">
        <v>61</v>
      </c>
      <c r="B83" s="27">
        <v>19</v>
      </c>
      <c r="C83" s="28">
        <v>12</v>
      </c>
      <c r="D83" s="29">
        <v>31</v>
      </c>
    </row>
    <row r="84" spans="1:4" ht="18" customHeight="1" x14ac:dyDescent="0.2">
      <c r="A84" s="31" t="s">
        <v>62</v>
      </c>
      <c r="B84" s="27">
        <v>102</v>
      </c>
      <c r="C84" s="28">
        <v>96</v>
      </c>
      <c r="D84" s="29">
        <v>198</v>
      </c>
    </row>
    <row r="85" spans="1:4" ht="18" customHeight="1" x14ac:dyDescent="0.2">
      <c r="A85" s="31">
        <v>65</v>
      </c>
      <c r="B85" s="27">
        <v>3</v>
      </c>
      <c r="C85" s="28">
        <v>2</v>
      </c>
      <c r="D85" s="29">
        <v>5</v>
      </c>
    </row>
    <row r="86" spans="1:4" ht="18" customHeight="1" x14ac:dyDescent="0.2">
      <c r="A86" s="31">
        <v>66</v>
      </c>
      <c r="B86" s="27">
        <v>4</v>
      </c>
      <c r="C86" s="28">
        <v>8</v>
      </c>
      <c r="D86" s="29">
        <v>12</v>
      </c>
    </row>
    <row r="87" spans="1:4" ht="18" customHeight="1" x14ac:dyDescent="0.2">
      <c r="A87" s="31">
        <v>67</v>
      </c>
      <c r="B87" s="27">
        <v>3</v>
      </c>
      <c r="C87" s="28">
        <v>3</v>
      </c>
      <c r="D87" s="29">
        <v>6</v>
      </c>
    </row>
    <row r="88" spans="1:4" ht="18" customHeight="1" x14ac:dyDescent="0.2">
      <c r="A88" s="31">
        <v>68</v>
      </c>
      <c r="B88" s="27">
        <v>7</v>
      </c>
      <c r="C88" s="28">
        <v>1</v>
      </c>
      <c r="D88" s="29">
        <v>8</v>
      </c>
    </row>
    <row r="89" spans="1:4" ht="18" customHeight="1" x14ac:dyDescent="0.2">
      <c r="A89" s="31">
        <v>69</v>
      </c>
      <c r="B89" s="27">
        <v>4</v>
      </c>
      <c r="C89" s="28">
        <v>8</v>
      </c>
      <c r="D89" s="29">
        <v>12</v>
      </c>
    </row>
    <row r="90" spans="1:4" ht="18" customHeight="1" x14ac:dyDescent="0.2">
      <c r="A90" s="31" t="s">
        <v>63</v>
      </c>
      <c r="B90" s="27">
        <v>21</v>
      </c>
      <c r="C90" s="28">
        <v>22</v>
      </c>
      <c r="D90" s="29">
        <v>43</v>
      </c>
    </row>
    <row r="91" spans="1:4" ht="18" customHeight="1" x14ac:dyDescent="0.2">
      <c r="A91" s="31">
        <v>70</v>
      </c>
      <c r="B91" s="27">
        <v>6</v>
      </c>
      <c r="C91" s="28">
        <v>7</v>
      </c>
      <c r="D91" s="29">
        <v>13</v>
      </c>
    </row>
    <row r="92" spans="1:4" ht="18" customHeight="1" x14ac:dyDescent="0.2">
      <c r="A92" s="31">
        <v>71</v>
      </c>
      <c r="B92" s="27">
        <v>6</v>
      </c>
      <c r="C92" s="28">
        <v>2</v>
      </c>
      <c r="D92" s="29">
        <v>8</v>
      </c>
    </row>
    <row r="93" spans="1:4" ht="18" customHeight="1" x14ac:dyDescent="0.2">
      <c r="A93" s="31">
        <v>72</v>
      </c>
      <c r="B93" s="27">
        <v>4</v>
      </c>
      <c r="C93" s="28">
        <v>4</v>
      </c>
      <c r="D93" s="29">
        <v>8</v>
      </c>
    </row>
    <row r="94" spans="1:4" ht="18" customHeight="1" x14ac:dyDescent="0.2">
      <c r="A94" s="31">
        <v>73</v>
      </c>
      <c r="B94" s="27">
        <v>4</v>
      </c>
      <c r="C94" s="28">
        <v>4</v>
      </c>
      <c r="D94" s="29">
        <v>8</v>
      </c>
    </row>
    <row r="95" spans="1:4" ht="18" customHeight="1" x14ac:dyDescent="0.2">
      <c r="A95" s="31">
        <v>74</v>
      </c>
      <c r="B95" s="27">
        <v>0</v>
      </c>
      <c r="C95" s="28">
        <v>1</v>
      </c>
      <c r="D95" s="29">
        <v>1</v>
      </c>
    </row>
    <row r="96" spans="1:4" ht="18" customHeight="1" x14ac:dyDescent="0.2">
      <c r="A96" s="31" t="s">
        <v>64</v>
      </c>
      <c r="B96" s="27">
        <v>20</v>
      </c>
      <c r="C96" s="28">
        <v>18</v>
      </c>
      <c r="D96" s="29">
        <v>38</v>
      </c>
    </row>
    <row r="97" spans="1:4" ht="18" customHeight="1" x14ac:dyDescent="0.2">
      <c r="A97" s="31">
        <v>75</v>
      </c>
      <c r="B97" s="27">
        <v>1</v>
      </c>
      <c r="C97" s="28">
        <v>9</v>
      </c>
      <c r="D97" s="29">
        <v>10</v>
      </c>
    </row>
    <row r="98" spans="1:4" ht="18" customHeight="1" x14ac:dyDescent="0.2">
      <c r="A98" s="31">
        <v>76</v>
      </c>
      <c r="B98" s="27">
        <v>0</v>
      </c>
      <c r="C98" s="28">
        <v>3</v>
      </c>
      <c r="D98" s="29">
        <v>3</v>
      </c>
    </row>
    <row r="99" spans="1:4" ht="18" customHeight="1" x14ac:dyDescent="0.2">
      <c r="A99" s="31">
        <v>77</v>
      </c>
      <c r="B99" s="27">
        <v>5</v>
      </c>
      <c r="C99" s="28">
        <v>3</v>
      </c>
      <c r="D99" s="29">
        <v>8</v>
      </c>
    </row>
    <row r="100" spans="1:4" ht="18" customHeight="1" x14ac:dyDescent="0.2">
      <c r="A100" s="31">
        <v>78</v>
      </c>
      <c r="B100" s="27">
        <v>3</v>
      </c>
      <c r="C100" s="28">
        <v>1</v>
      </c>
      <c r="D100" s="29">
        <v>4</v>
      </c>
    </row>
    <row r="101" spans="1:4" ht="18" customHeight="1" x14ac:dyDescent="0.2">
      <c r="A101" s="31">
        <v>79</v>
      </c>
      <c r="B101" s="27">
        <v>3</v>
      </c>
      <c r="C101" s="28">
        <v>1</v>
      </c>
      <c r="D101" s="29">
        <v>4</v>
      </c>
    </row>
    <row r="102" spans="1:4" ht="18" customHeight="1" x14ac:dyDescent="0.2">
      <c r="A102" s="31" t="s">
        <v>65</v>
      </c>
      <c r="B102" s="27">
        <v>12</v>
      </c>
      <c r="C102" s="28">
        <v>17</v>
      </c>
      <c r="D102" s="29">
        <v>29</v>
      </c>
    </row>
    <row r="103" spans="1:4" ht="18" customHeight="1" x14ac:dyDescent="0.2">
      <c r="A103" s="31">
        <v>80</v>
      </c>
      <c r="B103" s="27">
        <v>2</v>
      </c>
      <c r="C103" s="28">
        <v>5</v>
      </c>
      <c r="D103" s="29">
        <v>7</v>
      </c>
    </row>
    <row r="104" spans="1:4" ht="18" customHeight="1" x14ac:dyDescent="0.2">
      <c r="A104" s="31">
        <v>81</v>
      </c>
      <c r="B104" s="27">
        <v>3</v>
      </c>
      <c r="C104" s="28">
        <v>7</v>
      </c>
      <c r="D104" s="29">
        <v>10</v>
      </c>
    </row>
    <row r="105" spans="1:4" ht="18" customHeight="1" x14ac:dyDescent="0.2">
      <c r="A105" s="31">
        <v>82</v>
      </c>
      <c r="B105" s="27">
        <v>3</v>
      </c>
      <c r="C105" s="28">
        <v>5</v>
      </c>
      <c r="D105" s="29">
        <v>8</v>
      </c>
    </row>
    <row r="106" spans="1:4" ht="18" customHeight="1" x14ac:dyDescent="0.2">
      <c r="A106" s="31">
        <v>83</v>
      </c>
      <c r="B106" s="27">
        <v>3</v>
      </c>
      <c r="C106" s="28">
        <v>5</v>
      </c>
      <c r="D106" s="29">
        <v>8</v>
      </c>
    </row>
    <row r="107" spans="1:4" ht="18" customHeight="1" x14ac:dyDescent="0.2">
      <c r="A107" s="31">
        <v>84</v>
      </c>
      <c r="B107" s="27">
        <v>0</v>
      </c>
      <c r="C107" s="28">
        <v>4</v>
      </c>
      <c r="D107" s="29">
        <v>4</v>
      </c>
    </row>
    <row r="108" spans="1:4" ht="18" customHeight="1" x14ac:dyDescent="0.2">
      <c r="A108" s="31" t="s">
        <v>66</v>
      </c>
      <c r="B108" s="27">
        <v>11</v>
      </c>
      <c r="C108" s="28">
        <v>26</v>
      </c>
      <c r="D108" s="29">
        <v>37</v>
      </c>
    </row>
    <row r="109" spans="1:4" ht="18" customHeight="1" x14ac:dyDescent="0.2">
      <c r="A109" s="31">
        <v>85</v>
      </c>
      <c r="B109" s="27">
        <v>1</v>
      </c>
      <c r="C109" s="28">
        <v>4</v>
      </c>
      <c r="D109" s="29">
        <v>5</v>
      </c>
    </row>
    <row r="110" spans="1:4" ht="18" customHeight="1" x14ac:dyDescent="0.2">
      <c r="A110" s="31">
        <v>86</v>
      </c>
      <c r="B110" s="27">
        <v>3</v>
      </c>
      <c r="C110" s="28">
        <v>3</v>
      </c>
      <c r="D110" s="29">
        <v>6</v>
      </c>
    </row>
    <row r="111" spans="1:4" ht="18" customHeight="1" x14ac:dyDescent="0.2">
      <c r="A111" s="31">
        <v>87</v>
      </c>
      <c r="B111" s="27">
        <v>2</v>
      </c>
      <c r="C111" s="28">
        <v>3</v>
      </c>
      <c r="D111" s="29">
        <v>5</v>
      </c>
    </row>
    <row r="112" spans="1:4" ht="18" customHeight="1" x14ac:dyDescent="0.2">
      <c r="A112" s="31">
        <v>88</v>
      </c>
      <c r="B112" s="27">
        <v>3</v>
      </c>
      <c r="C112" s="28">
        <v>6</v>
      </c>
      <c r="D112" s="29">
        <v>9</v>
      </c>
    </row>
    <row r="113" spans="1:4" ht="18" customHeight="1" x14ac:dyDescent="0.2">
      <c r="A113" s="31">
        <v>89</v>
      </c>
      <c r="B113" s="27">
        <v>1</v>
      </c>
      <c r="C113" s="28">
        <v>1</v>
      </c>
      <c r="D113" s="29">
        <v>2</v>
      </c>
    </row>
    <row r="114" spans="1:4" ht="18" customHeight="1" x14ac:dyDescent="0.2">
      <c r="A114" s="31" t="s">
        <v>67</v>
      </c>
      <c r="B114" s="27">
        <v>10</v>
      </c>
      <c r="C114" s="28">
        <v>17</v>
      </c>
      <c r="D114" s="29">
        <v>27</v>
      </c>
    </row>
    <row r="115" spans="1:4" ht="18" customHeight="1" x14ac:dyDescent="0.2">
      <c r="A115" s="31">
        <v>90</v>
      </c>
      <c r="B115" s="27">
        <v>1</v>
      </c>
      <c r="C115" s="28">
        <v>1</v>
      </c>
      <c r="D115" s="29">
        <v>2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3</v>
      </c>
      <c r="C117" s="28">
        <v>2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3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6</v>
      </c>
      <c r="D119" s="29">
        <v>6</v>
      </c>
    </row>
    <row r="120" spans="1:4" ht="18" customHeight="1" x14ac:dyDescent="0.2">
      <c r="A120" s="31" t="s">
        <v>68</v>
      </c>
      <c r="B120" s="27">
        <v>5</v>
      </c>
      <c r="C120" s="28">
        <v>13</v>
      </c>
      <c r="D120" s="29">
        <v>18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4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80</v>
      </c>
      <c r="C130" s="5">
        <v>117</v>
      </c>
      <c r="D130" s="6">
        <v>197</v>
      </c>
    </row>
    <row r="131" spans="1:4" ht="18" customHeight="1" x14ac:dyDescent="0.2">
      <c r="A131" s="33" t="s">
        <v>47</v>
      </c>
      <c r="B131" s="7">
        <v>189</v>
      </c>
      <c r="C131" s="8">
        <v>222</v>
      </c>
      <c r="D131" s="9">
        <v>4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7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2</v>
      </c>
      <c r="D6" s="29">
        <v>3</v>
      </c>
    </row>
    <row r="7" spans="1:4" ht="18" customHeight="1" x14ac:dyDescent="0.2">
      <c r="A7" s="31">
        <v>2</v>
      </c>
      <c r="B7" s="35">
        <v>4</v>
      </c>
      <c r="C7" s="28">
        <v>1</v>
      </c>
      <c r="D7" s="29">
        <v>5</v>
      </c>
    </row>
    <row r="8" spans="1:4" ht="18" customHeight="1" x14ac:dyDescent="0.2">
      <c r="A8" s="31">
        <v>3</v>
      </c>
      <c r="B8" s="35">
        <v>1</v>
      </c>
      <c r="C8" s="28">
        <v>2</v>
      </c>
      <c r="D8" s="29">
        <v>3</v>
      </c>
    </row>
    <row r="9" spans="1:4" ht="18" customHeight="1" x14ac:dyDescent="0.2">
      <c r="A9" s="31">
        <v>4</v>
      </c>
      <c r="B9" s="36">
        <v>5</v>
      </c>
      <c r="C9" s="38">
        <v>5</v>
      </c>
      <c r="D9" s="40">
        <v>10</v>
      </c>
    </row>
    <row r="10" spans="1:4" ht="18" customHeight="1" x14ac:dyDescent="0.2">
      <c r="A10" s="31" t="s">
        <v>48</v>
      </c>
      <c r="B10" s="27">
        <v>11</v>
      </c>
      <c r="C10" s="28">
        <v>11</v>
      </c>
      <c r="D10" s="29">
        <v>22</v>
      </c>
    </row>
    <row r="11" spans="1:4" ht="18" customHeight="1" x14ac:dyDescent="0.2">
      <c r="A11" s="31">
        <v>5</v>
      </c>
      <c r="B11" s="35">
        <v>4</v>
      </c>
      <c r="C11" s="28">
        <v>8</v>
      </c>
      <c r="D11" s="29">
        <v>12</v>
      </c>
    </row>
    <row r="12" spans="1:4" ht="18" customHeight="1" x14ac:dyDescent="0.2">
      <c r="A12" s="31">
        <v>6</v>
      </c>
      <c r="B12" s="35">
        <v>2</v>
      </c>
      <c r="C12" s="28">
        <v>5</v>
      </c>
      <c r="D12" s="29">
        <v>7</v>
      </c>
    </row>
    <row r="13" spans="1:4" ht="18" customHeight="1" x14ac:dyDescent="0.2">
      <c r="A13" s="31">
        <v>7</v>
      </c>
      <c r="B13" s="35">
        <v>5</v>
      </c>
      <c r="C13" s="28">
        <v>2</v>
      </c>
      <c r="D13" s="29">
        <v>7</v>
      </c>
    </row>
    <row r="14" spans="1:4" ht="18" customHeight="1" x14ac:dyDescent="0.2">
      <c r="A14" s="31">
        <v>8</v>
      </c>
      <c r="B14" s="35">
        <v>4</v>
      </c>
      <c r="C14" s="28">
        <v>5</v>
      </c>
      <c r="D14" s="29">
        <v>9</v>
      </c>
    </row>
    <row r="15" spans="1:4" ht="18" customHeight="1" x14ac:dyDescent="0.2">
      <c r="A15" s="31">
        <v>9</v>
      </c>
      <c r="B15" s="35">
        <v>2</v>
      </c>
      <c r="C15" s="28">
        <v>5</v>
      </c>
      <c r="D15" s="29">
        <v>7</v>
      </c>
    </row>
    <row r="16" spans="1:4" ht="18" customHeight="1" x14ac:dyDescent="0.2">
      <c r="A16" s="31" t="s">
        <v>49</v>
      </c>
      <c r="B16" s="27">
        <v>17</v>
      </c>
      <c r="C16" s="28">
        <v>25</v>
      </c>
      <c r="D16" s="29">
        <v>42</v>
      </c>
    </row>
    <row r="17" spans="1:4" ht="18" customHeight="1" x14ac:dyDescent="0.2">
      <c r="A17" s="31">
        <v>10</v>
      </c>
      <c r="B17" s="27">
        <v>4</v>
      </c>
      <c r="C17" s="28">
        <v>5</v>
      </c>
      <c r="D17" s="29">
        <v>9</v>
      </c>
    </row>
    <row r="18" spans="1:4" ht="18" customHeight="1" x14ac:dyDescent="0.2">
      <c r="A18" s="31">
        <v>11</v>
      </c>
      <c r="B18" s="27">
        <v>4</v>
      </c>
      <c r="C18" s="28">
        <v>8</v>
      </c>
      <c r="D18" s="29">
        <v>12</v>
      </c>
    </row>
    <row r="19" spans="1:4" ht="18" customHeight="1" x14ac:dyDescent="0.2">
      <c r="A19" s="31">
        <v>12</v>
      </c>
      <c r="B19" s="27">
        <v>6</v>
      </c>
      <c r="C19" s="28">
        <v>4</v>
      </c>
      <c r="D19" s="29">
        <v>10</v>
      </c>
    </row>
    <row r="20" spans="1:4" ht="18" customHeight="1" x14ac:dyDescent="0.2">
      <c r="A20" s="31">
        <v>13</v>
      </c>
      <c r="B20" s="27">
        <v>4</v>
      </c>
      <c r="C20" s="28">
        <v>5</v>
      </c>
      <c r="D20" s="29">
        <v>9</v>
      </c>
    </row>
    <row r="21" spans="1:4" ht="18" customHeight="1" x14ac:dyDescent="0.2">
      <c r="A21" s="31">
        <v>14</v>
      </c>
      <c r="B21" s="27">
        <v>4</v>
      </c>
      <c r="C21" s="28">
        <v>4</v>
      </c>
      <c r="D21" s="29">
        <v>8</v>
      </c>
    </row>
    <row r="22" spans="1:4" ht="18" customHeight="1" x14ac:dyDescent="0.2">
      <c r="A22" s="31" t="s">
        <v>50</v>
      </c>
      <c r="B22" s="27">
        <v>22</v>
      </c>
      <c r="C22" s="28">
        <v>26</v>
      </c>
      <c r="D22" s="29">
        <v>48</v>
      </c>
    </row>
    <row r="23" spans="1:4" ht="18" customHeight="1" x14ac:dyDescent="0.2">
      <c r="A23" s="31" t="s">
        <v>51</v>
      </c>
      <c r="B23" s="27">
        <v>50</v>
      </c>
      <c r="C23" s="28">
        <v>62</v>
      </c>
      <c r="D23" s="29">
        <v>112</v>
      </c>
    </row>
    <row r="24" spans="1:4" ht="18" customHeight="1" x14ac:dyDescent="0.2">
      <c r="A24" s="31">
        <v>15</v>
      </c>
      <c r="B24" s="27">
        <v>7</v>
      </c>
      <c r="C24" s="28">
        <v>8</v>
      </c>
      <c r="D24" s="29">
        <v>15</v>
      </c>
    </row>
    <row r="25" spans="1:4" ht="18" customHeight="1" x14ac:dyDescent="0.2">
      <c r="A25" s="31">
        <v>16</v>
      </c>
      <c r="B25" s="27">
        <v>6</v>
      </c>
      <c r="C25" s="28">
        <v>5</v>
      </c>
      <c r="D25" s="29">
        <v>11</v>
      </c>
    </row>
    <row r="26" spans="1:4" ht="18" customHeight="1" x14ac:dyDescent="0.2">
      <c r="A26" s="31">
        <v>17</v>
      </c>
      <c r="B26" s="27">
        <v>5</v>
      </c>
      <c r="C26" s="28">
        <v>8</v>
      </c>
      <c r="D26" s="29">
        <v>13</v>
      </c>
    </row>
    <row r="27" spans="1:4" ht="18" customHeight="1" x14ac:dyDescent="0.2">
      <c r="A27" s="31">
        <v>18</v>
      </c>
      <c r="B27" s="27">
        <v>4</v>
      </c>
      <c r="C27" s="28">
        <v>8</v>
      </c>
      <c r="D27" s="29">
        <v>12</v>
      </c>
    </row>
    <row r="28" spans="1:4" ht="18" customHeight="1" x14ac:dyDescent="0.2">
      <c r="A28" s="31">
        <v>19</v>
      </c>
      <c r="B28" s="27">
        <v>5</v>
      </c>
      <c r="C28" s="28">
        <v>9</v>
      </c>
      <c r="D28" s="29">
        <v>14</v>
      </c>
    </row>
    <row r="29" spans="1:4" ht="18" customHeight="1" x14ac:dyDescent="0.2">
      <c r="A29" s="31" t="s">
        <v>52</v>
      </c>
      <c r="B29" s="27">
        <v>27</v>
      </c>
      <c r="C29" s="28">
        <v>38</v>
      </c>
      <c r="D29" s="29">
        <v>65</v>
      </c>
    </row>
    <row r="30" spans="1:4" ht="18" customHeight="1" x14ac:dyDescent="0.2">
      <c r="A30" s="31">
        <v>20</v>
      </c>
      <c r="B30" s="27">
        <v>5</v>
      </c>
      <c r="C30" s="28">
        <v>4</v>
      </c>
      <c r="D30" s="29">
        <v>9</v>
      </c>
    </row>
    <row r="31" spans="1:4" ht="18" customHeight="1" x14ac:dyDescent="0.2">
      <c r="A31" s="31">
        <v>21</v>
      </c>
      <c r="B31" s="27">
        <v>8</v>
      </c>
      <c r="C31" s="28">
        <v>5</v>
      </c>
      <c r="D31" s="29">
        <v>13</v>
      </c>
    </row>
    <row r="32" spans="1:4" ht="18" customHeight="1" x14ac:dyDescent="0.2">
      <c r="A32" s="31">
        <v>22</v>
      </c>
      <c r="B32" s="27">
        <v>3</v>
      </c>
      <c r="C32" s="28">
        <v>7</v>
      </c>
      <c r="D32" s="29">
        <v>10</v>
      </c>
    </row>
    <row r="33" spans="1:4" ht="18" customHeight="1" x14ac:dyDescent="0.2">
      <c r="A33" s="31">
        <v>23</v>
      </c>
      <c r="B33" s="27">
        <v>8</v>
      </c>
      <c r="C33" s="28">
        <v>4</v>
      </c>
      <c r="D33" s="29">
        <v>12</v>
      </c>
    </row>
    <row r="34" spans="1:4" ht="18" customHeight="1" x14ac:dyDescent="0.2">
      <c r="A34" s="31">
        <v>24</v>
      </c>
      <c r="B34" s="27">
        <v>3</v>
      </c>
      <c r="C34" s="28">
        <v>4</v>
      </c>
      <c r="D34" s="29">
        <v>7</v>
      </c>
    </row>
    <row r="35" spans="1:4" ht="18" customHeight="1" x14ac:dyDescent="0.2">
      <c r="A35" s="31" t="s">
        <v>53</v>
      </c>
      <c r="B35" s="27">
        <v>27</v>
      </c>
      <c r="C35" s="28">
        <v>24</v>
      </c>
      <c r="D35" s="29">
        <v>51</v>
      </c>
    </row>
    <row r="36" spans="1:4" ht="18" customHeight="1" x14ac:dyDescent="0.2">
      <c r="A36" s="31">
        <v>25</v>
      </c>
      <c r="B36" s="27">
        <v>5</v>
      </c>
      <c r="C36" s="28">
        <v>2</v>
      </c>
      <c r="D36" s="29">
        <v>7</v>
      </c>
    </row>
    <row r="37" spans="1:4" ht="18" customHeight="1" x14ac:dyDescent="0.2">
      <c r="A37" s="31">
        <v>26</v>
      </c>
      <c r="B37" s="27">
        <v>4</v>
      </c>
      <c r="C37" s="28">
        <v>1</v>
      </c>
      <c r="D37" s="29">
        <v>5</v>
      </c>
    </row>
    <row r="38" spans="1:4" ht="18" customHeight="1" x14ac:dyDescent="0.2">
      <c r="A38" s="31">
        <v>27</v>
      </c>
      <c r="B38" s="27">
        <v>1</v>
      </c>
      <c r="C38" s="28">
        <v>4</v>
      </c>
      <c r="D38" s="29">
        <v>5</v>
      </c>
    </row>
    <row r="39" spans="1:4" ht="18" customHeight="1" x14ac:dyDescent="0.2">
      <c r="A39" s="31">
        <v>28</v>
      </c>
      <c r="B39" s="27">
        <v>2</v>
      </c>
      <c r="C39" s="28">
        <v>2</v>
      </c>
      <c r="D39" s="29">
        <v>4</v>
      </c>
    </row>
    <row r="40" spans="1:4" ht="18" customHeight="1" x14ac:dyDescent="0.2">
      <c r="A40" s="31">
        <v>29</v>
      </c>
      <c r="B40" s="27">
        <v>5</v>
      </c>
      <c r="C40" s="28">
        <v>4</v>
      </c>
      <c r="D40" s="29">
        <v>9</v>
      </c>
    </row>
    <row r="41" spans="1:4" ht="18" customHeight="1" x14ac:dyDescent="0.2">
      <c r="A41" s="31" t="s">
        <v>54</v>
      </c>
      <c r="B41" s="27">
        <v>17</v>
      </c>
      <c r="C41" s="28">
        <v>13</v>
      </c>
      <c r="D41" s="29">
        <v>30</v>
      </c>
    </row>
    <row r="42" spans="1:4" ht="18" customHeight="1" x14ac:dyDescent="0.2">
      <c r="A42" s="31">
        <v>30</v>
      </c>
      <c r="B42" s="27">
        <v>2</v>
      </c>
      <c r="C42" s="28">
        <v>5</v>
      </c>
      <c r="D42" s="29">
        <v>7</v>
      </c>
    </row>
    <row r="43" spans="1:4" ht="18" customHeight="1" x14ac:dyDescent="0.2">
      <c r="A43" s="31">
        <v>31</v>
      </c>
      <c r="B43" s="27">
        <v>7</v>
      </c>
      <c r="C43" s="28">
        <v>6</v>
      </c>
      <c r="D43" s="29">
        <v>13</v>
      </c>
    </row>
    <row r="44" spans="1:4" ht="18" customHeight="1" x14ac:dyDescent="0.2">
      <c r="A44" s="31">
        <v>32</v>
      </c>
      <c r="B44" s="27">
        <v>4</v>
      </c>
      <c r="C44" s="28">
        <v>4</v>
      </c>
      <c r="D44" s="29">
        <v>8</v>
      </c>
    </row>
    <row r="45" spans="1:4" ht="18" customHeight="1" x14ac:dyDescent="0.2">
      <c r="A45" s="31">
        <v>33</v>
      </c>
      <c r="B45" s="27">
        <v>6</v>
      </c>
      <c r="C45" s="28">
        <v>4</v>
      </c>
      <c r="D45" s="29">
        <v>10</v>
      </c>
    </row>
    <row r="46" spans="1:4" ht="18" customHeight="1" x14ac:dyDescent="0.2">
      <c r="A46" s="31">
        <v>34</v>
      </c>
      <c r="B46" s="27">
        <v>5</v>
      </c>
      <c r="C46" s="28">
        <v>6</v>
      </c>
      <c r="D46" s="29">
        <v>11</v>
      </c>
    </row>
    <row r="47" spans="1:4" ht="18" customHeight="1" x14ac:dyDescent="0.2">
      <c r="A47" s="31" t="s">
        <v>55</v>
      </c>
      <c r="B47" s="27">
        <v>24</v>
      </c>
      <c r="C47" s="28">
        <v>25</v>
      </c>
      <c r="D47" s="29">
        <v>49</v>
      </c>
    </row>
    <row r="48" spans="1:4" ht="18" customHeight="1" x14ac:dyDescent="0.2">
      <c r="A48" s="31">
        <v>35</v>
      </c>
      <c r="B48" s="27">
        <v>4</v>
      </c>
      <c r="C48" s="28">
        <v>11</v>
      </c>
      <c r="D48" s="29">
        <v>15</v>
      </c>
    </row>
    <row r="49" spans="1:4" ht="18" customHeight="1" x14ac:dyDescent="0.2">
      <c r="A49" s="31">
        <v>36</v>
      </c>
      <c r="B49" s="27">
        <v>2</v>
      </c>
      <c r="C49" s="28">
        <v>3</v>
      </c>
      <c r="D49" s="29">
        <v>5</v>
      </c>
    </row>
    <row r="50" spans="1:4" ht="18" customHeight="1" x14ac:dyDescent="0.2">
      <c r="A50" s="31">
        <v>37</v>
      </c>
      <c r="B50" s="27">
        <v>7</v>
      </c>
      <c r="C50" s="28">
        <v>8</v>
      </c>
      <c r="D50" s="29">
        <v>15</v>
      </c>
    </row>
    <row r="51" spans="1:4" ht="18" customHeight="1" x14ac:dyDescent="0.2">
      <c r="A51" s="31">
        <v>38</v>
      </c>
      <c r="B51" s="27">
        <v>6</v>
      </c>
      <c r="C51" s="28">
        <v>9</v>
      </c>
      <c r="D51" s="29">
        <v>15</v>
      </c>
    </row>
    <row r="52" spans="1:4" ht="18" customHeight="1" x14ac:dyDescent="0.2">
      <c r="A52" s="31">
        <v>39</v>
      </c>
      <c r="B52" s="27">
        <v>6</v>
      </c>
      <c r="C52" s="28">
        <v>3</v>
      </c>
      <c r="D52" s="29">
        <v>9</v>
      </c>
    </row>
    <row r="53" spans="1:4" ht="18" customHeight="1" x14ac:dyDescent="0.2">
      <c r="A53" s="31" t="s">
        <v>56</v>
      </c>
      <c r="B53" s="27">
        <v>25</v>
      </c>
      <c r="C53" s="28">
        <v>34</v>
      </c>
      <c r="D53" s="29">
        <v>59</v>
      </c>
    </row>
    <row r="54" spans="1:4" ht="18" customHeight="1" x14ac:dyDescent="0.2">
      <c r="A54" s="31">
        <v>40</v>
      </c>
      <c r="B54" s="27">
        <v>6</v>
      </c>
      <c r="C54" s="28">
        <v>8</v>
      </c>
      <c r="D54" s="29">
        <v>14</v>
      </c>
    </row>
    <row r="55" spans="1:4" ht="18" customHeight="1" x14ac:dyDescent="0.2">
      <c r="A55" s="31">
        <v>41</v>
      </c>
      <c r="B55" s="27">
        <v>4</v>
      </c>
      <c r="C55" s="28">
        <v>3</v>
      </c>
      <c r="D55" s="29">
        <v>7</v>
      </c>
    </row>
    <row r="56" spans="1:4" ht="18" customHeight="1" x14ac:dyDescent="0.2">
      <c r="A56" s="31">
        <v>42</v>
      </c>
      <c r="B56" s="27">
        <v>7</v>
      </c>
      <c r="C56" s="28">
        <v>7</v>
      </c>
      <c r="D56" s="29">
        <v>14</v>
      </c>
    </row>
    <row r="57" spans="1:4" ht="18" customHeight="1" x14ac:dyDescent="0.2">
      <c r="A57" s="31">
        <v>43</v>
      </c>
      <c r="B57" s="27">
        <v>5</v>
      </c>
      <c r="C57" s="28">
        <v>7</v>
      </c>
      <c r="D57" s="29">
        <v>12</v>
      </c>
    </row>
    <row r="58" spans="1:4" ht="18" customHeight="1" x14ac:dyDescent="0.2">
      <c r="A58" s="31">
        <v>44</v>
      </c>
      <c r="B58" s="27">
        <v>10</v>
      </c>
      <c r="C58" s="28">
        <v>12</v>
      </c>
      <c r="D58" s="29">
        <v>22</v>
      </c>
    </row>
    <row r="59" spans="1:4" ht="18" customHeight="1" x14ac:dyDescent="0.2">
      <c r="A59" s="31" t="s">
        <v>57</v>
      </c>
      <c r="B59" s="27">
        <v>32</v>
      </c>
      <c r="C59" s="28">
        <v>37</v>
      </c>
      <c r="D59" s="29">
        <v>69</v>
      </c>
    </row>
    <row r="60" spans="1:4" ht="18" customHeight="1" x14ac:dyDescent="0.2">
      <c r="A60" s="31">
        <v>45</v>
      </c>
      <c r="B60" s="27">
        <v>8</v>
      </c>
      <c r="C60" s="28">
        <v>8</v>
      </c>
      <c r="D60" s="29">
        <v>16</v>
      </c>
    </row>
    <row r="61" spans="1:4" ht="18" customHeight="1" x14ac:dyDescent="0.2">
      <c r="A61" s="31">
        <v>46</v>
      </c>
      <c r="B61" s="27">
        <v>12</v>
      </c>
      <c r="C61" s="28">
        <v>6</v>
      </c>
      <c r="D61" s="29">
        <v>18</v>
      </c>
    </row>
    <row r="62" spans="1:4" ht="18" customHeight="1" x14ac:dyDescent="0.2">
      <c r="A62" s="31">
        <v>47</v>
      </c>
      <c r="B62" s="27">
        <v>10</v>
      </c>
      <c r="C62" s="28">
        <v>8</v>
      </c>
      <c r="D62" s="29">
        <v>18</v>
      </c>
    </row>
    <row r="63" spans="1:4" ht="18" customHeight="1" x14ac:dyDescent="0.2">
      <c r="A63" s="31">
        <v>48</v>
      </c>
      <c r="B63" s="27">
        <v>7</v>
      </c>
      <c r="C63" s="28">
        <v>10</v>
      </c>
      <c r="D63" s="29">
        <v>17</v>
      </c>
    </row>
    <row r="64" spans="1:4" ht="18" customHeight="1" x14ac:dyDescent="0.2">
      <c r="A64" s="31">
        <v>49</v>
      </c>
      <c r="B64" s="27">
        <v>9</v>
      </c>
      <c r="C64" s="28">
        <v>9</v>
      </c>
      <c r="D64" s="29">
        <v>18</v>
      </c>
    </row>
    <row r="65" spans="1:4" ht="18" customHeight="1" x14ac:dyDescent="0.2">
      <c r="A65" s="31" t="s">
        <v>58</v>
      </c>
      <c r="B65" s="27">
        <v>46</v>
      </c>
      <c r="C65" s="28">
        <v>41</v>
      </c>
      <c r="D65" s="29">
        <v>87</v>
      </c>
    </row>
    <row r="66" spans="1:4" ht="18" customHeight="1" x14ac:dyDescent="0.2">
      <c r="A66" s="31">
        <v>50</v>
      </c>
      <c r="B66" s="27">
        <v>6</v>
      </c>
      <c r="C66" s="28">
        <v>8</v>
      </c>
      <c r="D66" s="29">
        <v>14</v>
      </c>
    </row>
    <row r="67" spans="1:4" ht="18" customHeight="1" x14ac:dyDescent="0.2">
      <c r="A67" s="31">
        <v>51</v>
      </c>
      <c r="B67" s="27">
        <v>5</v>
      </c>
      <c r="C67" s="28">
        <v>7</v>
      </c>
      <c r="D67" s="29">
        <v>12</v>
      </c>
    </row>
    <row r="68" spans="1:4" ht="18" customHeight="1" x14ac:dyDescent="0.2">
      <c r="A68" s="31">
        <v>52</v>
      </c>
      <c r="B68" s="27">
        <v>6</v>
      </c>
      <c r="C68" s="28">
        <v>8</v>
      </c>
      <c r="D68" s="29">
        <v>14</v>
      </c>
    </row>
    <row r="69" spans="1:4" ht="18" customHeight="1" x14ac:dyDescent="0.2">
      <c r="A69" s="31">
        <v>53</v>
      </c>
      <c r="B69" s="27">
        <v>7</v>
      </c>
      <c r="C69" s="28">
        <v>5</v>
      </c>
      <c r="D69" s="29">
        <v>12</v>
      </c>
    </row>
    <row r="70" spans="1:4" ht="18" customHeight="1" x14ac:dyDescent="0.2">
      <c r="A70" s="31">
        <v>54</v>
      </c>
      <c r="B70" s="27">
        <v>3</v>
      </c>
      <c r="C70" s="28">
        <v>10</v>
      </c>
      <c r="D70" s="29">
        <v>13</v>
      </c>
    </row>
    <row r="71" spans="1:4" ht="18" customHeight="1" x14ac:dyDescent="0.2">
      <c r="A71" s="31" t="s">
        <v>59</v>
      </c>
      <c r="B71" s="27">
        <v>27</v>
      </c>
      <c r="C71" s="28">
        <v>38</v>
      </c>
      <c r="D71" s="29">
        <v>65</v>
      </c>
    </row>
    <row r="72" spans="1:4" ht="18" customHeight="1" x14ac:dyDescent="0.2">
      <c r="A72" s="31">
        <v>55</v>
      </c>
      <c r="B72" s="27">
        <v>5</v>
      </c>
      <c r="C72" s="28">
        <v>7</v>
      </c>
      <c r="D72" s="29">
        <v>12</v>
      </c>
    </row>
    <row r="73" spans="1:4" ht="18" customHeight="1" x14ac:dyDescent="0.2">
      <c r="A73" s="31">
        <v>56</v>
      </c>
      <c r="B73" s="27">
        <v>18</v>
      </c>
      <c r="C73" s="28">
        <v>3</v>
      </c>
      <c r="D73" s="29">
        <v>21</v>
      </c>
    </row>
    <row r="74" spans="1:4" ht="18" customHeight="1" x14ac:dyDescent="0.2">
      <c r="A74" s="31">
        <v>57</v>
      </c>
      <c r="B74" s="27">
        <v>6</v>
      </c>
      <c r="C74" s="28">
        <v>4</v>
      </c>
      <c r="D74" s="29">
        <v>10</v>
      </c>
    </row>
    <row r="75" spans="1:4" ht="18" customHeight="1" x14ac:dyDescent="0.2">
      <c r="A75" s="31">
        <v>58</v>
      </c>
      <c r="B75" s="27">
        <v>4</v>
      </c>
      <c r="C75" s="28">
        <v>7</v>
      </c>
      <c r="D75" s="29">
        <v>11</v>
      </c>
    </row>
    <row r="76" spans="1:4" ht="18" customHeight="1" x14ac:dyDescent="0.2">
      <c r="A76" s="31">
        <v>59</v>
      </c>
      <c r="B76" s="27">
        <v>7</v>
      </c>
      <c r="C76" s="28">
        <v>7</v>
      </c>
      <c r="D76" s="29">
        <v>14</v>
      </c>
    </row>
    <row r="77" spans="1:4" ht="18" customHeight="1" x14ac:dyDescent="0.2">
      <c r="A77" s="31" t="s">
        <v>60</v>
      </c>
      <c r="B77" s="27">
        <v>40</v>
      </c>
      <c r="C77" s="28">
        <v>28</v>
      </c>
      <c r="D77" s="29">
        <v>68</v>
      </c>
    </row>
    <row r="78" spans="1:4" ht="18" customHeight="1" x14ac:dyDescent="0.2">
      <c r="A78" s="31">
        <v>60</v>
      </c>
      <c r="B78" s="27">
        <v>11</v>
      </c>
      <c r="C78" s="28">
        <v>11</v>
      </c>
      <c r="D78" s="29">
        <v>22</v>
      </c>
    </row>
    <row r="79" spans="1:4" ht="18" customHeight="1" x14ac:dyDescent="0.2">
      <c r="A79" s="31">
        <v>61</v>
      </c>
      <c r="B79" s="27">
        <v>10</v>
      </c>
      <c r="C79" s="28">
        <v>13</v>
      </c>
      <c r="D79" s="29">
        <v>23</v>
      </c>
    </row>
    <row r="80" spans="1:4" ht="18" customHeight="1" x14ac:dyDescent="0.2">
      <c r="A80" s="31">
        <v>62</v>
      </c>
      <c r="B80" s="27">
        <v>9</v>
      </c>
      <c r="C80" s="28">
        <v>13</v>
      </c>
      <c r="D80" s="29">
        <v>22</v>
      </c>
    </row>
    <row r="81" spans="1:4" ht="18" customHeight="1" x14ac:dyDescent="0.2">
      <c r="A81" s="31">
        <v>63</v>
      </c>
      <c r="B81" s="27">
        <v>10</v>
      </c>
      <c r="C81" s="28">
        <v>5</v>
      </c>
      <c r="D81" s="29">
        <v>15</v>
      </c>
    </row>
    <row r="82" spans="1:4" ht="18" customHeight="1" x14ac:dyDescent="0.2">
      <c r="A82" s="31">
        <v>64</v>
      </c>
      <c r="B82" s="27">
        <v>10</v>
      </c>
      <c r="C82" s="28">
        <v>9</v>
      </c>
      <c r="D82" s="29">
        <v>19</v>
      </c>
    </row>
    <row r="83" spans="1:4" ht="18" customHeight="1" x14ac:dyDescent="0.2">
      <c r="A83" s="31" t="s">
        <v>61</v>
      </c>
      <c r="B83" s="27">
        <v>50</v>
      </c>
      <c r="C83" s="28">
        <v>51</v>
      </c>
      <c r="D83" s="29">
        <v>101</v>
      </c>
    </row>
    <row r="84" spans="1:4" ht="18" customHeight="1" x14ac:dyDescent="0.2">
      <c r="A84" s="31" t="s">
        <v>62</v>
      </c>
      <c r="B84" s="27">
        <v>315</v>
      </c>
      <c r="C84" s="28">
        <v>329</v>
      </c>
      <c r="D84" s="29">
        <v>644</v>
      </c>
    </row>
    <row r="85" spans="1:4" ht="18" customHeight="1" x14ac:dyDescent="0.2">
      <c r="A85" s="31">
        <v>65</v>
      </c>
      <c r="B85" s="27">
        <v>17</v>
      </c>
      <c r="C85" s="28">
        <v>8</v>
      </c>
      <c r="D85" s="29">
        <v>25</v>
      </c>
    </row>
    <row r="86" spans="1:4" ht="18" customHeight="1" x14ac:dyDescent="0.2">
      <c r="A86" s="31">
        <v>66</v>
      </c>
      <c r="B86" s="27">
        <v>12</v>
      </c>
      <c r="C86" s="28">
        <v>10</v>
      </c>
      <c r="D86" s="29">
        <v>22</v>
      </c>
    </row>
    <row r="87" spans="1:4" ht="18" customHeight="1" x14ac:dyDescent="0.2">
      <c r="A87" s="31">
        <v>67</v>
      </c>
      <c r="B87" s="27">
        <v>14</v>
      </c>
      <c r="C87" s="28">
        <v>14</v>
      </c>
      <c r="D87" s="29">
        <v>28</v>
      </c>
    </row>
    <row r="88" spans="1:4" ht="18" customHeight="1" x14ac:dyDescent="0.2">
      <c r="A88" s="31">
        <v>68</v>
      </c>
      <c r="B88" s="27">
        <v>15</v>
      </c>
      <c r="C88" s="28">
        <v>9</v>
      </c>
      <c r="D88" s="29">
        <v>24</v>
      </c>
    </row>
    <row r="89" spans="1:4" ht="18" customHeight="1" x14ac:dyDescent="0.2">
      <c r="A89" s="31">
        <v>69</v>
      </c>
      <c r="B89" s="27">
        <v>12</v>
      </c>
      <c r="C89" s="28">
        <v>6</v>
      </c>
      <c r="D89" s="29">
        <v>18</v>
      </c>
    </row>
    <row r="90" spans="1:4" ht="18" customHeight="1" x14ac:dyDescent="0.2">
      <c r="A90" s="31" t="s">
        <v>63</v>
      </c>
      <c r="B90" s="27">
        <v>70</v>
      </c>
      <c r="C90" s="28">
        <v>47</v>
      </c>
      <c r="D90" s="29">
        <v>117</v>
      </c>
    </row>
    <row r="91" spans="1:4" ht="18" customHeight="1" x14ac:dyDescent="0.2">
      <c r="A91" s="31">
        <v>70</v>
      </c>
      <c r="B91" s="27">
        <v>2</v>
      </c>
      <c r="C91" s="28">
        <v>17</v>
      </c>
      <c r="D91" s="29">
        <v>19</v>
      </c>
    </row>
    <row r="92" spans="1:4" ht="18" customHeight="1" x14ac:dyDescent="0.2">
      <c r="A92" s="31">
        <v>71</v>
      </c>
      <c r="B92" s="27">
        <v>15</v>
      </c>
      <c r="C92" s="28">
        <v>9</v>
      </c>
      <c r="D92" s="29">
        <v>24</v>
      </c>
    </row>
    <row r="93" spans="1:4" ht="18" customHeight="1" x14ac:dyDescent="0.2">
      <c r="A93" s="31">
        <v>72</v>
      </c>
      <c r="B93" s="27">
        <v>9</v>
      </c>
      <c r="C93" s="28">
        <v>11</v>
      </c>
      <c r="D93" s="29">
        <v>20</v>
      </c>
    </row>
    <row r="94" spans="1:4" ht="18" customHeight="1" x14ac:dyDescent="0.2">
      <c r="A94" s="31">
        <v>73</v>
      </c>
      <c r="B94" s="27">
        <v>13</v>
      </c>
      <c r="C94" s="28">
        <v>13</v>
      </c>
      <c r="D94" s="29">
        <v>26</v>
      </c>
    </row>
    <row r="95" spans="1:4" ht="18" customHeight="1" x14ac:dyDescent="0.2">
      <c r="A95" s="31">
        <v>74</v>
      </c>
      <c r="B95" s="27">
        <v>4</v>
      </c>
      <c r="C95" s="28">
        <v>6</v>
      </c>
      <c r="D95" s="29">
        <v>10</v>
      </c>
    </row>
    <row r="96" spans="1:4" ht="18" customHeight="1" x14ac:dyDescent="0.2">
      <c r="A96" s="31" t="s">
        <v>64</v>
      </c>
      <c r="B96" s="27">
        <v>43</v>
      </c>
      <c r="C96" s="28">
        <v>56</v>
      </c>
      <c r="D96" s="29">
        <v>99</v>
      </c>
    </row>
    <row r="97" spans="1:4" ht="18" customHeight="1" x14ac:dyDescent="0.2">
      <c r="A97" s="31">
        <v>75</v>
      </c>
      <c r="B97" s="27">
        <v>6</v>
      </c>
      <c r="C97" s="28">
        <v>7</v>
      </c>
      <c r="D97" s="29">
        <v>13</v>
      </c>
    </row>
    <row r="98" spans="1:4" ht="18" customHeight="1" x14ac:dyDescent="0.2">
      <c r="A98" s="31">
        <v>76</v>
      </c>
      <c r="B98" s="27">
        <v>3</v>
      </c>
      <c r="C98" s="28">
        <v>9</v>
      </c>
      <c r="D98" s="29">
        <v>12</v>
      </c>
    </row>
    <row r="99" spans="1:4" ht="18" customHeight="1" x14ac:dyDescent="0.2">
      <c r="A99" s="31">
        <v>77</v>
      </c>
      <c r="B99" s="27">
        <v>5</v>
      </c>
      <c r="C99" s="28">
        <v>6</v>
      </c>
      <c r="D99" s="29">
        <v>11</v>
      </c>
    </row>
    <row r="100" spans="1:4" ht="18" customHeight="1" x14ac:dyDescent="0.2">
      <c r="A100" s="31">
        <v>78</v>
      </c>
      <c r="B100" s="27">
        <v>6</v>
      </c>
      <c r="C100" s="28">
        <v>5</v>
      </c>
      <c r="D100" s="29">
        <v>11</v>
      </c>
    </row>
    <row r="101" spans="1:4" ht="18" customHeight="1" x14ac:dyDescent="0.2">
      <c r="A101" s="31">
        <v>79</v>
      </c>
      <c r="B101" s="27">
        <v>9</v>
      </c>
      <c r="C101" s="28">
        <v>11</v>
      </c>
      <c r="D101" s="29">
        <v>20</v>
      </c>
    </row>
    <row r="102" spans="1:4" ht="18" customHeight="1" x14ac:dyDescent="0.2">
      <c r="A102" s="31" t="s">
        <v>65</v>
      </c>
      <c r="B102" s="27">
        <v>29</v>
      </c>
      <c r="C102" s="28">
        <v>38</v>
      </c>
      <c r="D102" s="29">
        <v>67</v>
      </c>
    </row>
    <row r="103" spans="1:4" ht="18" customHeight="1" x14ac:dyDescent="0.2">
      <c r="A103" s="31">
        <v>80</v>
      </c>
      <c r="B103" s="27">
        <v>4</v>
      </c>
      <c r="C103" s="28">
        <v>8</v>
      </c>
      <c r="D103" s="29">
        <v>12</v>
      </c>
    </row>
    <row r="104" spans="1:4" ht="18" customHeight="1" x14ac:dyDescent="0.2">
      <c r="A104" s="31">
        <v>81</v>
      </c>
      <c r="B104" s="27">
        <v>3</v>
      </c>
      <c r="C104" s="28">
        <v>9</v>
      </c>
      <c r="D104" s="29">
        <v>12</v>
      </c>
    </row>
    <row r="105" spans="1:4" ht="18" customHeight="1" x14ac:dyDescent="0.2">
      <c r="A105" s="31">
        <v>82</v>
      </c>
      <c r="B105" s="27">
        <v>8</v>
      </c>
      <c r="C105" s="28">
        <v>5</v>
      </c>
      <c r="D105" s="29">
        <v>13</v>
      </c>
    </row>
    <row r="106" spans="1:4" ht="18" customHeight="1" x14ac:dyDescent="0.2">
      <c r="A106" s="31">
        <v>83</v>
      </c>
      <c r="B106" s="27">
        <v>8</v>
      </c>
      <c r="C106" s="28">
        <v>4</v>
      </c>
      <c r="D106" s="29">
        <v>12</v>
      </c>
    </row>
    <row r="107" spans="1:4" ht="18" customHeight="1" x14ac:dyDescent="0.2">
      <c r="A107" s="31">
        <v>84</v>
      </c>
      <c r="B107" s="27">
        <v>5</v>
      </c>
      <c r="C107" s="28">
        <v>10</v>
      </c>
      <c r="D107" s="29">
        <v>15</v>
      </c>
    </row>
    <row r="108" spans="1:4" ht="18" customHeight="1" x14ac:dyDescent="0.2">
      <c r="A108" s="31" t="s">
        <v>66</v>
      </c>
      <c r="B108" s="27">
        <v>28</v>
      </c>
      <c r="C108" s="28">
        <v>36</v>
      </c>
      <c r="D108" s="29">
        <v>64</v>
      </c>
    </row>
    <row r="109" spans="1:4" ht="18" customHeight="1" x14ac:dyDescent="0.2">
      <c r="A109" s="31">
        <v>85</v>
      </c>
      <c r="B109" s="27">
        <v>5</v>
      </c>
      <c r="C109" s="28">
        <v>2</v>
      </c>
      <c r="D109" s="29">
        <v>7</v>
      </c>
    </row>
    <row r="110" spans="1:4" ht="18" customHeight="1" x14ac:dyDescent="0.2">
      <c r="A110" s="31">
        <v>86</v>
      </c>
      <c r="B110" s="27">
        <v>6</v>
      </c>
      <c r="C110" s="28">
        <v>10</v>
      </c>
      <c r="D110" s="29">
        <v>16</v>
      </c>
    </row>
    <row r="111" spans="1:4" ht="18" customHeight="1" x14ac:dyDescent="0.2">
      <c r="A111" s="31">
        <v>87</v>
      </c>
      <c r="B111" s="27">
        <v>4</v>
      </c>
      <c r="C111" s="28">
        <v>9</v>
      </c>
      <c r="D111" s="29">
        <v>13</v>
      </c>
    </row>
    <row r="112" spans="1:4" ht="18" customHeight="1" x14ac:dyDescent="0.2">
      <c r="A112" s="31">
        <v>88</v>
      </c>
      <c r="B112" s="27">
        <v>3</v>
      </c>
      <c r="C112" s="28">
        <v>9</v>
      </c>
      <c r="D112" s="29">
        <v>12</v>
      </c>
    </row>
    <row r="113" spans="1:4" ht="18" customHeight="1" x14ac:dyDescent="0.2">
      <c r="A113" s="31">
        <v>89</v>
      </c>
      <c r="B113" s="27">
        <v>1</v>
      </c>
      <c r="C113" s="28">
        <v>7</v>
      </c>
      <c r="D113" s="29">
        <v>8</v>
      </c>
    </row>
    <row r="114" spans="1:4" ht="18" customHeight="1" x14ac:dyDescent="0.2">
      <c r="A114" s="31" t="s">
        <v>67</v>
      </c>
      <c r="B114" s="27">
        <v>19</v>
      </c>
      <c r="C114" s="28">
        <v>37</v>
      </c>
      <c r="D114" s="29">
        <v>56</v>
      </c>
    </row>
    <row r="115" spans="1:4" ht="18" customHeight="1" x14ac:dyDescent="0.2">
      <c r="A115" s="31">
        <v>90</v>
      </c>
      <c r="B115" s="27">
        <v>3</v>
      </c>
      <c r="C115" s="28">
        <v>5</v>
      </c>
      <c r="D115" s="29">
        <v>8</v>
      </c>
    </row>
    <row r="116" spans="1:4" ht="18" customHeight="1" x14ac:dyDescent="0.2">
      <c r="A116" s="31">
        <v>91</v>
      </c>
      <c r="B116" s="27">
        <v>3</v>
      </c>
      <c r="C116" s="28">
        <v>4</v>
      </c>
      <c r="D116" s="29">
        <v>7</v>
      </c>
    </row>
    <row r="117" spans="1:4" ht="18" customHeight="1" x14ac:dyDescent="0.2">
      <c r="A117" s="31">
        <v>92</v>
      </c>
      <c r="B117" s="27">
        <v>2</v>
      </c>
      <c r="C117" s="28">
        <v>6</v>
      </c>
      <c r="D117" s="29">
        <v>8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68</v>
      </c>
      <c r="B120" s="27">
        <v>9</v>
      </c>
      <c r="C120" s="28">
        <v>19</v>
      </c>
      <c r="D120" s="29">
        <v>28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1</v>
      </c>
      <c r="C125" s="28">
        <v>2</v>
      </c>
      <c r="D125" s="29">
        <v>3</v>
      </c>
    </row>
    <row r="126" spans="1:4" ht="18" customHeight="1" x14ac:dyDescent="0.2">
      <c r="A126" s="31" t="s">
        <v>69</v>
      </c>
      <c r="B126" s="27">
        <v>1</v>
      </c>
      <c r="C126" s="28">
        <v>7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99</v>
      </c>
      <c r="C130" s="5">
        <v>240</v>
      </c>
      <c r="D130" s="6">
        <v>439</v>
      </c>
    </row>
    <row r="131" spans="1:4" ht="18" customHeight="1" x14ac:dyDescent="0.2">
      <c r="A131" s="33" t="s">
        <v>47</v>
      </c>
      <c r="B131" s="7">
        <v>564</v>
      </c>
      <c r="C131" s="8">
        <v>631</v>
      </c>
      <c r="D131" s="9">
        <v>119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1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5</v>
      </c>
      <c r="C5" s="12">
        <v>19</v>
      </c>
      <c r="D5" s="13">
        <v>44</v>
      </c>
    </row>
    <row r="6" spans="1:4" ht="18" customHeight="1" x14ac:dyDescent="0.2">
      <c r="A6" s="14">
        <v>1</v>
      </c>
      <c r="B6" s="15">
        <v>23</v>
      </c>
      <c r="C6" s="16">
        <v>18</v>
      </c>
      <c r="D6" s="17">
        <v>41</v>
      </c>
    </row>
    <row r="7" spans="1:4" ht="18" customHeight="1" x14ac:dyDescent="0.2">
      <c r="A7" s="14">
        <v>2</v>
      </c>
      <c r="B7" s="15">
        <v>20</v>
      </c>
      <c r="C7" s="16">
        <v>14</v>
      </c>
      <c r="D7" s="17">
        <v>34</v>
      </c>
    </row>
    <row r="8" spans="1:4" ht="18" customHeight="1" x14ac:dyDescent="0.2">
      <c r="A8" s="14">
        <v>3</v>
      </c>
      <c r="B8" s="15">
        <v>12</v>
      </c>
      <c r="C8" s="16">
        <v>21</v>
      </c>
      <c r="D8" s="17">
        <v>33</v>
      </c>
    </row>
    <row r="9" spans="1:4" ht="18" customHeight="1" x14ac:dyDescent="0.2">
      <c r="A9" s="14">
        <v>4</v>
      </c>
      <c r="B9" s="15">
        <v>13</v>
      </c>
      <c r="C9" s="16">
        <v>13</v>
      </c>
      <c r="D9" s="17">
        <v>26</v>
      </c>
    </row>
    <row r="10" spans="1:4" ht="18" customHeight="1" x14ac:dyDescent="0.2">
      <c r="A10" s="18" t="s">
        <v>48</v>
      </c>
      <c r="B10" s="15">
        <v>93</v>
      </c>
      <c r="C10" s="16">
        <v>85</v>
      </c>
      <c r="D10" s="17">
        <v>178</v>
      </c>
    </row>
    <row r="11" spans="1:4" ht="18" customHeight="1" x14ac:dyDescent="0.2">
      <c r="A11" s="14">
        <v>5</v>
      </c>
      <c r="B11" s="15">
        <v>19</v>
      </c>
      <c r="C11" s="16">
        <v>17</v>
      </c>
      <c r="D11" s="17">
        <v>36</v>
      </c>
    </row>
    <row r="12" spans="1:4" ht="18" customHeight="1" x14ac:dyDescent="0.2">
      <c r="A12" s="14">
        <v>6</v>
      </c>
      <c r="B12" s="15">
        <v>16</v>
      </c>
      <c r="C12" s="16">
        <v>14</v>
      </c>
      <c r="D12" s="17">
        <v>30</v>
      </c>
    </row>
    <row r="13" spans="1:4" ht="18" customHeight="1" x14ac:dyDescent="0.2">
      <c r="A13" s="14">
        <v>7</v>
      </c>
      <c r="B13" s="15">
        <v>19</v>
      </c>
      <c r="C13" s="16">
        <v>17</v>
      </c>
      <c r="D13" s="17">
        <v>36</v>
      </c>
    </row>
    <row r="14" spans="1:4" ht="18" customHeight="1" x14ac:dyDescent="0.2">
      <c r="A14" s="14">
        <v>8</v>
      </c>
      <c r="B14" s="15">
        <v>13</v>
      </c>
      <c r="C14" s="16">
        <v>25</v>
      </c>
      <c r="D14" s="17">
        <v>38</v>
      </c>
    </row>
    <row r="15" spans="1:4" ht="18" customHeight="1" x14ac:dyDescent="0.2">
      <c r="A15" s="14">
        <v>9</v>
      </c>
      <c r="B15" s="15">
        <v>18</v>
      </c>
      <c r="C15" s="16">
        <v>15</v>
      </c>
      <c r="D15" s="17">
        <v>33</v>
      </c>
    </row>
    <row r="16" spans="1:4" ht="18" customHeight="1" x14ac:dyDescent="0.2">
      <c r="A16" s="18" t="s">
        <v>49</v>
      </c>
      <c r="B16" s="15">
        <v>85</v>
      </c>
      <c r="C16" s="16">
        <v>88</v>
      </c>
      <c r="D16" s="17">
        <v>173</v>
      </c>
    </row>
    <row r="17" spans="1:4" ht="18" customHeight="1" x14ac:dyDescent="0.2">
      <c r="A17" s="14">
        <v>10</v>
      </c>
      <c r="B17" s="15">
        <v>14</v>
      </c>
      <c r="C17" s="16">
        <v>12</v>
      </c>
      <c r="D17" s="17">
        <v>26</v>
      </c>
    </row>
    <row r="18" spans="1:4" ht="18" customHeight="1" x14ac:dyDescent="0.2">
      <c r="A18" s="14">
        <v>11</v>
      </c>
      <c r="B18" s="15">
        <v>17</v>
      </c>
      <c r="C18" s="16">
        <v>15</v>
      </c>
      <c r="D18" s="17">
        <v>32</v>
      </c>
    </row>
    <row r="19" spans="1:4" ht="18" customHeight="1" x14ac:dyDescent="0.2">
      <c r="A19" s="14">
        <v>12</v>
      </c>
      <c r="B19" s="15">
        <v>11</v>
      </c>
      <c r="C19" s="16">
        <v>24</v>
      </c>
      <c r="D19" s="17">
        <v>35</v>
      </c>
    </row>
    <row r="20" spans="1:4" ht="18" customHeight="1" x14ac:dyDescent="0.2">
      <c r="A20" s="14">
        <v>13</v>
      </c>
      <c r="B20" s="15">
        <v>23</v>
      </c>
      <c r="C20" s="16">
        <v>17</v>
      </c>
      <c r="D20" s="17">
        <v>40</v>
      </c>
    </row>
    <row r="21" spans="1:4" ht="18" customHeight="1" x14ac:dyDescent="0.2">
      <c r="A21" s="14">
        <v>14</v>
      </c>
      <c r="B21" s="15">
        <v>20</v>
      </c>
      <c r="C21" s="16">
        <v>19</v>
      </c>
      <c r="D21" s="17">
        <v>39</v>
      </c>
    </row>
    <row r="22" spans="1:4" ht="18" customHeight="1" x14ac:dyDescent="0.2">
      <c r="A22" s="18" t="s">
        <v>50</v>
      </c>
      <c r="B22" s="15">
        <v>85</v>
      </c>
      <c r="C22" s="16">
        <v>87</v>
      </c>
      <c r="D22" s="17">
        <v>172</v>
      </c>
    </row>
    <row r="23" spans="1:4" ht="18" customHeight="1" x14ac:dyDescent="0.2">
      <c r="A23" s="18" t="s">
        <v>51</v>
      </c>
      <c r="B23" s="15">
        <v>263</v>
      </c>
      <c r="C23" s="16">
        <v>260</v>
      </c>
      <c r="D23" s="17">
        <v>523</v>
      </c>
    </row>
    <row r="24" spans="1:4" ht="18" customHeight="1" x14ac:dyDescent="0.2">
      <c r="A24" s="14">
        <v>15</v>
      </c>
      <c r="B24" s="15">
        <v>20</v>
      </c>
      <c r="C24" s="16">
        <v>17</v>
      </c>
      <c r="D24" s="17">
        <v>37</v>
      </c>
    </row>
    <row r="25" spans="1:4" ht="18" customHeight="1" x14ac:dyDescent="0.2">
      <c r="A25" s="14">
        <v>16</v>
      </c>
      <c r="B25" s="15">
        <v>21</v>
      </c>
      <c r="C25" s="16">
        <v>21</v>
      </c>
      <c r="D25" s="17">
        <v>42</v>
      </c>
    </row>
    <row r="26" spans="1:4" ht="18" customHeight="1" x14ac:dyDescent="0.2">
      <c r="A26" s="14">
        <v>17</v>
      </c>
      <c r="B26" s="15">
        <v>15</v>
      </c>
      <c r="C26" s="16">
        <v>24</v>
      </c>
      <c r="D26" s="17">
        <v>39</v>
      </c>
    </row>
    <row r="27" spans="1:4" ht="18" customHeight="1" x14ac:dyDescent="0.2">
      <c r="A27" s="14">
        <v>18</v>
      </c>
      <c r="B27" s="15">
        <v>25</v>
      </c>
      <c r="C27" s="16">
        <v>19</v>
      </c>
      <c r="D27" s="17">
        <v>44</v>
      </c>
    </row>
    <row r="28" spans="1:4" ht="18" customHeight="1" x14ac:dyDescent="0.2">
      <c r="A28" s="14">
        <v>19</v>
      </c>
      <c r="B28" s="15">
        <v>26</v>
      </c>
      <c r="C28" s="16">
        <v>24</v>
      </c>
      <c r="D28" s="17">
        <v>50</v>
      </c>
    </row>
    <row r="29" spans="1:4" ht="18" customHeight="1" x14ac:dyDescent="0.2">
      <c r="A29" s="18" t="s">
        <v>52</v>
      </c>
      <c r="B29" s="15">
        <v>107</v>
      </c>
      <c r="C29" s="16">
        <v>105</v>
      </c>
      <c r="D29" s="17">
        <v>212</v>
      </c>
    </row>
    <row r="30" spans="1:4" ht="18" customHeight="1" x14ac:dyDescent="0.2">
      <c r="A30" s="14">
        <v>20</v>
      </c>
      <c r="B30" s="15">
        <v>19</v>
      </c>
      <c r="C30" s="16">
        <v>16</v>
      </c>
      <c r="D30" s="17">
        <v>35</v>
      </c>
    </row>
    <row r="31" spans="1:4" ht="18" customHeight="1" x14ac:dyDescent="0.2">
      <c r="A31" s="14">
        <v>21</v>
      </c>
      <c r="B31" s="15">
        <v>28</v>
      </c>
      <c r="C31" s="16">
        <v>24</v>
      </c>
      <c r="D31" s="17">
        <v>52</v>
      </c>
    </row>
    <row r="32" spans="1:4" ht="18" customHeight="1" x14ac:dyDescent="0.2">
      <c r="A32" s="14">
        <v>22</v>
      </c>
      <c r="B32" s="15">
        <v>38</v>
      </c>
      <c r="C32" s="16">
        <v>14</v>
      </c>
      <c r="D32" s="17">
        <v>52</v>
      </c>
    </row>
    <row r="33" spans="1:4" ht="18" customHeight="1" x14ac:dyDescent="0.2">
      <c r="A33" s="14">
        <v>23</v>
      </c>
      <c r="B33" s="15">
        <v>36</v>
      </c>
      <c r="C33" s="16">
        <v>17</v>
      </c>
      <c r="D33" s="17">
        <v>53</v>
      </c>
    </row>
    <row r="34" spans="1:4" ht="18" customHeight="1" x14ac:dyDescent="0.2">
      <c r="A34" s="14">
        <v>24</v>
      </c>
      <c r="B34" s="15">
        <v>41</v>
      </c>
      <c r="C34" s="16">
        <v>21</v>
      </c>
      <c r="D34" s="17">
        <v>62</v>
      </c>
    </row>
    <row r="35" spans="1:4" ht="18" customHeight="1" x14ac:dyDescent="0.2">
      <c r="A35" s="18" t="s">
        <v>53</v>
      </c>
      <c r="B35" s="15">
        <v>162</v>
      </c>
      <c r="C35" s="16">
        <v>92</v>
      </c>
      <c r="D35" s="17">
        <v>254</v>
      </c>
    </row>
    <row r="36" spans="1:4" ht="18" customHeight="1" x14ac:dyDescent="0.2">
      <c r="A36" s="14">
        <v>25</v>
      </c>
      <c r="B36" s="15">
        <v>28</v>
      </c>
      <c r="C36" s="16">
        <v>23</v>
      </c>
      <c r="D36" s="17">
        <v>51</v>
      </c>
    </row>
    <row r="37" spans="1:4" ht="18" customHeight="1" x14ac:dyDescent="0.2">
      <c r="A37" s="14">
        <v>26</v>
      </c>
      <c r="B37" s="15">
        <v>32</v>
      </c>
      <c r="C37" s="16">
        <v>19</v>
      </c>
      <c r="D37" s="17">
        <v>51</v>
      </c>
    </row>
    <row r="38" spans="1:4" ht="18" customHeight="1" x14ac:dyDescent="0.2">
      <c r="A38" s="14">
        <v>27</v>
      </c>
      <c r="B38" s="15">
        <v>31</v>
      </c>
      <c r="C38" s="16">
        <v>26</v>
      </c>
      <c r="D38" s="17">
        <v>57</v>
      </c>
    </row>
    <row r="39" spans="1:4" ht="18" customHeight="1" x14ac:dyDescent="0.2">
      <c r="A39" s="14">
        <v>28</v>
      </c>
      <c r="B39" s="15">
        <v>32</v>
      </c>
      <c r="C39" s="16">
        <v>20</v>
      </c>
      <c r="D39" s="17">
        <v>52</v>
      </c>
    </row>
    <row r="40" spans="1:4" ht="18" customHeight="1" x14ac:dyDescent="0.2">
      <c r="A40" s="14">
        <v>29</v>
      </c>
      <c r="B40" s="15">
        <v>31</v>
      </c>
      <c r="C40" s="16">
        <v>26</v>
      </c>
      <c r="D40" s="17">
        <v>57</v>
      </c>
    </row>
    <row r="41" spans="1:4" ht="18" customHeight="1" x14ac:dyDescent="0.2">
      <c r="A41" s="18" t="s">
        <v>54</v>
      </c>
      <c r="B41" s="15">
        <v>154</v>
      </c>
      <c r="C41" s="16">
        <v>114</v>
      </c>
      <c r="D41" s="17">
        <v>268</v>
      </c>
    </row>
    <row r="42" spans="1:4" ht="18" customHeight="1" x14ac:dyDescent="0.2">
      <c r="A42" s="14">
        <v>30</v>
      </c>
      <c r="B42" s="15">
        <v>34</v>
      </c>
      <c r="C42" s="16">
        <v>25</v>
      </c>
      <c r="D42" s="17">
        <v>59</v>
      </c>
    </row>
    <row r="43" spans="1:4" ht="18" customHeight="1" x14ac:dyDescent="0.2">
      <c r="A43" s="14">
        <v>31</v>
      </c>
      <c r="B43" s="15">
        <v>29</v>
      </c>
      <c r="C43" s="16">
        <v>23</v>
      </c>
      <c r="D43" s="17">
        <v>52</v>
      </c>
    </row>
    <row r="44" spans="1:4" ht="18" customHeight="1" x14ac:dyDescent="0.2">
      <c r="A44" s="14">
        <v>32</v>
      </c>
      <c r="B44" s="15">
        <v>29</v>
      </c>
      <c r="C44" s="16">
        <v>25</v>
      </c>
      <c r="D44" s="17">
        <v>54</v>
      </c>
    </row>
    <row r="45" spans="1:4" ht="18" customHeight="1" x14ac:dyDescent="0.2">
      <c r="A45" s="14">
        <v>33</v>
      </c>
      <c r="B45" s="15">
        <v>29</v>
      </c>
      <c r="C45" s="16">
        <v>32</v>
      </c>
      <c r="D45" s="17">
        <v>61</v>
      </c>
    </row>
    <row r="46" spans="1:4" ht="18" customHeight="1" x14ac:dyDescent="0.2">
      <c r="A46" s="14">
        <v>34</v>
      </c>
      <c r="B46" s="15">
        <v>24</v>
      </c>
      <c r="C46" s="16">
        <v>29</v>
      </c>
      <c r="D46" s="17">
        <v>53</v>
      </c>
    </row>
    <row r="47" spans="1:4" ht="18" customHeight="1" x14ac:dyDescent="0.2">
      <c r="A47" s="18" t="s">
        <v>55</v>
      </c>
      <c r="B47" s="15">
        <v>145</v>
      </c>
      <c r="C47" s="16">
        <v>134</v>
      </c>
      <c r="D47" s="17">
        <v>279</v>
      </c>
    </row>
    <row r="48" spans="1:4" ht="18" customHeight="1" x14ac:dyDescent="0.2">
      <c r="A48" s="14">
        <v>35</v>
      </c>
      <c r="B48" s="15">
        <v>21</v>
      </c>
      <c r="C48" s="16">
        <v>25</v>
      </c>
      <c r="D48" s="17">
        <v>46</v>
      </c>
    </row>
    <row r="49" spans="1:4" ht="18" customHeight="1" x14ac:dyDescent="0.2">
      <c r="A49" s="14">
        <v>36</v>
      </c>
      <c r="B49" s="15">
        <v>32</v>
      </c>
      <c r="C49" s="16">
        <v>29</v>
      </c>
      <c r="D49" s="17">
        <v>61</v>
      </c>
    </row>
    <row r="50" spans="1:4" ht="18" customHeight="1" x14ac:dyDescent="0.2">
      <c r="A50" s="14">
        <v>37</v>
      </c>
      <c r="B50" s="15">
        <v>26</v>
      </c>
      <c r="C50" s="16">
        <v>27</v>
      </c>
      <c r="D50" s="17">
        <v>53</v>
      </c>
    </row>
    <row r="51" spans="1:4" ht="18" customHeight="1" x14ac:dyDescent="0.2">
      <c r="A51" s="14">
        <v>38</v>
      </c>
      <c r="B51" s="15">
        <v>30</v>
      </c>
      <c r="C51" s="16">
        <v>39</v>
      </c>
      <c r="D51" s="17">
        <v>69</v>
      </c>
    </row>
    <row r="52" spans="1:4" ht="18" customHeight="1" x14ac:dyDescent="0.2">
      <c r="A52" s="14">
        <v>39</v>
      </c>
      <c r="B52" s="15">
        <v>24</v>
      </c>
      <c r="C52" s="16">
        <v>27</v>
      </c>
      <c r="D52" s="17">
        <v>51</v>
      </c>
    </row>
    <row r="53" spans="1:4" ht="18" customHeight="1" x14ac:dyDescent="0.2">
      <c r="A53" s="18" t="s">
        <v>56</v>
      </c>
      <c r="B53" s="15">
        <v>133</v>
      </c>
      <c r="C53" s="16">
        <v>147</v>
      </c>
      <c r="D53" s="17">
        <v>280</v>
      </c>
    </row>
    <row r="54" spans="1:4" ht="18" customHeight="1" x14ac:dyDescent="0.2">
      <c r="A54" s="14">
        <v>40</v>
      </c>
      <c r="B54" s="15">
        <v>38</v>
      </c>
      <c r="C54" s="16">
        <v>32</v>
      </c>
      <c r="D54" s="17">
        <v>70</v>
      </c>
    </row>
    <row r="55" spans="1:4" ht="18" customHeight="1" x14ac:dyDescent="0.2">
      <c r="A55" s="14">
        <v>41</v>
      </c>
      <c r="B55" s="15">
        <v>39</v>
      </c>
      <c r="C55" s="16">
        <v>43</v>
      </c>
      <c r="D55" s="17">
        <v>82</v>
      </c>
    </row>
    <row r="56" spans="1:4" ht="18" customHeight="1" x14ac:dyDescent="0.2">
      <c r="A56" s="14">
        <v>42</v>
      </c>
      <c r="B56" s="15">
        <v>40</v>
      </c>
      <c r="C56" s="16">
        <v>36</v>
      </c>
      <c r="D56" s="17">
        <v>76</v>
      </c>
    </row>
    <row r="57" spans="1:4" ht="18" customHeight="1" x14ac:dyDescent="0.2">
      <c r="A57" s="14">
        <v>43</v>
      </c>
      <c r="B57" s="15">
        <v>38</v>
      </c>
      <c r="C57" s="16">
        <v>38</v>
      </c>
      <c r="D57" s="17">
        <v>76</v>
      </c>
    </row>
    <row r="58" spans="1:4" ht="18" customHeight="1" x14ac:dyDescent="0.2">
      <c r="A58" s="14">
        <v>44</v>
      </c>
      <c r="B58" s="15">
        <v>44</v>
      </c>
      <c r="C58" s="16">
        <v>38</v>
      </c>
      <c r="D58" s="17">
        <v>82</v>
      </c>
    </row>
    <row r="59" spans="1:4" ht="18" customHeight="1" x14ac:dyDescent="0.2">
      <c r="A59" s="18" t="s">
        <v>57</v>
      </c>
      <c r="B59" s="15">
        <v>199</v>
      </c>
      <c r="C59" s="16">
        <v>187</v>
      </c>
      <c r="D59" s="17">
        <v>386</v>
      </c>
    </row>
    <row r="60" spans="1:4" ht="18" customHeight="1" x14ac:dyDescent="0.2">
      <c r="A60" s="14">
        <v>45</v>
      </c>
      <c r="B60" s="15">
        <v>30</v>
      </c>
      <c r="C60" s="16">
        <v>47</v>
      </c>
      <c r="D60" s="17">
        <v>77</v>
      </c>
    </row>
    <row r="61" spans="1:4" ht="18" customHeight="1" x14ac:dyDescent="0.2">
      <c r="A61" s="14">
        <v>46</v>
      </c>
      <c r="B61" s="15">
        <v>38</v>
      </c>
      <c r="C61" s="16">
        <v>40</v>
      </c>
      <c r="D61" s="17">
        <v>78</v>
      </c>
    </row>
    <row r="62" spans="1:4" ht="18" customHeight="1" x14ac:dyDescent="0.2">
      <c r="A62" s="14">
        <v>47</v>
      </c>
      <c r="B62" s="15">
        <v>45</v>
      </c>
      <c r="C62" s="16">
        <v>35</v>
      </c>
      <c r="D62" s="17">
        <v>80</v>
      </c>
    </row>
    <row r="63" spans="1:4" ht="18" customHeight="1" x14ac:dyDescent="0.2">
      <c r="A63" s="14">
        <v>48</v>
      </c>
      <c r="B63" s="15">
        <v>55</v>
      </c>
      <c r="C63" s="16">
        <v>51</v>
      </c>
      <c r="D63" s="17">
        <v>106</v>
      </c>
    </row>
    <row r="64" spans="1:4" ht="18" customHeight="1" x14ac:dyDescent="0.2">
      <c r="A64" s="14">
        <v>49</v>
      </c>
      <c r="B64" s="15">
        <v>43</v>
      </c>
      <c r="C64" s="16">
        <v>43</v>
      </c>
      <c r="D64" s="17">
        <v>86</v>
      </c>
    </row>
    <row r="65" spans="1:4" ht="18" customHeight="1" x14ac:dyDescent="0.2">
      <c r="A65" s="18" t="s">
        <v>58</v>
      </c>
      <c r="B65" s="15">
        <v>211</v>
      </c>
      <c r="C65" s="16">
        <v>216</v>
      </c>
      <c r="D65" s="17">
        <v>427</v>
      </c>
    </row>
    <row r="66" spans="1:4" ht="18" customHeight="1" x14ac:dyDescent="0.2">
      <c r="A66" s="14">
        <v>50</v>
      </c>
      <c r="B66" s="15">
        <v>49</v>
      </c>
      <c r="C66" s="16">
        <v>34</v>
      </c>
      <c r="D66" s="17">
        <v>83</v>
      </c>
    </row>
    <row r="67" spans="1:4" ht="18" customHeight="1" x14ac:dyDescent="0.2">
      <c r="A67" s="14">
        <v>51</v>
      </c>
      <c r="B67" s="15">
        <v>49</v>
      </c>
      <c r="C67" s="16">
        <v>46</v>
      </c>
      <c r="D67" s="17">
        <v>95</v>
      </c>
    </row>
    <row r="68" spans="1:4" ht="18" customHeight="1" x14ac:dyDescent="0.2">
      <c r="A68" s="14">
        <v>52</v>
      </c>
      <c r="B68" s="15">
        <v>56</v>
      </c>
      <c r="C68" s="16">
        <v>37</v>
      </c>
      <c r="D68" s="17">
        <v>93</v>
      </c>
    </row>
    <row r="69" spans="1:4" ht="18" customHeight="1" x14ac:dyDescent="0.2">
      <c r="A69" s="14">
        <v>53</v>
      </c>
      <c r="B69" s="15">
        <v>34</v>
      </c>
      <c r="C69" s="16">
        <v>40</v>
      </c>
      <c r="D69" s="17">
        <v>74</v>
      </c>
    </row>
    <row r="70" spans="1:4" ht="18" customHeight="1" x14ac:dyDescent="0.2">
      <c r="A70" s="14">
        <v>54</v>
      </c>
      <c r="B70" s="15">
        <v>37</v>
      </c>
      <c r="C70" s="16">
        <v>48</v>
      </c>
      <c r="D70" s="17">
        <v>85</v>
      </c>
    </row>
    <row r="71" spans="1:4" ht="18" customHeight="1" x14ac:dyDescent="0.2">
      <c r="A71" s="18" t="s">
        <v>59</v>
      </c>
      <c r="B71" s="15">
        <v>225</v>
      </c>
      <c r="C71" s="16">
        <v>205</v>
      </c>
      <c r="D71" s="17">
        <v>430</v>
      </c>
    </row>
    <row r="72" spans="1:4" ht="18" customHeight="1" x14ac:dyDescent="0.2">
      <c r="A72" s="14">
        <v>55</v>
      </c>
      <c r="B72" s="15">
        <v>49</v>
      </c>
      <c r="C72" s="16">
        <v>39</v>
      </c>
      <c r="D72" s="17">
        <v>88</v>
      </c>
    </row>
    <row r="73" spans="1:4" ht="18" customHeight="1" x14ac:dyDescent="0.2">
      <c r="A73" s="14">
        <v>56</v>
      </c>
      <c r="B73" s="15">
        <v>46</v>
      </c>
      <c r="C73" s="16">
        <v>43</v>
      </c>
      <c r="D73" s="17">
        <v>89</v>
      </c>
    </row>
    <row r="74" spans="1:4" ht="18" customHeight="1" x14ac:dyDescent="0.2">
      <c r="A74" s="14">
        <v>57</v>
      </c>
      <c r="B74" s="15">
        <v>44</v>
      </c>
      <c r="C74" s="16">
        <v>38</v>
      </c>
      <c r="D74" s="17">
        <v>82</v>
      </c>
    </row>
    <row r="75" spans="1:4" ht="18" customHeight="1" x14ac:dyDescent="0.2">
      <c r="A75" s="14">
        <v>58</v>
      </c>
      <c r="B75" s="15">
        <v>45</v>
      </c>
      <c r="C75" s="16">
        <v>45</v>
      </c>
      <c r="D75" s="17">
        <v>90</v>
      </c>
    </row>
    <row r="76" spans="1:4" ht="18" customHeight="1" x14ac:dyDescent="0.2">
      <c r="A76" s="14">
        <v>59</v>
      </c>
      <c r="B76" s="15">
        <v>35</v>
      </c>
      <c r="C76" s="16">
        <v>33</v>
      </c>
      <c r="D76" s="17">
        <v>68</v>
      </c>
    </row>
    <row r="77" spans="1:4" ht="18" customHeight="1" x14ac:dyDescent="0.2">
      <c r="A77" s="18" t="s">
        <v>60</v>
      </c>
      <c r="B77" s="15">
        <v>219</v>
      </c>
      <c r="C77" s="16">
        <v>198</v>
      </c>
      <c r="D77" s="17">
        <v>417</v>
      </c>
    </row>
    <row r="78" spans="1:4" ht="18" customHeight="1" x14ac:dyDescent="0.2">
      <c r="A78" s="14">
        <v>60</v>
      </c>
      <c r="B78" s="15">
        <v>39</v>
      </c>
      <c r="C78" s="16">
        <v>37</v>
      </c>
      <c r="D78" s="17">
        <v>76</v>
      </c>
    </row>
    <row r="79" spans="1:4" ht="18" customHeight="1" x14ac:dyDescent="0.2">
      <c r="A79" s="14">
        <v>61</v>
      </c>
      <c r="B79" s="15">
        <v>41</v>
      </c>
      <c r="C79" s="16">
        <v>42</v>
      </c>
      <c r="D79" s="17">
        <v>83</v>
      </c>
    </row>
    <row r="80" spans="1:4" ht="18" customHeight="1" x14ac:dyDescent="0.2">
      <c r="A80" s="14">
        <v>62</v>
      </c>
      <c r="B80" s="15">
        <v>38</v>
      </c>
      <c r="C80" s="16">
        <v>38</v>
      </c>
      <c r="D80" s="17">
        <v>76</v>
      </c>
    </row>
    <row r="81" spans="1:4" ht="18" customHeight="1" x14ac:dyDescent="0.2">
      <c r="A81" s="14">
        <v>63</v>
      </c>
      <c r="B81" s="15">
        <v>43</v>
      </c>
      <c r="C81" s="16">
        <v>37</v>
      </c>
      <c r="D81" s="17">
        <v>80</v>
      </c>
    </row>
    <row r="82" spans="1:4" ht="18" customHeight="1" x14ac:dyDescent="0.2">
      <c r="A82" s="14">
        <v>64</v>
      </c>
      <c r="B82" s="15">
        <v>43</v>
      </c>
      <c r="C82" s="16">
        <v>38</v>
      </c>
      <c r="D82" s="17">
        <v>81</v>
      </c>
    </row>
    <row r="83" spans="1:4" ht="18" customHeight="1" x14ac:dyDescent="0.2">
      <c r="A83" s="18" t="s">
        <v>61</v>
      </c>
      <c r="B83" s="15">
        <v>204</v>
      </c>
      <c r="C83" s="16">
        <v>192</v>
      </c>
      <c r="D83" s="17">
        <v>396</v>
      </c>
    </row>
    <row r="84" spans="1:4" ht="18" customHeight="1" x14ac:dyDescent="0.2">
      <c r="A84" s="18" t="s">
        <v>62</v>
      </c>
      <c r="B84" s="15">
        <v>1759</v>
      </c>
      <c r="C84" s="16">
        <v>1590</v>
      </c>
      <c r="D84" s="17">
        <v>3349</v>
      </c>
    </row>
    <row r="85" spans="1:4" ht="18" customHeight="1" x14ac:dyDescent="0.2">
      <c r="A85" s="14">
        <v>65</v>
      </c>
      <c r="B85" s="15">
        <v>38</v>
      </c>
      <c r="C85" s="16">
        <v>48</v>
      </c>
      <c r="D85" s="17">
        <v>86</v>
      </c>
    </row>
    <row r="86" spans="1:4" ht="18" customHeight="1" x14ac:dyDescent="0.2">
      <c r="A86" s="14">
        <v>66</v>
      </c>
      <c r="B86" s="15">
        <v>21</v>
      </c>
      <c r="C86" s="16">
        <v>35</v>
      </c>
      <c r="D86" s="17">
        <v>56</v>
      </c>
    </row>
    <row r="87" spans="1:4" ht="18" customHeight="1" x14ac:dyDescent="0.2">
      <c r="A87" s="14">
        <v>67</v>
      </c>
      <c r="B87" s="15">
        <v>42</v>
      </c>
      <c r="C87" s="16">
        <v>42</v>
      </c>
      <c r="D87" s="17">
        <v>84</v>
      </c>
    </row>
    <row r="88" spans="1:4" ht="18" customHeight="1" x14ac:dyDescent="0.2">
      <c r="A88" s="14">
        <v>68</v>
      </c>
      <c r="B88" s="15">
        <v>47</v>
      </c>
      <c r="C88" s="16">
        <v>41</v>
      </c>
      <c r="D88" s="17">
        <v>88</v>
      </c>
    </row>
    <row r="89" spans="1:4" ht="18" customHeight="1" x14ac:dyDescent="0.2">
      <c r="A89" s="14">
        <v>69</v>
      </c>
      <c r="B89" s="15">
        <v>35</v>
      </c>
      <c r="C89" s="16">
        <v>48</v>
      </c>
      <c r="D89" s="17">
        <v>83</v>
      </c>
    </row>
    <row r="90" spans="1:4" ht="18" customHeight="1" x14ac:dyDescent="0.2">
      <c r="A90" s="18" t="s">
        <v>63</v>
      </c>
      <c r="B90" s="15">
        <v>183</v>
      </c>
      <c r="C90" s="16">
        <v>214</v>
      </c>
      <c r="D90" s="17">
        <v>397</v>
      </c>
    </row>
    <row r="91" spans="1:4" ht="18" customHeight="1" x14ac:dyDescent="0.2">
      <c r="A91" s="14">
        <v>70</v>
      </c>
      <c r="B91" s="15">
        <v>50</v>
      </c>
      <c r="C91" s="16">
        <v>49</v>
      </c>
      <c r="D91" s="17">
        <v>99</v>
      </c>
    </row>
    <row r="92" spans="1:4" ht="18" customHeight="1" x14ac:dyDescent="0.2">
      <c r="A92" s="14">
        <v>71</v>
      </c>
      <c r="B92" s="15">
        <v>69</v>
      </c>
      <c r="C92" s="16">
        <v>59</v>
      </c>
      <c r="D92" s="17">
        <v>128</v>
      </c>
    </row>
    <row r="93" spans="1:4" ht="18" customHeight="1" x14ac:dyDescent="0.2">
      <c r="A93" s="14">
        <v>72</v>
      </c>
      <c r="B93" s="15">
        <v>54</v>
      </c>
      <c r="C93" s="16">
        <v>67</v>
      </c>
      <c r="D93" s="17">
        <v>121</v>
      </c>
    </row>
    <row r="94" spans="1:4" ht="18" customHeight="1" x14ac:dyDescent="0.2">
      <c r="A94" s="14">
        <v>73</v>
      </c>
      <c r="B94" s="15">
        <v>48</v>
      </c>
      <c r="C94" s="16">
        <v>62</v>
      </c>
      <c r="D94" s="17">
        <v>110</v>
      </c>
    </row>
    <row r="95" spans="1:4" ht="18" customHeight="1" x14ac:dyDescent="0.2">
      <c r="A95" s="14">
        <v>74</v>
      </c>
      <c r="B95" s="15">
        <v>26</v>
      </c>
      <c r="C95" s="16">
        <v>31</v>
      </c>
      <c r="D95" s="17">
        <v>57</v>
      </c>
    </row>
    <row r="96" spans="1:4" ht="18" customHeight="1" x14ac:dyDescent="0.2">
      <c r="A96" s="18" t="s">
        <v>64</v>
      </c>
      <c r="B96" s="15">
        <v>247</v>
      </c>
      <c r="C96" s="16">
        <v>268</v>
      </c>
      <c r="D96" s="17">
        <v>515</v>
      </c>
    </row>
    <row r="97" spans="1:4" ht="18" customHeight="1" x14ac:dyDescent="0.2">
      <c r="A97" s="14">
        <v>75</v>
      </c>
      <c r="B97" s="15">
        <v>36</v>
      </c>
      <c r="C97" s="16">
        <v>41</v>
      </c>
      <c r="D97" s="17">
        <v>77</v>
      </c>
    </row>
    <row r="98" spans="1:4" ht="18" customHeight="1" x14ac:dyDescent="0.2">
      <c r="A98" s="14">
        <v>76</v>
      </c>
      <c r="B98" s="15">
        <v>40</v>
      </c>
      <c r="C98" s="16">
        <v>56</v>
      </c>
      <c r="D98" s="17">
        <v>96</v>
      </c>
    </row>
    <row r="99" spans="1:4" ht="18" customHeight="1" x14ac:dyDescent="0.2">
      <c r="A99" s="14">
        <v>77</v>
      </c>
      <c r="B99" s="15">
        <v>46</v>
      </c>
      <c r="C99" s="16">
        <v>60</v>
      </c>
      <c r="D99" s="17">
        <v>106</v>
      </c>
    </row>
    <row r="100" spans="1:4" ht="18" customHeight="1" x14ac:dyDescent="0.2">
      <c r="A100" s="14">
        <v>78</v>
      </c>
      <c r="B100" s="15">
        <v>41</v>
      </c>
      <c r="C100" s="16">
        <v>61</v>
      </c>
      <c r="D100" s="17">
        <v>102</v>
      </c>
    </row>
    <row r="101" spans="1:4" ht="18" customHeight="1" x14ac:dyDescent="0.2">
      <c r="A101" s="14">
        <v>79</v>
      </c>
      <c r="B101" s="15">
        <v>40</v>
      </c>
      <c r="C101" s="16">
        <v>38</v>
      </c>
      <c r="D101" s="17">
        <v>78</v>
      </c>
    </row>
    <row r="102" spans="1:4" ht="18" customHeight="1" x14ac:dyDescent="0.2">
      <c r="A102" s="18" t="s">
        <v>65</v>
      </c>
      <c r="B102" s="15">
        <v>203</v>
      </c>
      <c r="C102" s="16">
        <v>256</v>
      </c>
      <c r="D102" s="17">
        <v>459</v>
      </c>
    </row>
    <row r="103" spans="1:4" ht="18" customHeight="1" x14ac:dyDescent="0.2">
      <c r="A103" s="14">
        <v>80</v>
      </c>
      <c r="B103" s="15">
        <v>35</v>
      </c>
      <c r="C103" s="16">
        <v>35</v>
      </c>
      <c r="D103" s="17">
        <v>70</v>
      </c>
    </row>
    <row r="104" spans="1:4" ht="18" customHeight="1" x14ac:dyDescent="0.2">
      <c r="A104" s="14">
        <v>81</v>
      </c>
      <c r="B104" s="15">
        <v>17</v>
      </c>
      <c r="C104" s="16">
        <v>39</v>
      </c>
      <c r="D104" s="17">
        <v>56</v>
      </c>
    </row>
    <row r="105" spans="1:4" ht="18" customHeight="1" x14ac:dyDescent="0.2">
      <c r="A105" s="14">
        <v>82</v>
      </c>
      <c r="B105" s="15">
        <v>23</v>
      </c>
      <c r="C105" s="16">
        <v>40</v>
      </c>
      <c r="D105" s="17">
        <v>63</v>
      </c>
    </row>
    <row r="106" spans="1:4" ht="18" customHeight="1" x14ac:dyDescent="0.2">
      <c r="A106" s="14">
        <v>83</v>
      </c>
      <c r="B106" s="15">
        <v>18</v>
      </c>
      <c r="C106" s="16">
        <v>40</v>
      </c>
      <c r="D106" s="17">
        <v>58</v>
      </c>
    </row>
    <row r="107" spans="1:4" ht="18" customHeight="1" x14ac:dyDescent="0.2">
      <c r="A107" s="14">
        <v>84</v>
      </c>
      <c r="B107" s="15">
        <v>31</v>
      </c>
      <c r="C107" s="16">
        <v>51</v>
      </c>
      <c r="D107" s="17">
        <v>82</v>
      </c>
    </row>
    <row r="108" spans="1:4" ht="18" customHeight="1" x14ac:dyDescent="0.2">
      <c r="A108" s="18" t="s">
        <v>66</v>
      </c>
      <c r="B108" s="15">
        <v>124</v>
      </c>
      <c r="C108" s="16">
        <v>205</v>
      </c>
      <c r="D108" s="17">
        <v>329</v>
      </c>
    </row>
    <row r="109" spans="1:4" ht="18" customHeight="1" x14ac:dyDescent="0.2">
      <c r="A109" s="14">
        <v>85</v>
      </c>
      <c r="B109" s="15">
        <v>18</v>
      </c>
      <c r="C109" s="16">
        <v>42</v>
      </c>
      <c r="D109" s="17">
        <v>60</v>
      </c>
    </row>
    <row r="110" spans="1:4" ht="18" customHeight="1" x14ac:dyDescent="0.2">
      <c r="A110" s="14">
        <v>86</v>
      </c>
      <c r="B110" s="15">
        <v>23</v>
      </c>
      <c r="C110" s="16">
        <v>40</v>
      </c>
      <c r="D110" s="17">
        <v>63</v>
      </c>
    </row>
    <row r="111" spans="1:4" ht="18" customHeight="1" x14ac:dyDescent="0.2">
      <c r="A111" s="14">
        <v>87</v>
      </c>
      <c r="B111" s="15">
        <v>14</v>
      </c>
      <c r="C111" s="16">
        <v>43</v>
      </c>
      <c r="D111" s="17">
        <v>57</v>
      </c>
    </row>
    <row r="112" spans="1:4" ht="18" customHeight="1" x14ac:dyDescent="0.2">
      <c r="A112" s="14">
        <v>88</v>
      </c>
      <c r="B112" s="15">
        <v>13</v>
      </c>
      <c r="C112" s="16">
        <v>37</v>
      </c>
      <c r="D112" s="17">
        <v>50</v>
      </c>
    </row>
    <row r="113" spans="1:4" ht="18" customHeight="1" x14ac:dyDescent="0.2">
      <c r="A113" s="14">
        <v>89</v>
      </c>
      <c r="B113" s="15">
        <v>7</v>
      </c>
      <c r="C113" s="16">
        <v>27</v>
      </c>
      <c r="D113" s="17">
        <v>34</v>
      </c>
    </row>
    <row r="114" spans="1:4" ht="18" customHeight="1" x14ac:dyDescent="0.2">
      <c r="A114" s="18" t="s">
        <v>67</v>
      </c>
      <c r="B114" s="15">
        <v>75</v>
      </c>
      <c r="C114" s="16">
        <v>189</v>
      </c>
      <c r="D114" s="17">
        <v>264</v>
      </c>
    </row>
    <row r="115" spans="1:4" ht="18" customHeight="1" x14ac:dyDescent="0.2">
      <c r="A115" s="14">
        <v>90</v>
      </c>
      <c r="B115" s="15">
        <v>10</v>
      </c>
      <c r="C115" s="16">
        <v>28</v>
      </c>
      <c r="D115" s="17">
        <v>38</v>
      </c>
    </row>
    <row r="116" spans="1:4" ht="18" customHeight="1" x14ac:dyDescent="0.2">
      <c r="A116" s="14">
        <v>91</v>
      </c>
      <c r="B116" s="15">
        <v>6</v>
      </c>
      <c r="C116" s="16">
        <v>26</v>
      </c>
      <c r="D116" s="17">
        <v>32</v>
      </c>
    </row>
    <row r="117" spans="1:4" ht="18" customHeight="1" x14ac:dyDescent="0.2">
      <c r="A117" s="14">
        <v>92</v>
      </c>
      <c r="B117" s="15">
        <v>8</v>
      </c>
      <c r="C117" s="16">
        <v>18</v>
      </c>
      <c r="D117" s="17">
        <v>26</v>
      </c>
    </row>
    <row r="118" spans="1:4" ht="18" customHeight="1" x14ac:dyDescent="0.2">
      <c r="A118" s="14">
        <v>93</v>
      </c>
      <c r="B118" s="15">
        <v>2</v>
      </c>
      <c r="C118" s="16">
        <v>21</v>
      </c>
      <c r="D118" s="17">
        <v>23</v>
      </c>
    </row>
    <row r="119" spans="1:4" ht="18" customHeight="1" x14ac:dyDescent="0.2">
      <c r="A119" s="14">
        <v>94</v>
      </c>
      <c r="B119" s="15">
        <v>5</v>
      </c>
      <c r="C119" s="16">
        <v>18</v>
      </c>
      <c r="D119" s="17">
        <v>23</v>
      </c>
    </row>
    <row r="120" spans="1:4" ht="18" customHeight="1" x14ac:dyDescent="0.2">
      <c r="A120" s="18" t="s">
        <v>68</v>
      </c>
      <c r="B120" s="15">
        <v>31</v>
      </c>
      <c r="C120" s="16">
        <v>111</v>
      </c>
      <c r="D120" s="17">
        <v>142</v>
      </c>
    </row>
    <row r="121" spans="1:4" ht="18" customHeight="1" x14ac:dyDescent="0.2">
      <c r="A121" s="14">
        <v>95</v>
      </c>
      <c r="B121" s="15">
        <v>2</v>
      </c>
      <c r="C121" s="16">
        <v>11</v>
      </c>
      <c r="D121" s="17">
        <v>13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4</v>
      </c>
      <c r="C123" s="16">
        <v>6</v>
      </c>
      <c r="D123" s="17">
        <v>10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7</v>
      </c>
      <c r="D125" s="17">
        <v>7</v>
      </c>
    </row>
    <row r="126" spans="1:4" ht="18" customHeight="1" x14ac:dyDescent="0.2">
      <c r="A126" s="18" t="s">
        <v>69</v>
      </c>
      <c r="B126" s="15">
        <v>7</v>
      </c>
      <c r="C126" s="16">
        <v>29</v>
      </c>
      <c r="D126" s="17">
        <v>36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2</v>
      </c>
      <c r="C128" s="16">
        <v>2</v>
      </c>
      <c r="D128" s="17">
        <v>4</v>
      </c>
    </row>
    <row r="129" spans="1:4" ht="18" customHeight="1" x14ac:dyDescent="0.2">
      <c r="A129" s="18" t="s">
        <v>71</v>
      </c>
      <c r="B129" s="15">
        <v>3</v>
      </c>
      <c r="C129" s="16">
        <v>2</v>
      </c>
      <c r="D129" s="17">
        <v>5</v>
      </c>
    </row>
    <row r="130" spans="1:4" ht="18" customHeight="1" x14ac:dyDescent="0.2">
      <c r="A130" s="18" t="s">
        <v>72</v>
      </c>
      <c r="B130" s="4">
        <v>873</v>
      </c>
      <c r="C130" s="5">
        <v>1274</v>
      </c>
      <c r="D130" s="6">
        <v>2147</v>
      </c>
    </row>
    <row r="131" spans="1:4" ht="18" customHeight="1" x14ac:dyDescent="0.2">
      <c r="A131" s="20" t="s">
        <v>47</v>
      </c>
      <c r="B131" s="7">
        <v>2895</v>
      </c>
      <c r="C131" s="8">
        <v>3124</v>
      </c>
      <c r="D131" s="9">
        <v>601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3</v>
      </c>
      <c r="C7" s="28">
        <v>0</v>
      </c>
      <c r="D7" s="29">
        <v>3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4" ht="18" customHeight="1" x14ac:dyDescent="0.2">
      <c r="A10" s="31" t="s">
        <v>48</v>
      </c>
      <c r="B10" s="27">
        <v>3</v>
      </c>
      <c r="C10" s="28">
        <v>2</v>
      </c>
      <c r="D10" s="29">
        <v>5</v>
      </c>
    </row>
    <row r="11" spans="1:4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4" ht="18" customHeight="1" x14ac:dyDescent="0.2">
      <c r="A12" s="31">
        <v>6</v>
      </c>
      <c r="B12" s="35">
        <v>2</v>
      </c>
      <c r="C12" s="28">
        <v>1</v>
      </c>
      <c r="D12" s="29">
        <v>3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5</v>
      </c>
      <c r="C14" s="28">
        <v>3</v>
      </c>
      <c r="D14" s="29">
        <v>8</v>
      </c>
    </row>
    <row r="15" spans="1:4" ht="18" customHeight="1" x14ac:dyDescent="0.2">
      <c r="A15" s="31">
        <v>9</v>
      </c>
      <c r="B15" s="35">
        <v>1</v>
      </c>
      <c r="C15" s="28">
        <v>1</v>
      </c>
      <c r="D15" s="29">
        <v>2</v>
      </c>
    </row>
    <row r="16" spans="1:4" ht="18" customHeight="1" x14ac:dyDescent="0.2">
      <c r="A16" s="31" t="s">
        <v>49</v>
      </c>
      <c r="B16" s="27">
        <v>10</v>
      </c>
      <c r="C16" s="28">
        <v>6</v>
      </c>
      <c r="D16" s="29">
        <v>16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2</v>
      </c>
      <c r="C19" s="28">
        <v>3</v>
      </c>
      <c r="D19" s="29">
        <v>5</v>
      </c>
    </row>
    <row r="20" spans="1:4" ht="18" customHeight="1" x14ac:dyDescent="0.2">
      <c r="A20" s="31">
        <v>13</v>
      </c>
      <c r="B20" s="27">
        <v>2</v>
      </c>
      <c r="C20" s="28">
        <v>1</v>
      </c>
      <c r="D20" s="29">
        <v>3</v>
      </c>
    </row>
    <row r="21" spans="1:4" ht="18" customHeight="1" x14ac:dyDescent="0.2">
      <c r="A21" s="31">
        <v>14</v>
      </c>
      <c r="B21" s="27">
        <v>1</v>
      </c>
      <c r="C21" s="28">
        <v>4</v>
      </c>
      <c r="D21" s="29">
        <v>5</v>
      </c>
    </row>
    <row r="22" spans="1:4" ht="18" customHeight="1" x14ac:dyDescent="0.2">
      <c r="A22" s="31" t="s">
        <v>50</v>
      </c>
      <c r="B22" s="27">
        <v>7</v>
      </c>
      <c r="C22" s="28">
        <v>10</v>
      </c>
      <c r="D22" s="29">
        <v>17</v>
      </c>
    </row>
    <row r="23" spans="1:4" ht="18" customHeight="1" x14ac:dyDescent="0.2">
      <c r="A23" s="31" t="s">
        <v>51</v>
      </c>
      <c r="B23" s="27">
        <v>20</v>
      </c>
      <c r="C23" s="28">
        <v>18</v>
      </c>
      <c r="D23" s="29">
        <v>38</v>
      </c>
    </row>
    <row r="24" spans="1:4" ht="18" customHeight="1" x14ac:dyDescent="0.2">
      <c r="A24" s="31">
        <v>15</v>
      </c>
      <c r="B24" s="27">
        <v>4</v>
      </c>
      <c r="C24" s="28">
        <v>0</v>
      </c>
      <c r="D24" s="29">
        <v>4</v>
      </c>
    </row>
    <row r="25" spans="1:4" ht="18" customHeight="1" x14ac:dyDescent="0.2">
      <c r="A25" s="31">
        <v>16</v>
      </c>
      <c r="B25" s="27">
        <v>2</v>
      </c>
      <c r="C25" s="28">
        <v>1</v>
      </c>
      <c r="D25" s="29">
        <v>3</v>
      </c>
    </row>
    <row r="26" spans="1:4" ht="18" customHeight="1" x14ac:dyDescent="0.2">
      <c r="A26" s="31">
        <v>17</v>
      </c>
      <c r="B26" s="27">
        <v>2</v>
      </c>
      <c r="C26" s="28">
        <v>1</v>
      </c>
      <c r="D26" s="29">
        <v>3</v>
      </c>
    </row>
    <row r="27" spans="1:4" ht="18" customHeight="1" x14ac:dyDescent="0.2">
      <c r="A27" s="31">
        <v>18</v>
      </c>
      <c r="B27" s="27">
        <v>3</v>
      </c>
      <c r="C27" s="28">
        <v>4</v>
      </c>
      <c r="D27" s="29">
        <v>7</v>
      </c>
    </row>
    <row r="28" spans="1:4" ht="18" customHeight="1" x14ac:dyDescent="0.2">
      <c r="A28" s="31">
        <v>19</v>
      </c>
      <c r="B28" s="27">
        <v>3</v>
      </c>
      <c r="C28" s="28">
        <v>0</v>
      </c>
      <c r="D28" s="29">
        <v>3</v>
      </c>
    </row>
    <row r="29" spans="1:4" ht="18" customHeight="1" x14ac:dyDescent="0.2">
      <c r="A29" s="31" t="s">
        <v>52</v>
      </c>
      <c r="B29" s="27">
        <v>14</v>
      </c>
      <c r="C29" s="28">
        <v>6</v>
      </c>
      <c r="D29" s="29">
        <v>20</v>
      </c>
    </row>
    <row r="30" spans="1:4" ht="18" customHeight="1" x14ac:dyDescent="0.2">
      <c r="A30" s="31">
        <v>20</v>
      </c>
      <c r="B30" s="27">
        <v>2</v>
      </c>
      <c r="C30" s="28">
        <v>4</v>
      </c>
      <c r="D30" s="29">
        <v>6</v>
      </c>
    </row>
    <row r="31" spans="1:4" ht="18" customHeight="1" x14ac:dyDescent="0.2">
      <c r="A31" s="31">
        <v>21</v>
      </c>
      <c r="B31" s="27">
        <v>4</v>
      </c>
      <c r="C31" s="28">
        <v>1</v>
      </c>
      <c r="D31" s="29">
        <v>5</v>
      </c>
    </row>
    <row r="32" spans="1:4" ht="18" customHeight="1" x14ac:dyDescent="0.2">
      <c r="A32" s="31">
        <v>22</v>
      </c>
      <c r="B32" s="27">
        <v>2</v>
      </c>
      <c r="C32" s="28">
        <v>1</v>
      </c>
      <c r="D32" s="29">
        <v>3</v>
      </c>
    </row>
    <row r="33" spans="1:4" ht="18" customHeight="1" x14ac:dyDescent="0.2">
      <c r="A33" s="31">
        <v>23</v>
      </c>
      <c r="B33" s="27">
        <v>2</v>
      </c>
      <c r="C33" s="28">
        <v>3</v>
      </c>
      <c r="D33" s="29">
        <v>5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11</v>
      </c>
      <c r="C35" s="28">
        <v>10</v>
      </c>
      <c r="D35" s="29">
        <v>21</v>
      </c>
    </row>
    <row r="36" spans="1:4" ht="18" customHeight="1" x14ac:dyDescent="0.2">
      <c r="A36" s="31">
        <v>25</v>
      </c>
      <c r="B36" s="27">
        <v>3</v>
      </c>
      <c r="C36" s="28">
        <v>4</v>
      </c>
      <c r="D36" s="29">
        <v>7</v>
      </c>
    </row>
    <row r="37" spans="1:4" ht="18" customHeight="1" x14ac:dyDescent="0.2">
      <c r="A37" s="31">
        <v>26</v>
      </c>
      <c r="B37" s="27">
        <v>4</v>
      </c>
      <c r="C37" s="28">
        <v>0</v>
      </c>
      <c r="D37" s="29">
        <v>4</v>
      </c>
    </row>
    <row r="38" spans="1:4" ht="18" customHeight="1" x14ac:dyDescent="0.2">
      <c r="A38" s="31">
        <v>27</v>
      </c>
      <c r="B38" s="27">
        <v>1</v>
      </c>
      <c r="C38" s="28">
        <v>1</v>
      </c>
      <c r="D38" s="29">
        <v>2</v>
      </c>
    </row>
    <row r="39" spans="1:4" ht="18" customHeight="1" x14ac:dyDescent="0.2">
      <c r="A39" s="31">
        <v>28</v>
      </c>
      <c r="B39" s="27">
        <v>2</v>
      </c>
      <c r="C39" s="28">
        <v>2</v>
      </c>
      <c r="D39" s="29">
        <v>4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10</v>
      </c>
      <c r="C41" s="28">
        <v>7</v>
      </c>
      <c r="D41" s="29">
        <v>17</v>
      </c>
    </row>
    <row r="42" spans="1:4" ht="18" customHeight="1" x14ac:dyDescent="0.2">
      <c r="A42" s="31">
        <v>30</v>
      </c>
      <c r="B42" s="27">
        <v>1</v>
      </c>
      <c r="C42" s="28">
        <v>1</v>
      </c>
      <c r="D42" s="29">
        <v>2</v>
      </c>
    </row>
    <row r="43" spans="1:4" ht="18" customHeight="1" x14ac:dyDescent="0.2">
      <c r="A43" s="31">
        <v>31</v>
      </c>
      <c r="B43" s="27">
        <v>2</v>
      </c>
      <c r="C43" s="28">
        <v>1</v>
      </c>
      <c r="D43" s="29">
        <v>3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2</v>
      </c>
      <c r="C45" s="28">
        <v>4</v>
      </c>
      <c r="D45" s="29">
        <v>6</v>
      </c>
    </row>
    <row r="46" spans="1:4" ht="18" customHeight="1" x14ac:dyDescent="0.2">
      <c r="A46" s="31">
        <v>34</v>
      </c>
      <c r="B46" s="27">
        <v>2</v>
      </c>
      <c r="C46" s="28">
        <v>4</v>
      </c>
      <c r="D46" s="29">
        <v>6</v>
      </c>
    </row>
    <row r="47" spans="1:4" ht="18" customHeight="1" x14ac:dyDescent="0.2">
      <c r="A47" s="31" t="s">
        <v>55</v>
      </c>
      <c r="B47" s="27">
        <v>8</v>
      </c>
      <c r="C47" s="28">
        <v>11</v>
      </c>
      <c r="D47" s="29">
        <v>19</v>
      </c>
    </row>
    <row r="48" spans="1:4" ht="18" customHeight="1" x14ac:dyDescent="0.2">
      <c r="A48" s="31">
        <v>35</v>
      </c>
      <c r="B48" s="27">
        <v>5</v>
      </c>
      <c r="C48" s="28">
        <v>2</v>
      </c>
      <c r="D48" s="29">
        <v>7</v>
      </c>
    </row>
    <row r="49" spans="1:4" ht="18" customHeight="1" x14ac:dyDescent="0.2">
      <c r="A49" s="31">
        <v>36</v>
      </c>
      <c r="B49" s="27">
        <v>4</v>
      </c>
      <c r="C49" s="28">
        <v>3</v>
      </c>
      <c r="D49" s="29">
        <v>7</v>
      </c>
    </row>
    <row r="50" spans="1:4" ht="18" customHeight="1" x14ac:dyDescent="0.2">
      <c r="A50" s="31">
        <v>37</v>
      </c>
      <c r="B50" s="27">
        <v>3</v>
      </c>
      <c r="C50" s="28">
        <v>0</v>
      </c>
      <c r="D50" s="29">
        <v>3</v>
      </c>
    </row>
    <row r="51" spans="1:4" ht="18" customHeight="1" x14ac:dyDescent="0.2">
      <c r="A51" s="31">
        <v>38</v>
      </c>
      <c r="B51" s="27">
        <v>2</v>
      </c>
      <c r="C51" s="28">
        <v>4</v>
      </c>
      <c r="D51" s="29">
        <v>6</v>
      </c>
    </row>
    <row r="52" spans="1:4" ht="18" customHeight="1" x14ac:dyDescent="0.2">
      <c r="A52" s="31">
        <v>39</v>
      </c>
      <c r="B52" s="27">
        <v>4</v>
      </c>
      <c r="C52" s="28">
        <v>2</v>
      </c>
      <c r="D52" s="29">
        <v>6</v>
      </c>
    </row>
    <row r="53" spans="1:4" ht="18" customHeight="1" x14ac:dyDescent="0.2">
      <c r="A53" s="31" t="s">
        <v>56</v>
      </c>
      <c r="B53" s="27">
        <v>18</v>
      </c>
      <c r="C53" s="28">
        <v>11</v>
      </c>
      <c r="D53" s="29">
        <v>29</v>
      </c>
    </row>
    <row r="54" spans="1:4" ht="18" customHeight="1" x14ac:dyDescent="0.2">
      <c r="A54" s="31">
        <v>40</v>
      </c>
      <c r="B54" s="27">
        <v>6</v>
      </c>
      <c r="C54" s="28">
        <v>3</v>
      </c>
      <c r="D54" s="29">
        <v>9</v>
      </c>
    </row>
    <row r="55" spans="1:4" ht="18" customHeight="1" x14ac:dyDescent="0.2">
      <c r="A55" s="31">
        <v>41</v>
      </c>
      <c r="B55" s="27">
        <v>5</v>
      </c>
      <c r="C55" s="28">
        <v>3</v>
      </c>
      <c r="D55" s="29">
        <v>8</v>
      </c>
    </row>
    <row r="56" spans="1:4" ht="18" customHeight="1" x14ac:dyDescent="0.2">
      <c r="A56" s="31">
        <v>42</v>
      </c>
      <c r="B56" s="27">
        <v>4</v>
      </c>
      <c r="C56" s="28">
        <v>3</v>
      </c>
      <c r="D56" s="29">
        <v>7</v>
      </c>
    </row>
    <row r="57" spans="1:4" ht="18" customHeight="1" x14ac:dyDescent="0.2">
      <c r="A57" s="31">
        <v>43</v>
      </c>
      <c r="B57" s="27">
        <v>2</v>
      </c>
      <c r="C57" s="28">
        <v>1</v>
      </c>
      <c r="D57" s="29">
        <v>3</v>
      </c>
    </row>
    <row r="58" spans="1:4" ht="18" customHeight="1" x14ac:dyDescent="0.2">
      <c r="A58" s="31">
        <v>44</v>
      </c>
      <c r="B58" s="27">
        <v>6</v>
      </c>
      <c r="C58" s="28">
        <v>4</v>
      </c>
      <c r="D58" s="29">
        <v>10</v>
      </c>
    </row>
    <row r="59" spans="1:4" ht="18" customHeight="1" x14ac:dyDescent="0.2">
      <c r="A59" s="31" t="s">
        <v>57</v>
      </c>
      <c r="B59" s="27">
        <v>23</v>
      </c>
      <c r="C59" s="28">
        <v>14</v>
      </c>
      <c r="D59" s="29">
        <v>37</v>
      </c>
    </row>
    <row r="60" spans="1:4" ht="18" customHeight="1" x14ac:dyDescent="0.2">
      <c r="A60" s="31">
        <v>45</v>
      </c>
      <c r="B60" s="27">
        <v>5</v>
      </c>
      <c r="C60" s="28">
        <v>4</v>
      </c>
      <c r="D60" s="29">
        <v>9</v>
      </c>
    </row>
    <row r="61" spans="1:4" ht="18" customHeight="1" x14ac:dyDescent="0.2">
      <c r="A61" s="31">
        <v>46</v>
      </c>
      <c r="B61" s="27">
        <v>5</v>
      </c>
      <c r="C61" s="28">
        <v>7</v>
      </c>
      <c r="D61" s="29">
        <v>12</v>
      </c>
    </row>
    <row r="62" spans="1:4" ht="18" customHeight="1" x14ac:dyDescent="0.2">
      <c r="A62" s="31">
        <v>47</v>
      </c>
      <c r="B62" s="27">
        <v>5</v>
      </c>
      <c r="C62" s="28">
        <v>0</v>
      </c>
      <c r="D62" s="29">
        <v>5</v>
      </c>
    </row>
    <row r="63" spans="1:4" ht="18" customHeight="1" x14ac:dyDescent="0.2">
      <c r="A63" s="31">
        <v>48</v>
      </c>
      <c r="B63" s="27">
        <v>4</v>
      </c>
      <c r="C63" s="28">
        <v>2</v>
      </c>
      <c r="D63" s="29">
        <v>6</v>
      </c>
    </row>
    <row r="64" spans="1:4" ht="18" customHeight="1" x14ac:dyDescent="0.2">
      <c r="A64" s="31">
        <v>49</v>
      </c>
      <c r="B64" s="27">
        <v>2</v>
      </c>
      <c r="C64" s="28">
        <v>1</v>
      </c>
      <c r="D64" s="29">
        <v>3</v>
      </c>
    </row>
    <row r="65" spans="1:4" ht="18" customHeight="1" x14ac:dyDescent="0.2">
      <c r="A65" s="31" t="s">
        <v>58</v>
      </c>
      <c r="B65" s="27">
        <v>21</v>
      </c>
      <c r="C65" s="28">
        <v>14</v>
      </c>
      <c r="D65" s="29">
        <v>35</v>
      </c>
    </row>
    <row r="66" spans="1:4" ht="18" customHeight="1" x14ac:dyDescent="0.2">
      <c r="A66" s="31">
        <v>50</v>
      </c>
      <c r="B66" s="27">
        <v>4</v>
      </c>
      <c r="C66" s="28">
        <v>2</v>
      </c>
      <c r="D66" s="29">
        <v>6</v>
      </c>
    </row>
    <row r="67" spans="1:4" ht="18" customHeight="1" x14ac:dyDescent="0.2">
      <c r="A67" s="31">
        <v>51</v>
      </c>
      <c r="B67" s="27">
        <v>6</v>
      </c>
      <c r="C67" s="28">
        <v>3</v>
      </c>
      <c r="D67" s="29">
        <v>9</v>
      </c>
    </row>
    <row r="68" spans="1:4" ht="18" customHeight="1" x14ac:dyDescent="0.2">
      <c r="A68" s="31">
        <v>52</v>
      </c>
      <c r="B68" s="27">
        <v>6</v>
      </c>
      <c r="C68" s="28">
        <v>4</v>
      </c>
      <c r="D68" s="29">
        <v>10</v>
      </c>
    </row>
    <row r="69" spans="1:4" ht="18" customHeight="1" x14ac:dyDescent="0.2">
      <c r="A69" s="31">
        <v>53</v>
      </c>
      <c r="B69" s="27">
        <v>1</v>
      </c>
      <c r="C69" s="28">
        <v>2</v>
      </c>
      <c r="D69" s="29">
        <v>3</v>
      </c>
    </row>
    <row r="70" spans="1:4" ht="18" customHeight="1" x14ac:dyDescent="0.2">
      <c r="A70" s="31">
        <v>54</v>
      </c>
      <c r="B70" s="27">
        <v>3</v>
      </c>
      <c r="C70" s="28">
        <v>4</v>
      </c>
      <c r="D70" s="29">
        <v>7</v>
      </c>
    </row>
    <row r="71" spans="1:4" ht="18" customHeight="1" x14ac:dyDescent="0.2">
      <c r="A71" s="31" t="s">
        <v>59</v>
      </c>
      <c r="B71" s="27">
        <v>20</v>
      </c>
      <c r="C71" s="28">
        <v>15</v>
      </c>
      <c r="D71" s="29">
        <v>35</v>
      </c>
    </row>
    <row r="72" spans="1:4" ht="18" customHeight="1" x14ac:dyDescent="0.2">
      <c r="A72" s="31">
        <v>55</v>
      </c>
      <c r="B72" s="27">
        <v>8</v>
      </c>
      <c r="C72" s="28">
        <v>4</v>
      </c>
      <c r="D72" s="29">
        <v>12</v>
      </c>
    </row>
    <row r="73" spans="1:4" ht="18" customHeight="1" x14ac:dyDescent="0.2">
      <c r="A73" s="31">
        <v>56</v>
      </c>
      <c r="B73" s="27">
        <v>3</v>
      </c>
      <c r="C73" s="28">
        <v>5</v>
      </c>
      <c r="D73" s="29">
        <v>8</v>
      </c>
    </row>
    <row r="74" spans="1:4" ht="18" customHeight="1" x14ac:dyDescent="0.2">
      <c r="A74" s="31">
        <v>57</v>
      </c>
      <c r="B74" s="27">
        <v>1</v>
      </c>
      <c r="C74" s="28">
        <v>5</v>
      </c>
      <c r="D74" s="29">
        <v>6</v>
      </c>
    </row>
    <row r="75" spans="1:4" ht="18" customHeight="1" x14ac:dyDescent="0.2">
      <c r="A75" s="31">
        <v>58</v>
      </c>
      <c r="B75" s="27">
        <v>3</v>
      </c>
      <c r="C75" s="28">
        <v>3</v>
      </c>
      <c r="D75" s="29">
        <v>6</v>
      </c>
    </row>
    <row r="76" spans="1:4" ht="18" customHeight="1" x14ac:dyDescent="0.2">
      <c r="A76" s="31">
        <v>59</v>
      </c>
      <c r="B76" s="27">
        <v>6</v>
      </c>
      <c r="C76" s="28">
        <v>7</v>
      </c>
      <c r="D76" s="29">
        <v>13</v>
      </c>
    </row>
    <row r="77" spans="1:4" ht="18" customHeight="1" x14ac:dyDescent="0.2">
      <c r="A77" s="31" t="s">
        <v>60</v>
      </c>
      <c r="B77" s="27">
        <v>21</v>
      </c>
      <c r="C77" s="28">
        <v>24</v>
      </c>
      <c r="D77" s="29">
        <v>45</v>
      </c>
    </row>
    <row r="78" spans="1:4" ht="18" customHeight="1" x14ac:dyDescent="0.2">
      <c r="A78" s="31">
        <v>60</v>
      </c>
      <c r="B78" s="27">
        <v>4</v>
      </c>
      <c r="C78" s="28">
        <v>3</v>
      </c>
      <c r="D78" s="29">
        <v>7</v>
      </c>
    </row>
    <row r="79" spans="1:4" ht="18" customHeight="1" x14ac:dyDescent="0.2">
      <c r="A79" s="31">
        <v>61</v>
      </c>
      <c r="B79" s="27">
        <v>4</v>
      </c>
      <c r="C79" s="28">
        <v>7</v>
      </c>
      <c r="D79" s="29">
        <v>11</v>
      </c>
    </row>
    <row r="80" spans="1:4" ht="18" customHeight="1" x14ac:dyDescent="0.2">
      <c r="A80" s="31">
        <v>62</v>
      </c>
      <c r="B80" s="27">
        <v>7</v>
      </c>
      <c r="C80" s="28">
        <v>2</v>
      </c>
      <c r="D80" s="29">
        <v>9</v>
      </c>
    </row>
    <row r="81" spans="1:4" ht="18" customHeight="1" x14ac:dyDescent="0.2">
      <c r="A81" s="31">
        <v>63</v>
      </c>
      <c r="B81" s="27">
        <v>8</v>
      </c>
      <c r="C81" s="28">
        <v>8</v>
      </c>
      <c r="D81" s="29">
        <v>16</v>
      </c>
    </row>
    <row r="82" spans="1:4" ht="18" customHeight="1" x14ac:dyDescent="0.2">
      <c r="A82" s="31">
        <v>64</v>
      </c>
      <c r="B82" s="27">
        <v>5</v>
      </c>
      <c r="C82" s="28">
        <v>7</v>
      </c>
      <c r="D82" s="29">
        <v>12</v>
      </c>
    </row>
    <row r="83" spans="1:4" ht="18" customHeight="1" x14ac:dyDescent="0.2">
      <c r="A83" s="31" t="s">
        <v>61</v>
      </c>
      <c r="B83" s="27">
        <v>28</v>
      </c>
      <c r="C83" s="28">
        <v>27</v>
      </c>
      <c r="D83" s="29">
        <v>55</v>
      </c>
    </row>
    <row r="84" spans="1:4" ht="18" customHeight="1" x14ac:dyDescent="0.2">
      <c r="A84" s="31" t="s">
        <v>62</v>
      </c>
      <c r="B84" s="27">
        <v>174</v>
      </c>
      <c r="C84" s="28">
        <v>139</v>
      </c>
      <c r="D84" s="29">
        <v>313</v>
      </c>
    </row>
    <row r="85" spans="1:4" ht="18" customHeight="1" x14ac:dyDescent="0.2">
      <c r="A85" s="31">
        <v>65</v>
      </c>
      <c r="B85" s="27">
        <v>5</v>
      </c>
      <c r="C85" s="28">
        <v>12</v>
      </c>
      <c r="D85" s="29">
        <v>17</v>
      </c>
    </row>
    <row r="86" spans="1:4" ht="18" customHeight="1" x14ac:dyDescent="0.2">
      <c r="A86" s="31">
        <v>66</v>
      </c>
      <c r="B86" s="27">
        <v>10</v>
      </c>
      <c r="C86" s="28">
        <v>14</v>
      </c>
      <c r="D86" s="29">
        <v>24</v>
      </c>
    </row>
    <row r="87" spans="1:4" ht="18" customHeight="1" x14ac:dyDescent="0.2">
      <c r="A87" s="31">
        <v>67</v>
      </c>
      <c r="B87" s="27">
        <v>10</v>
      </c>
      <c r="C87" s="28">
        <v>8</v>
      </c>
      <c r="D87" s="29">
        <v>18</v>
      </c>
    </row>
    <row r="88" spans="1:4" ht="18" customHeight="1" x14ac:dyDescent="0.2">
      <c r="A88" s="31">
        <v>68</v>
      </c>
      <c r="B88" s="27">
        <v>14</v>
      </c>
      <c r="C88" s="28">
        <v>7</v>
      </c>
      <c r="D88" s="29">
        <v>21</v>
      </c>
    </row>
    <row r="89" spans="1:4" ht="18" customHeight="1" x14ac:dyDescent="0.2">
      <c r="A89" s="31">
        <v>69</v>
      </c>
      <c r="B89" s="27">
        <v>13</v>
      </c>
      <c r="C89" s="28">
        <v>6</v>
      </c>
      <c r="D89" s="29">
        <v>19</v>
      </c>
    </row>
    <row r="90" spans="1:4" ht="18" customHeight="1" x14ac:dyDescent="0.2">
      <c r="A90" s="31" t="s">
        <v>63</v>
      </c>
      <c r="B90" s="27">
        <v>52</v>
      </c>
      <c r="C90" s="28">
        <v>47</v>
      </c>
      <c r="D90" s="29">
        <v>99</v>
      </c>
    </row>
    <row r="91" spans="1:4" ht="18" customHeight="1" x14ac:dyDescent="0.2">
      <c r="A91" s="31">
        <v>70</v>
      </c>
      <c r="B91" s="27">
        <v>13</v>
      </c>
      <c r="C91" s="28">
        <v>7</v>
      </c>
      <c r="D91" s="29">
        <v>20</v>
      </c>
    </row>
    <row r="92" spans="1:4" ht="18" customHeight="1" x14ac:dyDescent="0.2">
      <c r="A92" s="31">
        <v>71</v>
      </c>
      <c r="B92" s="27">
        <v>7</v>
      </c>
      <c r="C92" s="28">
        <v>11</v>
      </c>
      <c r="D92" s="29">
        <v>18</v>
      </c>
    </row>
    <row r="93" spans="1:4" ht="18" customHeight="1" x14ac:dyDescent="0.2">
      <c r="A93" s="31">
        <v>72</v>
      </c>
      <c r="B93" s="27">
        <v>9</v>
      </c>
      <c r="C93" s="28">
        <v>7</v>
      </c>
      <c r="D93" s="29">
        <v>16</v>
      </c>
    </row>
    <row r="94" spans="1:4" ht="18" customHeight="1" x14ac:dyDescent="0.2">
      <c r="A94" s="31">
        <v>73</v>
      </c>
      <c r="B94" s="27">
        <v>9</v>
      </c>
      <c r="C94" s="28">
        <v>5</v>
      </c>
      <c r="D94" s="29">
        <v>14</v>
      </c>
    </row>
    <row r="95" spans="1:4" ht="18" customHeight="1" x14ac:dyDescent="0.2">
      <c r="A95" s="31">
        <v>74</v>
      </c>
      <c r="B95" s="27">
        <v>2</v>
      </c>
      <c r="C95" s="28">
        <v>5</v>
      </c>
      <c r="D95" s="29">
        <v>7</v>
      </c>
    </row>
    <row r="96" spans="1:4" ht="18" customHeight="1" x14ac:dyDescent="0.2">
      <c r="A96" s="31" t="s">
        <v>64</v>
      </c>
      <c r="B96" s="27">
        <v>40</v>
      </c>
      <c r="C96" s="28">
        <v>35</v>
      </c>
      <c r="D96" s="29">
        <v>75</v>
      </c>
    </row>
    <row r="97" spans="1:4" ht="18" customHeight="1" x14ac:dyDescent="0.2">
      <c r="A97" s="31">
        <v>75</v>
      </c>
      <c r="B97" s="27">
        <v>6</v>
      </c>
      <c r="C97" s="28">
        <v>4</v>
      </c>
      <c r="D97" s="29">
        <v>10</v>
      </c>
    </row>
    <row r="98" spans="1:4" ht="18" customHeight="1" x14ac:dyDescent="0.2">
      <c r="A98" s="31">
        <v>76</v>
      </c>
      <c r="B98" s="27">
        <v>5</v>
      </c>
      <c r="C98" s="28">
        <v>3</v>
      </c>
      <c r="D98" s="29">
        <v>8</v>
      </c>
    </row>
    <row r="99" spans="1:4" ht="18" customHeight="1" x14ac:dyDescent="0.2">
      <c r="A99" s="31">
        <v>77</v>
      </c>
      <c r="B99" s="27">
        <v>4</v>
      </c>
      <c r="C99" s="28">
        <v>5</v>
      </c>
      <c r="D99" s="29">
        <v>9</v>
      </c>
    </row>
    <row r="100" spans="1:4" ht="18" customHeight="1" x14ac:dyDescent="0.2">
      <c r="A100" s="31">
        <v>78</v>
      </c>
      <c r="B100" s="27">
        <v>4</v>
      </c>
      <c r="C100" s="28">
        <v>6</v>
      </c>
      <c r="D100" s="29">
        <v>10</v>
      </c>
    </row>
    <row r="101" spans="1:4" ht="18" customHeight="1" x14ac:dyDescent="0.2">
      <c r="A101" s="31">
        <v>79</v>
      </c>
      <c r="B101" s="27">
        <v>6</v>
      </c>
      <c r="C101" s="28">
        <v>8</v>
      </c>
      <c r="D101" s="29">
        <v>14</v>
      </c>
    </row>
    <row r="102" spans="1:4" ht="18" customHeight="1" x14ac:dyDescent="0.2">
      <c r="A102" s="31" t="s">
        <v>65</v>
      </c>
      <c r="B102" s="27">
        <v>25</v>
      </c>
      <c r="C102" s="28">
        <v>26</v>
      </c>
      <c r="D102" s="29">
        <v>51</v>
      </c>
    </row>
    <row r="103" spans="1:4" ht="18" customHeight="1" x14ac:dyDescent="0.2">
      <c r="A103" s="31">
        <v>80</v>
      </c>
      <c r="B103" s="27">
        <v>4</v>
      </c>
      <c r="C103" s="28">
        <v>1</v>
      </c>
      <c r="D103" s="29">
        <v>5</v>
      </c>
    </row>
    <row r="104" spans="1:4" ht="18" customHeight="1" x14ac:dyDescent="0.2">
      <c r="A104" s="31">
        <v>81</v>
      </c>
      <c r="B104" s="27">
        <v>2</v>
      </c>
      <c r="C104" s="28">
        <v>6</v>
      </c>
      <c r="D104" s="29">
        <v>8</v>
      </c>
    </row>
    <row r="105" spans="1:4" ht="18" customHeight="1" x14ac:dyDescent="0.2">
      <c r="A105" s="31">
        <v>82</v>
      </c>
      <c r="B105" s="27">
        <v>4</v>
      </c>
      <c r="C105" s="28">
        <v>7</v>
      </c>
      <c r="D105" s="29">
        <v>11</v>
      </c>
    </row>
    <row r="106" spans="1:4" ht="18" customHeight="1" x14ac:dyDescent="0.2">
      <c r="A106" s="31">
        <v>83</v>
      </c>
      <c r="B106" s="27">
        <v>3</v>
      </c>
      <c r="C106" s="28">
        <v>5</v>
      </c>
      <c r="D106" s="29">
        <v>8</v>
      </c>
    </row>
    <row r="107" spans="1:4" ht="18" customHeight="1" x14ac:dyDescent="0.2">
      <c r="A107" s="31">
        <v>84</v>
      </c>
      <c r="B107" s="27">
        <v>5</v>
      </c>
      <c r="C107" s="28">
        <v>4</v>
      </c>
      <c r="D107" s="29">
        <v>9</v>
      </c>
    </row>
    <row r="108" spans="1:4" ht="18" customHeight="1" x14ac:dyDescent="0.2">
      <c r="A108" s="31" t="s">
        <v>66</v>
      </c>
      <c r="B108" s="27">
        <v>18</v>
      </c>
      <c r="C108" s="28">
        <v>23</v>
      </c>
      <c r="D108" s="29">
        <v>41</v>
      </c>
    </row>
    <row r="109" spans="1:4" ht="18" customHeight="1" x14ac:dyDescent="0.2">
      <c r="A109" s="31">
        <v>85</v>
      </c>
      <c r="B109" s="27">
        <v>3</v>
      </c>
      <c r="C109" s="28">
        <v>6</v>
      </c>
      <c r="D109" s="29">
        <v>9</v>
      </c>
    </row>
    <row r="110" spans="1:4" ht="18" customHeight="1" x14ac:dyDescent="0.2">
      <c r="A110" s="31">
        <v>86</v>
      </c>
      <c r="B110" s="27">
        <v>2</v>
      </c>
      <c r="C110" s="28">
        <v>2</v>
      </c>
      <c r="D110" s="29">
        <v>4</v>
      </c>
    </row>
    <row r="111" spans="1:4" ht="18" customHeight="1" x14ac:dyDescent="0.2">
      <c r="A111" s="31">
        <v>87</v>
      </c>
      <c r="B111" s="27">
        <v>3</v>
      </c>
      <c r="C111" s="28">
        <v>6</v>
      </c>
      <c r="D111" s="29">
        <v>9</v>
      </c>
    </row>
    <row r="112" spans="1:4" ht="18" customHeight="1" x14ac:dyDescent="0.2">
      <c r="A112" s="31">
        <v>88</v>
      </c>
      <c r="B112" s="27">
        <v>0</v>
      </c>
      <c r="C112" s="28">
        <v>5</v>
      </c>
      <c r="D112" s="29">
        <v>5</v>
      </c>
    </row>
    <row r="113" spans="1:4" ht="18" customHeight="1" x14ac:dyDescent="0.2">
      <c r="A113" s="31">
        <v>89</v>
      </c>
      <c r="B113" s="27">
        <v>1</v>
      </c>
      <c r="C113" s="28">
        <v>8</v>
      </c>
      <c r="D113" s="29">
        <v>9</v>
      </c>
    </row>
    <row r="114" spans="1:4" ht="18" customHeight="1" x14ac:dyDescent="0.2">
      <c r="A114" s="31" t="s">
        <v>67</v>
      </c>
      <c r="B114" s="27">
        <v>9</v>
      </c>
      <c r="C114" s="28">
        <v>27</v>
      </c>
      <c r="D114" s="29">
        <v>36</v>
      </c>
    </row>
    <row r="115" spans="1:4" ht="18" customHeight="1" x14ac:dyDescent="0.2">
      <c r="A115" s="31">
        <v>90</v>
      </c>
      <c r="B115" s="27">
        <v>1</v>
      </c>
      <c r="C115" s="28">
        <v>8</v>
      </c>
      <c r="D115" s="29">
        <v>9</v>
      </c>
    </row>
    <row r="116" spans="1:4" ht="18" customHeight="1" x14ac:dyDescent="0.2">
      <c r="A116" s="31">
        <v>91</v>
      </c>
      <c r="B116" s="27">
        <v>1</v>
      </c>
      <c r="C116" s="28">
        <v>11</v>
      </c>
      <c r="D116" s="29">
        <v>12</v>
      </c>
    </row>
    <row r="117" spans="1:4" ht="18" customHeight="1" x14ac:dyDescent="0.2">
      <c r="A117" s="31">
        <v>92</v>
      </c>
      <c r="B117" s="27">
        <v>4</v>
      </c>
      <c r="C117" s="28">
        <v>8</v>
      </c>
      <c r="D117" s="29">
        <v>12</v>
      </c>
    </row>
    <row r="118" spans="1:4" ht="18" customHeight="1" x14ac:dyDescent="0.2">
      <c r="A118" s="31">
        <v>93</v>
      </c>
      <c r="B118" s="27">
        <v>2</v>
      </c>
      <c r="C118" s="28">
        <v>3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5</v>
      </c>
      <c r="D119" s="29">
        <v>5</v>
      </c>
    </row>
    <row r="120" spans="1:4" ht="18" customHeight="1" x14ac:dyDescent="0.2">
      <c r="A120" s="31" t="s">
        <v>68</v>
      </c>
      <c r="B120" s="27">
        <v>8</v>
      </c>
      <c r="C120" s="28">
        <v>35</v>
      </c>
      <c r="D120" s="29">
        <v>43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15</v>
      </c>
      <c r="D126" s="29">
        <v>16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53</v>
      </c>
      <c r="C130" s="5">
        <v>209</v>
      </c>
      <c r="D130" s="6">
        <v>362</v>
      </c>
    </row>
    <row r="131" spans="1:4" ht="18" customHeight="1" x14ac:dyDescent="0.2">
      <c r="A131" s="33" t="s">
        <v>47</v>
      </c>
      <c r="B131" s="7">
        <v>347</v>
      </c>
      <c r="C131" s="8">
        <v>366</v>
      </c>
      <c r="D131" s="9">
        <v>71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4" ht="18" customHeight="1" x14ac:dyDescent="0.2">
      <c r="A10" s="31" t="s">
        <v>48</v>
      </c>
      <c r="B10" s="27">
        <v>0</v>
      </c>
      <c r="C10" s="28">
        <v>2</v>
      </c>
      <c r="D10" s="29">
        <v>2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49</v>
      </c>
      <c r="B16" s="27">
        <v>0</v>
      </c>
      <c r="C16" s="28">
        <v>3</v>
      </c>
      <c r="D16" s="29">
        <v>3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1</v>
      </c>
      <c r="C21" s="28">
        <v>0</v>
      </c>
      <c r="D21" s="29">
        <v>1</v>
      </c>
    </row>
    <row r="22" spans="1:4" ht="18" customHeight="1" x14ac:dyDescent="0.2">
      <c r="A22" s="31" t="s">
        <v>50</v>
      </c>
      <c r="B22" s="27">
        <v>1</v>
      </c>
      <c r="C22" s="28">
        <v>0</v>
      </c>
      <c r="D22" s="29">
        <v>1</v>
      </c>
    </row>
    <row r="23" spans="1:4" ht="18" customHeight="1" x14ac:dyDescent="0.2">
      <c r="A23" s="31" t="s">
        <v>51</v>
      </c>
      <c r="B23" s="27">
        <v>1</v>
      </c>
      <c r="C23" s="28">
        <v>5</v>
      </c>
      <c r="D23" s="29">
        <v>6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1</v>
      </c>
      <c r="C28" s="28">
        <v>1</v>
      </c>
      <c r="D28" s="29">
        <v>2</v>
      </c>
    </row>
    <row r="29" spans="1:4" ht="18" customHeight="1" x14ac:dyDescent="0.2">
      <c r="A29" s="31" t="s">
        <v>52</v>
      </c>
      <c r="B29" s="27">
        <v>2</v>
      </c>
      <c r="C29" s="28">
        <v>3</v>
      </c>
      <c r="D29" s="29">
        <v>5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1</v>
      </c>
      <c r="C31" s="28">
        <v>1</v>
      </c>
      <c r="D31" s="29">
        <v>2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2</v>
      </c>
      <c r="D33" s="29">
        <v>2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1</v>
      </c>
      <c r="C35" s="28">
        <v>3</v>
      </c>
      <c r="D35" s="29">
        <v>4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1</v>
      </c>
      <c r="C37" s="28">
        <v>0</v>
      </c>
      <c r="D37" s="29">
        <v>1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1</v>
      </c>
      <c r="C39" s="28">
        <v>2</v>
      </c>
      <c r="D39" s="29">
        <v>3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2</v>
      </c>
      <c r="C41" s="28">
        <v>2</v>
      </c>
      <c r="D41" s="29">
        <v>4</v>
      </c>
    </row>
    <row r="42" spans="1:4" ht="18" customHeight="1" x14ac:dyDescent="0.2">
      <c r="A42" s="31">
        <v>30</v>
      </c>
      <c r="B42" s="27">
        <v>1</v>
      </c>
      <c r="C42" s="28">
        <v>0</v>
      </c>
      <c r="D42" s="29">
        <v>1</v>
      </c>
    </row>
    <row r="43" spans="1:4" ht="18" customHeight="1" x14ac:dyDescent="0.2">
      <c r="A43" s="31">
        <v>31</v>
      </c>
      <c r="B43" s="27">
        <v>1</v>
      </c>
      <c r="C43" s="28">
        <v>1</v>
      </c>
      <c r="D43" s="29">
        <v>2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2</v>
      </c>
      <c r="C46" s="28">
        <v>0</v>
      </c>
      <c r="D46" s="29">
        <v>2</v>
      </c>
    </row>
    <row r="47" spans="1:4" ht="18" customHeight="1" x14ac:dyDescent="0.2">
      <c r="A47" s="31" t="s">
        <v>55</v>
      </c>
      <c r="B47" s="27">
        <v>5</v>
      </c>
      <c r="C47" s="28">
        <v>2</v>
      </c>
      <c r="D47" s="29">
        <v>7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2</v>
      </c>
      <c r="D49" s="29">
        <v>2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4</v>
      </c>
      <c r="C51" s="28">
        <v>0</v>
      </c>
      <c r="D51" s="29">
        <v>4</v>
      </c>
    </row>
    <row r="52" spans="1:4" ht="18" customHeight="1" x14ac:dyDescent="0.2">
      <c r="A52" s="31">
        <v>39</v>
      </c>
      <c r="B52" s="27">
        <v>0</v>
      </c>
      <c r="C52" s="28">
        <v>2</v>
      </c>
      <c r="D52" s="29">
        <v>2</v>
      </c>
    </row>
    <row r="53" spans="1:4" ht="18" customHeight="1" x14ac:dyDescent="0.2">
      <c r="A53" s="31" t="s">
        <v>56</v>
      </c>
      <c r="B53" s="27">
        <v>4</v>
      </c>
      <c r="C53" s="28">
        <v>4</v>
      </c>
      <c r="D53" s="29">
        <v>8</v>
      </c>
    </row>
    <row r="54" spans="1:4" ht="18" customHeight="1" x14ac:dyDescent="0.2">
      <c r="A54" s="31">
        <v>40</v>
      </c>
      <c r="B54" s="27">
        <v>3</v>
      </c>
      <c r="C54" s="28">
        <v>0</v>
      </c>
      <c r="D54" s="29">
        <v>3</v>
      </c>
    </row>
    <row r="55" spans="1:4" ht="18" customHeight="1" x14ac:dyDescent="0.2">
      <c r="A55" s="31">
        <v>41</v>
      </c>
      <c r="B55" s="27">
        <v>1</v>
      </c>
      <c r="C55" s="28">
        <v>1</v>
      </c>
      <c r="D55" s="29">
        <v>2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1</v>
      </c>
      <c r="D58" s="29">
        <v>1</v>
      </c>
    </row>
    <row r="59" spans="1:4" ht="18" customHeight="1" x14ac:dyDescent="0.2">
      <c r="A59" s="31" t="s">
        <v>57</v>
      </c>
      <c r="B59" s="27">
        <v>4</v>
      </c>
      <c r="C59" s="28">
        <v>2</v>
      </c>
      <c r="D59" s="29">
        <v>6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1</v>
      </c>
      <c r="D64" s="29">
        <v>1</v>
      </c>
    </row>
    <row r="65" spans="1:4" ht="18" customHeight="1" x14ac:dyDescent="0.2">
      <c r="A65" s="31" t="s">
        <v>58</v>
      </c>
      <c r="B65" s="27">
        <v>0</v>
      </c>
      <c r="C65" s="28">
        <v>1</v>
      </c>
      <c r="D65" s="29">
        <v>1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1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2</v>
      </c>
      <c r="C69" s="28">
        <v>1</v>
      </c>
      <c r="D69" s="29">
        <v>3</v>
      </c>
    </row>
    <row r="70" spans="1:4" ht="18" customHeight="1" x14ac:dyDescent="0.2">
      <c r="A70" s="31">
        <v>54</v>
      </c>
      <c r="B70" s="27">
        <v>0</v>
      </c>
      <c r="C70" s="28">
        <v>2</v>
      </c>
      <c r="D70" s="29">
        <v>2</v>
      </c>
    </row>
    <row r="71" spans="1:4" ht="18" customHeight="1" x14ac:dyDescent="0.2">
      <c r="A71" s="31" t="s">
        <v>59</v>
      </c>
      <c r="B71" s="27">
        <v>2</v>
      </c>
      <c r="C71" s="28">
        <v>4</v>
      </c>
      <c r="D71" s="29">
        <v>6</v>
      </c>
    </row>
    <row r="72" spans="1:4" ht="18" customHeight="1" x14ac:dyDescent="0.2">
      <c r="A72" s="31">
        <v>55</v>
      </c>
      <c r="B72" s="27">
        <v>1</v>
      </c>
      <c r="C72" s="28">
        <v>1</v>
      </c>
      <c r="D72" s="29">
        <v>2</v>
      </c>
    </row>
    <row r="73" spans="1:4" ht="18" customHeight="1" x14ac:dyDescent="0.2">
      <c r="A73" s="31">
        <v>56</v>
      </c>
      <c r="B73" s="27">
        <v>1</v>
      </c>
      <c r="C73" s="28">
        <v>1</v>
      </c>
      <c r="D73" s="29">
        <v>2</v>
      </c>
    </row>
    <row r="74" spans="1:4" ht="18" customHeight="1" x14ac:dyDescent="0.2">
      <c r="A74" s="31">
        <v>57</v>
      </c>
      <c r="B74" s="27">
        <v>1</v>
      </c>
      <c r="C74" s="28">
        <v>0</v>
      </c>
      <c r="D74" s="29">
        <v>1</v>
      </c>
    </row>
    <row r="75" spans="1:4" ht="18" customHeight="1" x14ac:dyDescent="0.2">
      <c r="A75" s="31">
        <v>58</v>
      </c>
      <c r="B75" s="27">
        <v>2</v>
      </c>
      <c r="C75" s="28">
        <v>0</v>
      </c>
      <c r="D75" s="29">
        <v>2</v>
      </c>
    </row>
    <row r="76" spans="1:4" ht="18" customHeight="1" x14ac:dyDescent="0.2">
      <c r="A76" s="31">
        <v>59</v>
      </c>
      <c r="B76" s="27">
        <v>0</v>
      </c>
      <c r="C76" s="28">
        <v>2</v>
      </c>
      <c r="D76" s="29">
        <v>2</v>
      </c>
    </row>
    <row r="77" spans="1:4" ht="18" customHeight="1" x14ac:dyDescent="0.2">
      <c r="A77" s="31" t="s">
        <v>60</v>
      </c>
      <c r="B77" s="27">
        <v>5</v>
      </c>
      <c r="C77" s="28">
        <v>4</v>
      </c>
      <c r="D77" s="29">
        <v>9</v>
      </c>
    </row>
    <row r="78" spans="1:4" ht="18" customHeight="1" x14ac:dyDescent="0.2">
      <c r="A78" s="31">
        <v>60</v>
      </c>
      <c r="B78" s="27">
        <v>2</v>
      </c>
      <c r="C78" s="28">
        <v>0</v>
      </c>
      <c r="D78" s="29">
        <v>2</v>
      </c>
    </row>
    <row r="79" spans="1:4" ht="18" customHeight="1" x14ac:dyDescent="0.2">
      <c r="A79" s="31">
        <v>61</v>
      </c>
      <c r="B79" s="27">
        <v>2</v>
      </c>
      <c r="C79" s="28">
        <v>1</v>
      </c>
      <c r="D79" s="29">
        <v>3</v>
      </c>
    </row>
    <row r="80" spans="1:4" ht="18" customHeight="1" x14ac:dyDescent="0.2">
      <c r="A80" s="31">
        <v>62</v>
      </c>
      <c r="B80" s="27">
        <v>1</v>
      </c>
      <c r="C80" s="28">
        <v>0</v>
      </c>
      <c r="D80" s="29">
        <v>1</v>
      </c>
    </row>
    <row r="81" spans="1:4" ht="18" customHeight="1" x14ac:dyDescent="0.2">
      <c r="A81" s="31">
        <v>63</v>
      </c>
      <c r="B81" s="27">
        <v>1</v>
      </c>
      <c r="C81" s="28">
        <v>6</v>
      </c>
      <c r="D81" s="29">
        <v>7</v>
      </c>
    </row>
    <row r="82" spans="1:4" ht="18" customHeight="1" x14ac:dyDescent="0.2">
      <c r="A82" s="31">
        <v>64</v>
      </c>
      <c r="B82" s="27">
        <v>0</v>
      </c>
      <c r="C82" s="28">
        <v>4</v>
      </c>
      <c r="D82" s="29">
        <v>4</v>
      </c>
    </row>
    <row r="83" spans="1:4" ht="18" customHeight="1" x14ac:dyDescent="0.2">
      <c r="A83" s="31" t="s">
        <v>61</v>
      </c>
      <c r="B83" s="27">
        <v>6</v>
      </c>
      <c r="C83" s="28">
        <v>11</v>
      </c>
      <c r="D83" s="29">
        <v>17</v>
      </c>
    </row>
    <row r="84" spans="1:4" ht="18" customHeight="1" x14ac:dyDescent="0.2">
      <c r="A84" s="31" t="s">
        <v>62</v>
      </c>
      <c r="B84" s="27">
        <v>31</v>
      </c>
      <c r="C84" s="28">
        <v>36</v>
      </c>
      <c r="D84" s="29">
        <v>67</v>
      </c>
    </row>
    <row r="85" spans="1:4" ht="18" customHeight="1" x14ac:dyDescent="0.2">
      <c r="A85" s="31">
        <v>65</v>
      </c>
      <c r="B85" s="27">
        <v>0</v>
      </c>
      <c r="C85" s="28">
        <v>1</v>
      </c>
      <c r="D85" s="29">
        <v>1</v>
      </c>
    </row>
    <row r="86" spans="1:4" ht="18" customHeight="1" x14ac:dyDescent="0.2">
      <c r="A86" s="31">
        <v>66</v>
      </c>
      <c r="B86" s="27">
        <v>3</v>
      </c>
      <c r="C86" s="28">
        <v>2</v>
      </c>
      <c r="D86" s="29">
        <v>5</v>
      </c>
    </row>
    <row r="87" spans="1:4" ht="18" customHeight="1" x14ac:dyDescent="0.2">
      <c r="A87" s="31">
        <v>67</v>
      </c>
      <c r="B87" s="27">
        <v>1</v>
      </c>
      <c r="C87" s="28">
        <v>0</v>
      </c>
      <c r="D87" s="29">
        <v>1</v>
      </c>
    </row>
    <row r="88" spans="1:4" ht="18" customHeight="1" x14ac:dyDescent="0.2">
      <c r="A88" s="31">
        <v>68</v>
      </c>
      <c r="B88" s="27">
        <v>2</v>
      </c>
      <c r="C88" s="28">
        <v>2</v>
      </c>
      <c r="D88" s="29">
        <v>4</v>
      </c>
    </row>
    <row r="89" spans="1:4" ht="18" customHeight="1" x14ac:dyDescent="0.2">
      <c r="A89" s="31">
        <v>69</v>
      </c>
      <c r="B89" s="27">
        <v>2</v>
      </c>
      <c r="C89" s="28">
        <v>0</v>
      </c>
      <c r="D89" s="29">
        <v>2</v>
      </c>
    </row>
    <row r="90" spans="1:4" ht="18" customHeight="1" x14ac:dyDescent="0.2">
      <c r="A90" s="31" t="s">
        <v>63</v>
      </c>
      <c r="B90" s="27">
        <v>8</v>
      </c>
      <c r="C90" s="28">
        <v>5</v>
      </c>
      <c r="D90" s="29">
        <v>13</v>
      </c>
    </row>
    <row r="91" spans="1:4" ht="18" customHeight="1" x14ac:dyDescent="0.2">
      <c r="A91" s="31">
        <v>70</v>
      </c>
      <c r="B91" s="27">
        <v>5</v>
      </c>
      <c r="C91" s="28">
        <v>0</v>
      </c>
      <c r="D91" s="29">
        <v>5</v>
      </c>
    </row>
    <row r="92" spans="1:4" ht="18" customHeight="1" x14ac:dyDescent="0.2">
      <c r="A92" s="31">
        <v>71</v>
      </c>
      <c r="B92" s="27">
        <v>3</v>
      </c>
      <c r="C92" s="28">
        <v>1</v>
      </c>
      <c r="D92" s="29">
        <v>4</v>
      </c>
    </row>
    <row r="93" spans="1:4" ht="18" customHeight="1" x14ac:dyDescent="0.2">
      <c r="A93" s="31">
        <v>72</v>
      </c>
      <c r="B93" s="27">
        <v>3</v>
      </c>
      <c r="C93" s="28">
        <v>6</v>
      </c>
      <c r="D93" s="29">
        <v>9</v>
      </c>
    </row>
    <row r="94" spans="1:4" ht="18" customHeight="1" x14ac:dyDescent="0.2">
      <c r="A94" s="31">
        <v>73</v>
      </c>
      <c r="B94" s="27">
        <v>2</v>
      </c>
      <c r="C94" s="28">
        <v>1</v>
      </c>
      <c r="D94" s="29">
        <v>3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13</v>
      </c>
      <c r="C96" s="28">
        <v>8</v>
      </c>
      <c r="D96" s="29">
        <v>21</v>
      </c>
    </row>
    <row r="97" spans="1:4" ht="18" customHeight="1" x14ac:dyDescent="0.2">
      <c r="A97" s="31">
        <v>75</v>
      </c>
      <c r="B97" s="27">
        <v>2</v>
      </c>
      <c r="C97" s="28">
        <v>1</v>
      </c>
      <c r="D97" s="29">
        <v>3</v>
      </c>
    </row>
    <row r="98" spans="1:4" ht="18" customHeight="1" x14ac:dyDescent="0.2">
      <c r="A98" s="31">
        <v>76</v>
      </c>
      <c r="B98" s="27">
        <v>1</v>
      </c>
      <c r="C98" s="28">
        <v>2</v>
      </c>
      <c r="D98" s="29">
        <v>3</v>
      </c>
    </row>
    <row r="99" spans="1:4" ht="18" customHeight="1" x14ac:dyDescent="0.2">
      <c r="A99" s="31">
        <v>77</v>
      </c>
      <c r="B99" s="27">
        <v>1</v>
      </c>
      <c r="C99" s="28">
        <v>2</v>
      </c>
      <c r="D99" s="29">
        <v>3</v>
      </c>
    </row>
    <row r="100" spans="1:4" ht="18" customHeight="1" x14ac:dyDescent="0.2">
      <c r="A100" s="31">
        <v>78</v>
      </c>
      <c r="B100" s="27">
        <v>0</v>
      </c>
      <c r="C100" s="28">
        <v>2</v>
      </c>
      <c r="D100" s="29">
        <v>2</v>
      </c>
    </row>
    <row r="101" spans="1:4" ht="18" customHeight="1" x14ac:dyDescent="0.2">
      <c r="A101" s="31">
        <v>79</v>
      </c>
      <c r="B101" s="27">
        <v>1</v>
      </c>
      <c r="C101" s="28">
        <v>0</v>
      </c>
      <c r="D101" s="29">
        <v>1</v>
      </c>
    </row>
    <row r="102" spans="1:4" ht="18" customHeight="1" x14ac:dyDescent="0.2">
      <c r="A102" s="31" t="s">
        <v>65</v>
      </c>
      <c r="B102" s="27">
        <v>5</v>
      </c>
      <c r="C102" s="28">
        <v>7</v>
      </c>
      <c r="D102" s="29">
        <v>12</v>
      </c>
    </row>
    <row r="103" spans="1:4" ht="18" customHeight="1" x14ac:dyDescent="0.2">
      <c r="A103" s="31">
        <v>80</v>
      </c>
      <c r="B103" s="27">
        <v>1</v>
      </c>
      <c r="C103" s="28">
        <v>5</v>
      </c>
      <c r="D103" s="29">
        <v>6</v>
      </c>
    </row>
    <row r="104" spans="1:4" ht="18" customHeight="1" x14ac:dyDescent="0.2">
      <c r="A104" s="31">
        <v>81</v>
      </c>
      <c r="B104" s="27">
        <v>0</v>
      </c>
      <c r="C104" s="28">
        <v>0</v>
      </c>
      <c r="D104" s="29">
        <v>0</v>
      </c>
    </row>
    <row r="105" spans="1:4" ht="18" customHeight="1" x14ac:dyDescent="0.2">
      <c r="A105" s="31">
        <v>82</v>
      </c>
      <c r="B105" s="27">
        <v>4</v>
      </c>
      <c r="C105" s="28">
        <v>5</v>
      </c>
      <c r="D105" s="29">
        <v>9</v>
      </c>
    </row>
    <row r="106" spans="1:4" ht="18" customHeight="1" x14ac:dyDescent="0.2">
      <c r="A106" s="31">
        <v>83</v>
      </c>
      <c r="B106" s="27">
        <v>3</v>
      </c>
      <c r="C106" s="28">
        <v>3</v>
      </c>
      <c r="D106" s="29">
        <v>6</v>
      </c>
    </row>
    <row r="107" spans="1:4" ht="18" customHeight="1" x14ac:dyDescent="0.2">
      <c r="A107" s="31">
        <v>84</v>
      </c>
      <c r="B107" s="27">
        <v>1</v>
      </c>
      <c r="C107" s="28">
        <v>2</v>
      </c>
      <c r="D107" s="29">
        <v>3</v>
      </c>
    </row>
    <row r="108" spans="1:4" ht="18" customHeight="1" x14ac:dyDescent="0.2">
      <c r="A108" s="31" t="s">
        <v>66</v>
      </c>
      <c r="B108" s="27">
        <v>9</v>
      </c>
      <c r="C108" s="28">
        <v>15</v>
      </c>
      <c r="D108" s="29">
        <v>24</v>
      </c>
    </row>
    <row r="109" spans="1:4" ht="18" customHeight="1" x14ac:dyDescent="0.2">
      <c r="A109" s="31">
        <v>85</v>
      </c>
      <c r="B109" s="27">
        <v>0</v>
      </c>
      <c r="C109" s="28">
        <v>2</v>
      </c>
      <c r="D109" s="29">
        <v>2</v>
      </c>
    </row>
    <row r="110" spans="1:4" ht="18" customHeight="1" x14ac:dyDescent="0.2">
      <c r="A110" s="31">
        <v>86</v>
      </c>
      <c r="B110" s="27">
        <v>2</v>
      </c>
      <c r="C110" s="28">
        <v>3</v>
      </c>
      <c r="D110" s="29">
        <v>5</v>
      </c>
    </row>
    <row r="111" spans="1:4" ht="18" customHeight="1" x14ac:dyDescent="0.2">
      <c r="A111" s="31">
        <v>87</v>
      </c>
      <c r="B111" s="27">
        <v>1</v>
      </c>
      <c r="C111" s="28">
        <v>1</v>
      </c>
      <c r="D111" s="29">
        <v>2</v>
      </c>
    </row>
    <row r="112" spans="1:4" ht="18" customHeight="1" x14ac:dyDescent="0.2">
      <c r="A112" s="31">
        <v>88</v>
      </c>
      <c r="B112" s="27">
        <v>1</v>
      </c>
      <c r="C112" s="28">
        <v>1</v>
      </c>
      <c r="D112" s="29">
        <v>2</v>
      </c>
    </row>
    <row r="113" spans="1:4" ht="18" customHeight="1" x14ac:dyDescent="0.2">
      <c r="A113" s="31">
        <v>89</v>
      </c>
      <c r="B113" s="27">
        <v>0</v>
      </c>
      <c r="C113" s="28">
        <v>2</v>
      </c>
      <c r="D113" s="29">
        <v>2</v>
      </c>
    </row>
    <row r="114" spans="1:4" ht="18" customHeight="1" x14ac:dyDescent="0.2">
      <c r="A114" s="31" t="s">
        <v>67</v>
      </c>
      <c r="B114" s="27">
        <v>4</v>
      </c>
      <c r="C114" s="28">
        <v>9</v>
      </c>
      <c r="D114" s="29">
        <v>13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3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0</v>
      </c>
      <c r="C120" s="28">
        <v>5</v>
      </c>
      <c r="D120" s="29">
        <v>5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39</v>
      </c>
      <c r="C130" s="5">
        <v>51</v>
      </c>
      <c r="D130" s="6">
        <v>90</v>
      </c>
    </row>
    <row r="131" spans="1:4" ht="18" customHeight="1" x14ac:dyDescent="0.2">
      <c r="A131" s="33" t="s">
        <v>47</v>
      </c>
      <c r="B131" s="7">
        <v>71</v>
      </c>
      <c r="C131" s="8">
        <v>92</v>
      </c>
      <c r="D131" s="9">
        <v>16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1</v>
      </c>
      <c r="C10" s="28">
        <v>0</v>
      </c>
      <c r="D10" s="29">
        <v>1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1</v>
      </c>
      <c r="C15" s="28">
        <v>0</v>
      </c>
      <c r="D15" s="29">
        <v>1</v>
      </c>
    </row>
    <row r="16" spans="1:4" ht="18" customHeight="1" x14ac:dyDescent="0.2">
      <c r="A16" s="31" t="s">
        <v>49</v>
      </c>
      <c r="B16" s="27">
        <v>2</v>
      </c>
      <c r="C16" s="28">
        <v>0</v>
      </c>
      <c r="D16" s="29">
        <v>2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51</v>
      </c>
      <c r="B23" s="27">
        <v>3</v>
      </c>
      <c r="C23" s="28">
        <v>0</v>
      </c>
      <c r="D23" s="29">
        <v>3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1</v>
      </c>
      <c r="D33" s="29">
        <v>1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1</v>
      </c>
      <c r="C35" s="28">
        <v>1</v>
      </c>
      <c r="D35" s="29">
        <v>2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1</v>
      </c>
      <c r="C41" s="28">
        <v>0</v>
      </c>
      <c r="D41" s="29">
        <v>1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1</v>
      </c>
      <c r="D58" s="29">
        <v>1</v>
      </c>
    </row>
    <row r="59" spans="1:4" ht="18" customHeight="1" x14ac:dyDescent="0.2">
      <c r="A59" s="31" t="s">
        <v>57</v>
      </c>
      <c r="B59" s="27">
        <v>0</v>
      </c>
      <c r="C59" s="28">
        <v>1</v>
      </c>
      <c r="D59" s="29">
        <v>1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1</v>
      </c>
      <c r="C64" s="28">
        <v>0</v>
      </c>
      <c r="D64" s="29">
        <v>1</v>
      </c>
    </row>
    <row r="65" spans="1:4" ht="18" customHeight="1" x14ac:dyDescent="0.2">
      <c r="A65" s="31" t="s">
        <v>58</v>
      </c>
      <c r="B65" s="27">
        <v>2</v>
      </c>
      <c r="C65" s="28">
        <v>0</v>
      </c>
      <c r="D65" s="29">
        <v>2</v>
      </c>
    </row>
    <row r="66" spans="1:4" ht="18" customHeight="1" x14ac:dyDescent="0.2">
      <c r="A66" s="31">
        <v>50</v>
      </c>
      <c r="B66" s="27">
        <v>1</v>
      </c>
      <c r="C66" s="28">
        <v>0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59</v>
      </c>
      <c r="B71" s="27">
        <v>1</v>
      </c>
      <c r="C71" s="28">
        <v>2</v>
      </c>
      <c r="D71" s="29">
        <v>3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1</v>
      </c>
      <c r="C76" s="28">
        <v>0</v>
      </c>
      <c r="D76" s="29">
        <v>1</v>
      </c>
    </row>
    <row r="77" spans="1:4" ht="18" customHeight="1" x14ac:dyDescent="0.2">
      <c r="A77" s="31" t="s">
        <v>60</v>
      </c>
      <c r="B77" s="27">
        <v>1</v>
      </c>
      <c r="C77" s="28">
        <v>0</v>
      </c>
      <c r="D77" s="29">
        <v>1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0</v>
      </c>
      <c r="C79" s="28">
        <v>1</v>
      </c>
      <c r="D79" s="29">
        <v>1</v>
      </c>
    </row>
    <row r="80" spans="1:4" ht="18" customHeight="1" x14ac:dyDescent="0.2">
      <c r="A80" s="31">
        <v>62</v>
      </c>
      <c r="B80" s="27">
        <v>1</v>
      </c>
      <c r="C80" s="28">
        <v>1</v>
      </c>
      <c r="D80" s="29">
        <v>2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2</v>
      </c>
      <c r="C83" s="28">
        <v>2</v>
      </c>
      <c r="D83" s="29">
        <v>4</v>
      </c>
    </row>
    <row r="84" spans="1:4" ht="18" customHeight="1" x14ac:dyDescent="0.2">
      <c r="A84" s="31" t="s">
        <v>62</v>
      </c>
      <c r="B84" s="27">
        <v>8</v>
      </c>
      <c r="C84" s="28">
        <v>6</v>
      </c>
      <c r="D84" s="29">
        <v>14</v>
      </c>
    </row>
    <row r="85" spans="1:4" ht="18" customHeight="1" x14ac:dyDescent="0.2">
      <c r="A85" s="31">
        <v>65</v>
      </c>
      <c r="B85" s="27">
        <v>1</v>
      </c>
      <c r="C85" s="28">
        <v>0</v>
      </c>
      <c r="D85" s="29">
        <v>1</v>
      </c>
    </row>
    <row r="86" spans="1:4" ht="18" customHeight="1" x14ac:dyDescent="0.2">
      <c r="A86" s="31">
        <v>66</v>
      </c>
      <c r="B86" s="27">
        <v>1</v>
      </c>
      <c r="C86" s="28">
        <v>0</v>
      </c>
      <c r="D86" s="29">
        <v>1</v>
      </c>
    </row>
    <row r="87" spans="1:4" ht="18" customHeight="1" x14ac:dyDescent="0.2">
      <c r="A87" s="31">
        <v>67</v>
      </c>
      <c r="B87" s="27">
        <v>1</v>
      </c>
      <c r="C87" s="28">
        <v>0</v>
      </c>
      <c r="D87" s="29">
        <v>1</v>
      </c>
    </row>
    <row r="88" spans="1:4" ht="18" customHeight="1" x14ac:dyDescent="0.2">
      <c r="A88" s="31">
        <v>68</v>
      </c>
      <c r="B88" s="27">
        <v>2</v>
      </c>
      <c r="C88" s="28">
        <v>0</v>
      </c>
      <c r="D88" s="29">
        <v>2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5</v>
      </c>
      <c r="C90" s="28">
        <v>0</v>
      </c>
      <c r="D90" s="29">
        <v>5</v>
      </c>
    </row>
    <row r="91" spans="1:4" ht="18" customHeight="1" x14ac:dyDescent="0.2">
      <c r="A91" s="31">
        <v>70</v>
      </c>
      <c r="B91" s="27">
        <v>1</v>
      </c>
      <c r="C91" s="28">
        <v>0</v>
      </c>
      <c r="D91" s="29">
        <v>1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2</v>
      </c>
      <c r="C94" s="28">
        <v>0</v>
      </c>
      <c r="D94" s="29">
        <v>2</v>
      </c>
    </row>
    <row r="95" spans="1:4" ht="18" customHeight="1" x14ac:dyDescent="0.2">
      <c r="A95" s="31">
        <v>74</v>
      </c>
      <c r="B95" s="27">
        <v>0</v>
      </c>
      <c r="C95" s="28">
        <v>1</v>
      </c>
      <c r="D95" s="29">
        <v>1</v>
      </c>
    </row>
    <row r="96" spans="1:4" ht="18" customHeight="1" x14ac:dyDescent="0.2">
      <c r="A96" s="31" t="s">
        <v>64</v>
      </c>
      <c r="B96" s="27">
        <v>3</v>
      </c>
      <c r="C96" s="28">
        <v>1</v>
      </c>
      <c r="D96" s="29">
        <v>4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0</v>
      </c>
      <c r="C98" s="28">
        <v>0</v>
      </c>
      <c r="D98" s="29">
        <v>0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1</v>
      </c>
      <c r="C100" s="28">
        <v>0</v>
      </c>
      <c r="D100" s="29">
        <v>1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65</v>
      </c>
      <c r="B102" s="27">
        <v>1</v>
      </c>
      <c r="C102" s="28">
        <v>0</v>
      </c>
      <c r="D102" s="29">
        <v>1</v>
      </c>
    </row>
    <row r="103" spans="1:4" ht="18" customHeight="1" x14ac:dyDescent="0.2">
      <c r="A103" s="31">
        <v>80</v>
      </c>
      <c r="B103" s="27">
        <v>1</v>
      </c>
      <c r="C103" s="28">
        <v>1</v>
      </c>
      <c r="D103" s="29">
        <v>2</v>
      </c>
    </row>
    <row r="104" spans="1:4" ht="18" customHeight="1" x14ac:dyDescent="0.2">
      <c r="A104" s="31">
        <v>81</v>
      </c>
      <c r="B104" s="27">
        <v>0</v>
      </c>
      <c r="C104" s="28">
        <v>1</v>
      </c>
      <c r="D104" s="29">
        <v>1</v>
      </c>
    </row>
    <row r="105" spans="1:4" ht="18" customHeight="1" x14ac:dyDescent="0.2">
      <c r="A105" s="31">
        <v>82</v>
      </c>
      <c r="B105" s="27">
        <v>1</v>
      </c>
      <c r="C105" s="28">
        <v>1</v>
      </c>
      <c r="D105" s="29">
        <v>2</v>
      </c>
    </row>
    <row r="106" spans="1:4" ht="18" customHeight="1" x14ac:dyDescent="0.2">
      <c r="A106" s="31">
        <v>83</v>
      </c>
      <c r="B106" s="27">
        <v>1</v>
      </c>
      <c r="C106" s="28">
        <v>1</v>
      </c>
      <c r="D106" s="29">
        <v>2</v>
      </c>
    </row>
    <row r="107" spans="1:4" ht="18" customHeight="1" x14ac:dyDescent="0.2">
      <c r="A107" s="31">
        <v>84</v>
      </c>
      <c r="B107" s="27">
        <v>1</v>
      </c>
      <c r="C107" s="28">
        <v>4</v>
      </c>
      <c r="D107" s="29">
        <v>5</v>
      </c>
    </row>
    <row r="108" spans="1:4" ht="18" customHeight="1" x14ac:dyDescent="0.2">
      <c r="A108" s="31" t="s">
        <v>66</v>
      </c>
      <c r="B108" s="27">
        <v>4</v>
      </c>
      <c r="C108" s="28">
        <v>8</v>
      </c>
      <c r="D108" s="29">
        <v>12</v>
      </c>
    </row>
    <row r="109" spans="1:4" ht="18" customHeight="1" x14ac:dyDescent="0.2">
      <c r="A109" s="31">
        <v>85</v>
      </c>
      <c r="B109" s="27">
        <v>1</v>
      </c>
      <c r="C109" s="28">
        <v>1</v>
      </c>
      <c r="D109" s="29">
        <v>2</v>
      </c>
    </row>
    <row r="110" spans="1:4" ht="18" customHeight="1" x14ac:dyDescent="0.2">
      <c r="A110" s="31">
        <v>86</v>
      </c>
      <c r="B110" s="27">
        <v>2</v>
      </c>
      <c r="C110" s="28">
        <v>0</v>
      </c>
      <c r="D110" s="29">
        <v>2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1</v>
      </c>
      <c r="C113" s="28">
        <v>0</v>
      </c>
      <c r="D113" s="29">
        <v>1</v>
      </c>
    </row>
    <row r="114" spans="1:4" ht="18" customHeight="1" x14ac:dyDescent="0.2">
      <c r="A114" s="31" t="s">
        <v>67</v>
      </c>
      <c r="B114" s="27">
        <v>4</v>
      </c>
      <c r="C114" s="28">
        <v>1</v>
      </c>
      <c r="D114" s="29">
        <v>5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1</v>
      </c>
      <c r="C118" s="28">
        <v>0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1</v>
      </c>
      <c r="C120" s="28">
        <v>1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8</v>
      </c>
      <c r="C130" s="5">
        <v>13</v>
      </c>
      <c r="D130" s="6">
        <v>31</v>
      </c>
    </row>
    <row r="131" spans="1:4" ht="18" customHeight="1" x14ac:dyDescent="0.2">
      <c r="A131" s="33" t="s">
        <v>47</v>
      </c>
      <c r="B131" s="7">
        <v>29</v>
      </c>
      <c r="C131" s="8">
        <v>19</v>
      </c>
      <c r="D131" s="9">
        <v>4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8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4</v>
      </c>
      <c r="C5" s="37">
        <v>39</v>
      </c>
      <c r="D5" s="39">
        <v>73</v>
      </c>
    </row>
    <row r="6" spans="1:4" ht="18" customHeight="1" x14ac:dyDescent="0.2">
      <c r="A6" s="31">
        <v>1</v>
      </c>
      <c r="B6" s="35">
        <v>42</v>
      </c>
      <c r="C6" s="28">
        <v>53</v>
      </c>
      <c r="D6" s="29">
        <v>95</v>
      </c>
    </row>
    <row r="7" spans="1:4" ht="18" customHeight="1" x14ac:dyDescent="0.2">
      <c r="A7" s="31">
        <v>2</v>
      </c>
      <c r="B7" s="35">
        <v>45</v>
      </c>
      <c r="C7" s="28">
        <v>53</v>
      </c>
      <c r="D7" s="29">
        <v>98</v>
      </c>
    </row>
    <row r="8" spans="1:4" ht="18" customHeight="1" x14ac:dyDescent="0.2">
      <c r="A8" s="31">
        <v>3</v>
      </c>
      <c r="B8" s="35">
        <v>53</v>
      </c>
      <c r="C8" s="28">
        <v>68</v>
      </c>
      <c r="D8" s="29">
        <v>121</v>
      </c>
    </row>
    <row r="9" spans="1:4" ht="18" customHeight="1" x14ac:dyDescent="0.2">
      <c r="A9" s="31">
        <v>4</v>
      </c>
      <c r="B9" s="36">
        <v>67</v>
      </c>
      <c r="C9" s="38">
        <v>65</v>
      </c>
      <c r="D9" s="40">
        <v>132</v>
      </c>
    </row>
    <row r="10" spans="1:4" ht="18" customHeight="1" x14ac:dyDescent="0.2">
      <c r="A10" s="31" t="s">
        <v>48</v>
      </c>
      <c r="B10" s="27">
        <v>241</v>
      </c>
      <c r="C10" s="28">
        <v>278</v>
      </c>
      <c r="D10" s="29">
        <v>519</v>
      </c>
    </row>
    <row r="11" spans="1:4" ht="18" customHeight="1" x14ac:dyDescent="0.2">
      <c r="A11" s="31">
        <v>5</v>
      </c>
      <c r="B11" s="35">
        <v>59</v>
      </c>
      <c r="C11" s="28">
        <v>71</v>
      </c>
      <c r="D11" s="29">
        <v>130</v>
      </c>
    </row>
    <row r="12" spans="1:4" ht="18" customHeight="1" x14ac:dyDescent="0.2">
      <c r="A12" s="31">
        <v>6</v>
      </c>
      <c r="B12" s="35">
        <v>60</v>
      </c>
      <c r="C12" s="28">
        <v>56</v>
      </c>
      <c r="D12" s="29">
        <v>116</v>
      </c>
    </row>
    <row r="13" spans="1:4" ht="18" customHeight="1" x14ac:dyDescent="0.2">
      <c r="A13" s="31">
        <v>7</v>
      </c>
      <c r="B13" s="35">
        <v>66</v>
      </c>
      <c r="C13" s="28">
        <v>68</v>
      </c>
      <c r="D13" s="29">
        <v>134</v>
      </c>
    </row>
    <row r="14" spans="1:4" ht="18" customHeight="1" x14ac:dyDescent="0.2">
      <c r="A14" s="31">
        <v>8</v>
      </c>
      <c r="B14" s="35">
        <v>61</v>
      </c>
      <c r="C14" s="28">
        <v>60</v>
      </c>
      <c r="D14" s="29">
        <v>121</v>
      </c>
    </row>
    <row r="15" spans="1:4" ht="18" customHeight="1" x14ac:dyDescent="0.2">
      <c r="A15" s="31">
        <v>9</v>
      </c>
      <c r="B15" s="35">
        <v>67</v>
      </c>
      <c r="C15" s="28">
        <v>72</v>
      </c>
      <c r="D15" s="29">
        <v>139</v>
      </c>
    </row>
    <row r="16" spans="1:4" ht="18" customHeight="1" x14ac:dyDescent="0.2">
      <c r="A16" s="31" t="s">
        <v>49</v>
      </c>
      <c r="B16" s="27">
        <v>313</v>
      </c>
      <c r="C16" s="28">
        <v>327</v>
      </c>
      <c r="D16" s="29">
        <v>640</v>
      </c>
    </row>
    <row r="17" spans="1:4" ht="18" customHeight="1" x14ac:dyDescent="0.2">
      <c r="A17" s="31">
        <v>10</v>
      </c>
      <c r="B17" s="27">
        <v>71</v>
      </c>
      <c r="C17" s="28">
        <v>82</v>
      </c>
      <c r="D17" s="29">
        <v>153</v>
      </c>
    </row>
    <row r="18" spans="1:4" ht="18" customHeight="1" x14ac:dyDescent="0.2">
      <c r="A18" s="31">
        <v>11</v>
      </c>
      <c r="B18" s="27">
        <v>81</v>
      </c>
      <c r="C18" s="28">
        <v>68</v>
      </c>
      <c r="D18" s="29">
        <v>149</v>
      </c>
    </row>
    <row r="19" spans="1:4" ht="18" customHeight="1" x14ac:dyDescent="0.2">
      <c r="A19" s="31">
        <v>12</v>
      </c>
      <c r="B19" s="27">
        <v>81</v>
      </c>
      <c r="C19" s="28">
        <v>83</v>
      </c>
      <c r="D19" s="29">
        <v>164</v>
      </c>
    </row>
    <row r="20" spans="1:4" ht="18" customHeight="1" x14ac:dyDescent="0.2">
      <c r="A20" s="31">
        <v>13</v>
      </c>
      <c r="B20" s="27">
        <v>91</v>
      </c>
      <c r="C20" s="28">
        <v>70</v>
      </c>
      <c r="D20" s="29">
        <v>161</v>
      </c>
    </row>
    <row r="21" spans="1:4" ht="18" customHeight="1" x14ac:dyDescent="0.2">
      <c r="A21" s="31">
        <v>14</v>
      </c>
      <c r="B21" s="27">
        <v>93</v>
      </c>
      <c r="C21" s="28">
        <v>87</v>
      </c>
      <c r="D21" s="29">
        <v>180</v>
      </c>
    </row>
    <row r="22" spans="1:4" ht="18" customHeight="1" x14ac:dyDescent="0.2">
      <c r="A22" s="31" t="s">
        <v>50</v>
      </c>
      <c r="B22" s="27">
        <v>417</v>
      </c>
      <c r="C22" s="28">
        <v>390</v>
      </c>
      <c r="D22" s="29">
        <v>807</v>
      </c>
    </row>
    <row r="23" spans="1:4" ht="18" customHeight="1" x14ac:dyDescent="0.2">
      <c r="A23" s="31" t="s">
        <v>51</v>
      </c>
      <c r="B23" s="27">
        <v>971</v>
      </c>
      <c r="C23" s="28">
        <v>995</v>
      </c>
      <c r="D23" s="29">
        <v>1966</v>
      </c>
    </row>
    <row r="24" spans="1:4" ht="18" customHeight="1" x14ac:dyDescent="0.2">
      <c r="A24" s="31">
        <v>15</v>
      </c>
      <c r="B24" s="27">
        <v>104</v>
      </c>
      <c r="C24" s="28">
        <v>89</v>
      </c>
      <c r="D24" s="29">
        <v>193</v>
      </c>
    </row>
    <row r="25" spans="1:4" ht="18" customHeight="1" x14ac:dyDescent="0.2">
      <c r="A25" s="31">
        <v>16</v>
      </c>
      <c r="B25" s="27">
        <v>89</v>
      </c>
      <c r="C25" s="28">
        <v>98</v>
      </c>
      <c r="D25" s="29">
        <v>187</v>
      </c>
    </row>
    <row r="26" spans="1:4" ht="18" customHeight="1" x14ac:dyDescent="0.2">
      <c r="A26" s="31">
        <v>17</v>
      </c>
      <c r="B26" s="27">
        <v>108</v>
      </c>
      <c r="C26" s="28">
        <v>95</v>
      </c>
      <c r="D26" s="29">
        <v>203</v>
      </c>
    </row>
    <row r="27" spans="1:4" ht="18" customHeight="1" x14ac:dyDescent="0.2">
      <c r="A27" s="31">
        <v>18</v>
      </c>
      <c r="B27" s="27">
        <v>111</v>
      </c>
      <c r="C27" s="28">
        <v>82</v>
      </c>
      <c r="D27" s="29">
        <v>193</v>
      </c>
    </row>
    <row r="28" spans="1:4" ht="18" customHeight="1" x14ac:dyDescent="0.2">
      <c r="A28" s="31">
        <v>19</v>
      </c>
      <c r="B28" s="27">
        <v>97</v>
      </c>
      <c r="C28" s="28">
        <v>98</v>
      </c>
      <c r="D28" s="29">
        <v>195</v>
      </c>
    </row>
    <row r="29" spans="1:4" ht="18" customHeight="1" x14ac:dyDescent="0.2">
      <c r="A29" s="31" t="s">
        <v>52</v>
      </c>
      <c r="B29" s="27">
        <v>509</v>
      </c>
      <c r="C29" s="28">
        <v>462</v>
      </c>
      <c r="D29" s="29">
        <v>971</v>
      </c>
    </row>
    <row r="30" spans="1:4" ht="18" customHeight="1" x14ac:dyDescent="0.2">
      <c r="A30" s="31">
        <v>20</v>
      </c>
      <c r="B30" s="27">
        <v>91</v>
      </c>
      <c r="C30" s="28">
        <v>126</v>
      </c>
      <c r="D30" s="29">
        <v>217</v>
      </c>
    </row>
    <row r="31" spans="1:4" ht="18" customHeight="1" x14ac:dyDescent="0.2">
      <c r="A31" s="31">
        <v>21</v>
      </c>
      <c r="B31" s="27">
        <v>122</v>
      </c>
      <c r="C31" s="28">
        <v>104</v>
      </c>
      <c r="D31" s="29">
        <v>226</v>
      </c>
    </row>
    <row r="32" spans="1:4" ht="18" customHeight="1" x14ac:dyDescent="0.2">
      <c r="A32" s="31">
        <v>22</v>
      </c>
      <c r="B32" s="27">
        <v>98</v>
      </c>
      <c r="C32" s="28">
        <v>76</v>
      </c>
      <c r="D32" s="29">
        <v>174</v>
      </c>
    </row>
    <row r="33" spans="1:4" ht="18" customHeight="1" x14ac:dyDescent="0.2">
      <c r="A33" s="31">
        <v>23</v>
      </c>
      <c r="B33" s="27">
        <v>102</v>
      </c>
      <c r="C33" s="28">
        <v>90</v>
      </c>
      <c r="D33" s="29">
        <v>192</v>
      </c>
    </row>
    <row r="34" spans="1:4" ht="18" customHeight="1" x14ac:dyDescent="0.2">
      <c r="A34" s="31">
        <v>24</v>
      </c>
      <c r="B34" s="27">
        <v>96</v>
      </c>
      <c r="C34" s="28">
        <v>75</v>
      </c>
      <c r="D34" s="29">
        <v>171</v>
      </c>
    </row>
    <row r="35" spans="1:4" ht="18" customHeight="1" x14ac:dyDescent="0.2">
      <c r="A35" s="31" t="s">
        <v>53</v>
      </c>
      <c r="B35" s="27">
        <v>509</v>
      </c>
      <c r="C35" s="28">
        <v>471</v>
      </c>
      <c r="D35" s="29">
        <v>980</v>
      </c>
    </row>
    <row r="36" spans="1:4" ht="18" customHeight="1" x14ac:dyDescent="0.2">
      <c r="A36" s="31">
        <v>25</v>
      </c>
      <c r="B36" s="27">
        <v>91</v>
      </c>
      <c r="C36" s="28">
        <v>68</v>
      </c>
      <c r="D36" s="29">
        <v>159</v>
      </c>
    </row>
    <row r="37" spans="1:4" ht="18" customHeight="1" x14ac:dyDescent="0.2">
      <c r="A37" s="31">
        <v>26</v>
      </c>
      <c r="B37" s="27">
        <v>103</v>
      </c>
      <c r="C37" s="28">
        <v>59</v>
      </c>
      <c r="D37" s="29">
        <v>162</v>
      </c>
    </row>
    <row r="38" spans="1:4" ht="18" customHeight="1" x14ac:dyDescent="0.2">
      <c r="A38" s="31">
        <v>27</v>
      </c>
      <c r="B38" s="27">
        <v>67</v>
      </c>
      <c r="C38" s="28">
        <v>55</v>
      </c>
      <c r="D38" s="29">
        <v>122</v>
      </c>
    </row>
    <row r="39" spans="1:4" ht="18" customHeight="1" x14ac:dyDescent="0.2">
      <c r="A39" s="31">
        <v>28</v>
      </c>
      <c r="B39" s="27">
        <v>83</v>
      </c>
      <c r="C39" s="28">
        <v>72</v>
      </c>
      <c r="D39" s="29">
        <v>155</v>
      </c>
    </row>
    <row r="40" spans="1:4" ht="18" customHeight="1" x14ac:dyDescent="0.2">
      <c r="A40" s="31">
        <v>29</v>
      </c>
      <c r="B40" s="27">
        <v>91</v>
      </c>
      <c r="C40" s="28">
        <v>50</v>
      </c>
      <c r="D40" s="29">
        <v>141</v>
      </c>
    </row>
    <row r="41" spans="1:4" ht="18" customHeight="1" x14ac:dyDescent="0.2">
      <c r="A41" s="31" t="s">
        <v>54</v>
      </c>
      <c r="B41" s="27">
        <v>435</v>
      </c>
      <c r="C41" s="28">
        <v>304</v>
      </c>
      <c r="D41" s="29">
        <v>739</v>
      </c>
    </row>
    <row r="42" spans="1:4" ht="18" customHeight="1" x14ac:dyDescent="0.2">
      <c r="A42" s="31">
        <v>30</v>
      </c>
      <c r="B42" s="27">
        <v>78</v>
      </c>
      <c r="C42" s="28">
        <v>67</v>
      </c>
      <c r="D42" s="29">
        <v>145</v>
      </c>
    </row>
    <row r="43" spans="1:4" ht="18" customHeight="1" x14ac:dyDescent="0.2">
      <c r="A43" s="31">
        <v>31</v>
      </c>
      <c r="B43" s="27">
        <v>86</v>
      </c>
      <c r="C43" s="28">
        <v>73</v>
      </c>
      <c r="D43" s="29">
        <v>159</v>
      </c>
    </row>
    <row r="44" spans="1:4" ht="18" customHeight="1" x14ac:dyDescent="0.2">
      <c r="A44" s="31">
        <v>32</v>
      </c>
      <c r="B44" s="27">
        <v>72</v>
      </c>
      <c r="C44" s="28">
        <v>70</v>
      </c>
      <c r="D44" s="29">
        <v>142</v>
      </c>
    </row>
    <row r="45" spans="1:4" ht="18" customHeight="1" x14ac:dyDescent="0.2">
      <c r="A45" s="31">
        <v>33</v>
      </c>
      <c r="B45" s="27">
        <v>104</v>
      </c>
      <c r="C45" s="28">
        <v>76</v>
      </c>
      <c r="D45" s="29">
        <v>180</v>
      </c>
    </row>
    <row r="46" spans="1:4" ht="18" customHeight="1" x14ac:dyDescent="0.2">
      <c r="A46" s="31">
        <v>34</v>
      </c>
      <c r="B46" s="27">
        <v>77</v>
      </c>
      <c r="C46" s="28">
        <v>86</v>
      </c>
      <c r="D46" s="29">
        <v>163</v>
      </c>
    </row>
    <row r="47" spans="1:4" ht="18" customHeight="1" x14ac:dyDescent="0.2">
      <c r="A47" s="31" t="s">
        <v>55</v>
      </c>
      <c r="B47" s="27">
        <v>417</v>
      </c>
      <c r="C47" s="28">
        <v>372</v>
      </c>
      <c r="D47" s="29">
        <v>789</v>
      </c>
    </row>
    <row r="48" spans="1:4" ht="18" customHeight="1" x14ac:dyDescent="0.2">
      <c r="A48" s="31">
        <v>35</v>
      </c>
      <c r="B48" s="27">
        <v>84</v>
      </c>
      <c r="C48" s="28">
        <v>97</v>
      </c>
      <c r="D48" s="29">
        <v>181</v>
      </c>
    </row>
    <row r="49" spans="1:4" ht="18" customHeight="1" x14ac:dyDescent="0.2">
      <c r="A49" s="31">
        <v>36</v>
      </c>
      <c r="B49" s="27">
        <v>97</v>
      </c>
      <c r="C49" s="28">
        <v>92</v>
      </c>
      <c r="D49" s="29">
        <v>189</v>
      </c>
    </row>
    <row r="50" spans="1:4" ht="18" customHeight="1" x14ac:dyDescent="0.2">
      <c r="A50" s="31">
        <v>37</v>
      </c>
      <c r="B50" s="27">
        <v>100</v>
      </c>
      <c r="C50" s="28">
        <v>99</v>
      </c>
      <c r="D50" s="29">
        <v>199</v>
      </c>
    </row>
    <row r="51" spans="1:4" ht="18" customHeight="1" x14ac:dyDescent="0.2">
      <c r="A51" s="31">
        <v>38</v>
      </c>
      <c r="B51" s="27">
        <v>118</v>
      </c>
      <c r="C51" s="28">
        <v>108</v>
      </c>
      <c r="D51" s="29">
        <v>226</v>
      </c>
    </row>
    <row r="52" spans="1:4" ht="18" customHeight="1" x14ac:dyDescent="0.2">
      <c r="A52" s="31">
        <v>39</v>
      </c>
      <c r="B52" s="27">
        <v>112</v>
      </c>
      <c r="C52" s="28">
        <v>97</v>
      </c>
      <c r="D52" s="29">
        <v>209</v>
      </c>
    </row>
    <row r="53" spans="1:4" ht="18" customHeight="1" x14ac:dyDescent="0.2">
      <c r="A53" s="31" t="s">
        <v>56</v>
      </c>
      <c r="B53" s="27">
        <v>511</v>
      </c>
      <c r="C53" s="28">
        <v>493</v>
      </c>
      <c r="D53" s="29">
        <v>1004</v>
      </c>
    </row>
    <row r="54" spans="1:4" ht="18" customHeight="1" x14ac:dyDescent="0.2">
      <c r="A54" s="31">
        <v>40</v>
      </c>
      <c r="B54" s="27">
        <v>99</v>
      </c>
      <c r="C54" s="28">
        <v>98</v>
      </c>
      <c r="D54" s="29">
        <v>197</v>
      </c>
    </row>
    <row r="55" spans="1:4" ht="18" customHeight="1" x14ac:dyDescent="0.2">
      <c r="A55" s="31">
        <v>41</v>
      </c>
      <c r="B55" s="27">
        <v>121</v>
      </c>
      <c r="C55" s="28">
        <v>109</v>
      </c>
      <c r="D55" s="29">
        <v>230</v>
      </c>
    </row>
    <row r="56" spans="1:4" ht="18" customHeight="1" x14ac:dyDescent="0.2">
      <c r="A56" s="31">
        <v>42</v>
      </c>
      <c r="B56" s="27">
        <v>134</v>
      </c>
      <c r="C56" s="28">
        <v>108</v>
      </c>
      <c r="D56" s="29">
        <v>242</v>
      </c>
    </row>
    <row r="57" spans="1:4" ht="18" customHeight="1" x14ac:dyDescent="0.2">
      <c r="A57" s="31">
        <v>43</v>
      </c>
      <c r="B57" s="27">
        <v>110</v>
      </c>
      <c r="C57" s="28">
        <v>116</v>
      </c>
      <c r="D57" s="29">
        <v>226</v>
      </c>
    </row>
    <row r="58" spans="1:4" ht="18" customHeight="1" x14ac:dyDescent="0.2">
      <c r="A58" s="31">
        <v>44</v>
      </c>
      <c r="B58" s="27">
        <v>124</v>
      </c>
      <c r="C58" s="28">
        <v>129</v>
      </c>
      <c r="D58" s="29">
        <v>253</v>
      </c>
    </row>
    <row r="59" spans="1:4" ht="18" customHeight="1" x14ac:dyDescent="0.2">
      <c r="A59" s="31" t="s">
        <v>57</v>
      </c>
      <c r="B59" s="27">
        <v>588</v>
      </c>
      <c r="C59" s="28">
        <v>560</v>
      </c>
      <c r="D59" s="29">
        <v>1148</v>
      </c>
    </row>
    <row r="60" spans="1:4" ht="18" customHeight="1" x14ac:dyDescent="0.2">
      <c r="A60" s="31">
        <v>45</v>
      </c>
      <c r="B60" s="27">
        <v>145</v>
      </c>
      <c r="C60" s="28">
        <v>132</v>
      </c>
      <c r="D60" s="29">
        <v>277</v>
      </c>
    </row>
    <row r="61" spans="1:4" ht="18" customHeight="1" x14ac:dyDescent="0.2">
      <c r="A61" s="31">
        <v>46</v>
      </c>
      <c r="B61" s="27">
        <v>137</v>
      </c>
      <c r="C61" s="28">
        <v>138</v>
      </c>
      <c r="D61" s="29">
        <v>275</v>
      </c>
    </row>
    <row r="62" spans="1:4" ht="18" customHeight="1" x14ac:dyDescent="0.2">
      <c r="A62" s="31">
        <v>47</v>
      </c>
      <c r="B62" s="27">
        <v>165</v>
      </c>
      <c r="C62" s="28">
        <v>133</v>
      </c>
      <c r="D62" s="29">
        <v>298</v>
      </c>
    </row>
    <row r="63" spans="1:4" ht="18" customHeight="1" x14ac:dyDescent="0.2">
      <c r="A63" s="31">
        <v>48</v>
      </c>
      <c r="B63" s="27">
        <v>133</v>
      </c>
      <c r="C63" s="28">
        <v>139</v>
      </c>
      <c r="D63" s="29">
        <v>272</v>
      </c>
    </row>
    <row r="64" spans="1:4" ht="18" customHeight="1" x14ac:dyDescent="0.2">
      <c r="A64" s="31">
        <v>49</v>
      </c>
      <c r="B64" s="27">
        <v>141</v>
      </c>
      <c r="C64" s="28">
        <v>132</v>
      </c>
      <c r="D64" s="29">
        <v>273</v>
      </c>
    </row>
    <row r="65" spans="1:4" ht="18" customHeight="1" x14ac:dyDescent="0.2">
      <c r="A65" s="31" t="s">
        <v>58</v>
      </c>
      <c r="B65" s="27">
        <v>721</v>
      </c>
      <c r="C65" s="28">
        <v>674</v>
      </c>
      <c r="D65" s="29">
        <v>1395</v>
      </c>
    </row>
    <row r="66" spans="1:4" ht="18" customHeight="1" x14ac:dyDescent="0.2">
      <c r="A66" s="31">
        <v>50</v>
      </c>
      <c r="B66" s="27">
        <v>151</v>
      </c>
      <c r="C66" s="28">
        <v>127</v>
      </c>
      <c r="D66" s="29">
        <v>278</v>
      </c>
    </row>
    <row r="67" spans="1:4" ht="18" customHeight="1" x14ac:dyDescent="0.2">
      <c r="A67" s="31">
        <v>51</v>
      </c>
      <c r="B67" s="27">
        <v>119</v>
      </c>
      <c r="C67" s="28">
        <v>116</v>
      </c>
      <c r="D67" s="29">
        <v>235</v>
      </c>
    </row>
    <row r="68" spans="1:4" ht="18" customHeight="1" x14ac:dyDescent="0.2">
      <c r="A68" s="31">
        <v>52</v>
      </c>
      <c r="B68" s="27">
        <v>109</v>
      </c>
      <c r="C68" s="28">
        <v>139</v>
      </c>
      <c r="D68" s="29">
        <v>248</v>
      </c>
    </row>
    <row r="69" spans="1:4" ht="18" customHeight="1" x14ac:dyDescent="0.2">
      <c r="A69" s="31">
        <v>53</v>
      </c>
      <c r="B69" s="27">
        <v>113</v>
      </c>
      <c r="C69" s="28">
        <v>106</v>
      </c>
      <c r="D69" s="29">
        <v>219</v>
      </c>
    </row>
    <row r="70" spans="1:4" ht="18" customHeight="1" x14ac:dyDescent="0.2">
      <c r="A70" s="31">
        <v>54</v>
      </c>
      <c r="B70" s="27">
        <v>82</v>
      </c>
      <c r="C70" s="28">
        <v>106</v>
      </c>
      <c r="D70" s="29">
        <v>188</v>
      </c>
    </row>
    <row r="71" spans="1:4" ht="18" customHeight="1" x14ac:dyDescent="0.2">
      <c r="A71" s="31" t="s">
        <v>59</v>
      </c>
      <c r="B71" s="27">
        <v>574</v>
      </c>
      <c r="C71" s="28">
        <v>594</v>
      </c>
      <c r="D71" s="29">
        <v>1168</v>
      </c>
    </row>
    <row r="72" spans="1:4" ht="18" customHeight="1" x14ac:dyDescent="0.2">
      <c r="A72" s="31">
        <v>55</v>
      </c>
      <c r="B72" s="27">
        <v>140</v>
      </c>
      <c r="C72" s="28">
        <v>114</v>
      </c>
      <c r="D72" s="29">
        <v>254</v>
      </c>
    </row>
    <row r="73" spans="1:4" ht="18" customHeight="1" x14ac:dyDescent="0.2">
      <c r="A73" s="31">
        <v>56</v>
      </c>
      <c r="B73" s="27">
        <v>124</v>
      </c>
      <c r="C73" s="28">
        <v>122</v>
      </c>
      <c r="D73" s="29">
        <v>246</v>
      </c>
    </row>
    <row r="74" spans="1:4" ht="18" customHeight="1" x14ac:dyDescent="0.2">
      <c r="A74" s="31">
        <v>57</v>
      </c>
      <c r="B74" s="27">
        <v>100</v>
      </c>
      <c r="C74" s="28">
        <v>102</v>
      </c>
      <c r="D74" s="29">
        <v>202</v>
      </c>
    </row>
    <row r="75" spans="1:4" ht="18" customHeight="1" x14ac:dyDescent="0.2">
      <c r="A75" s="31">
        <v>58</v>
      </c>
      <c r="B75" s="27">
        <v>112</v>
      </c>
      <c r="C75" s="28">
        <v>115</v>
      </c>
      <c r="D75" s="29">
        <v>227</v>
      </c>
    </row>
    <row r="76" spans="1:4" ht="18" customHeight="1" x14ac:dyDescent="0.2">
      <c r="A76" s="31">
        <v>59</v>
      </c>
      <c r="B76" s="27">
        <v>127</v>
      </c>
      <c r="C76" s="28">
        <v>124</v>
      </c>
      <c r="D76" s="29">
        <v>251</v>
      </c>
    </row>
    <row r="77" spans="1:4" ht="18" customHeight="1" x14ac:dyDescent="0.2">
      <c r="A77" s="31" t="s">
        <v>60</v>
      </c>
      <c r="B77" s="27">
        <v>603</v>
      </c>
      <c r="C77" s="28">
        <v>577</v>
      </c>
      <c r="D77" s="29">
        <v>1180</v>
      </c>
    </row>
    <row r="78" spans="1:4" ht="18" customHeight="1" x14ac:dyDescent="0.2">
      <c r="A78" s="31">
        <v>60</v>
      </c>
      <c r="B78" s="27">
        <v>125</v>
      </c>
      <c r="C78" s="28">
        <v>120</v>
      </c>
      <c r="D78" s="29">
        <v>245</v>
      </c>
    </row>
    <row r="79" spans="1:4" ht="18" customHeight="1" x14ac:dyDescent="0.2">
      <c r="A79" s="31">
        <v>61</v>
      </c>
      <c r="B79" s="27">
        <v>117</v>
      </c>
      <c r="C79" s="28">
        <v>121</v>
      </c>
      <c r="D79" s="29">
        <v>238</v>
      </c>
    </row>
    <row r="80" spans="1:4" ht="18" customHeight="1" x14ac:dyDescent="0.2">
      <c r="A80" s="31">
        <v>62</v>
      </c>
      <c r="B80" s="27">
        <v>125</v>
      </c>
      <c r="C80" s="28">
        <v>124</v>
      </c>
      <c r="D80" s="29">
        <v>249</v>
      </c>
    </row>
    <row r="81" spans="1:4" ht="18" customHeight="1" x14ac:dyDescent="0.2">
      <c r="A81" s="31">
        <v>63</v>
      </c>
      <c r="B81" s="27">
        <v>121</v>
      </c>
      <c r="C81" s="28">
        <v>125</v>
      </c>
      <c r="D81" s="29">
        <v>246</v>
      </c>
    </row>
    <row r="82" spans="1:4" ht="18" customHeight="1" x14ac:dyDescent="0.2">
      <c r="A82" s="31">
        <v>64</v>
      </c>
      <c r="B82" s="27">
        <v>130</v>
      </c>
      <c r="C82" s="28">
        <v>141</v>
      </c>
      <c r="D82" s="29">
        <v>271</v>
      </c>
    </row>
    <row r="83" spans="1:4" ht="18" customHeight="1" x14ac:dyDescent="0.2">
      <c r="A83" s="31" t="s">
        <v>61</v>
      </c>
      <c r="B83" s="27">
        <v>618</v>
      </c>
      <c r="C83" s="28">
        <v>631</v>
      </c>
      <c r="D83" s="29">
        <v>1249</v>
      </c>
    </row>
    <row r="84" spans="1:4" ht="18" customHeight="1" x14ac:dyDescent="0.2">
      <c r="A84" s="31" t="s">
        <v>62</v>
      </c>
      <c r="B84" s="27">
        <v>5485</v>
      </c>
      <c r="C84" s="28">
        <v>5138</v>
      </c>
      <c r="D84" s="29">
        <v>10623</v>
      </c>
    </row>
    <row r="85" spans="1:4" ht="18" customHeight="1" x14ac:dyDescent="0.2">
      <c r="A85" s="31">
        <v>65</v>
      </c>
      <c r="B85" s="27">
        <v>164</v>
      </c>
      <c r="C85" s="28">
        <v>163</v>
      </c>
      <c r="D85" s="29">
        <v>327</v>
      </c>
    </row>
    <row r="86" spans="1:4" ht="18" customHeight="1" x14ac:dyDescent="0.2">
      <c r="A86" s="31">
        <v>66</v>
      </c>
      <c r="B86" s="27">
        <v>161</v>
      </c>
      <c r="C86" s="28">
        <v>160</v>
      </c>
      <c r="D86" s="29">
        <v>321</v>
      </c>
    </row>
    <row r="87" spans="1:4" ht="18" customHeight="1" x14ac:dyDescent="0.2">
      <c r="A87" s="31">
        <v>67</v>
      </c>
      <c r="B87" s="27">
        <v>154</v>
      </c>
      <c r="C87" s="28">
        <v>156</v>
      </c>
      <c r="D87" s="29">
        <v>310</v>
      </c>
    </row>
    <row r="88" spans="1:4" ht="18" customHeight="1" x14ac:dyDescent="0.2">
      <c r="A88" s="31">
        <v>68</v>
      </c>
      <c r="B88" s="27">
        <v>191</v>
      </c>
      <c r="C88" s="28">
        <v>156</v>
      </c>
      <c r="D88" s="29">
        <v>347</v>
      </c>
    </row>
    <row r="89" spans="1:4" ht="18" customHeight="1" x14ac:dyDescent="0.2">
      <c r="A89" s="31">
        <v>69</v>
      </c>
      <c r="B89" s="27">
        <v>180</v>
      </c>
      <c r="C89" s="28">
        <v>188</v>
      </c>
      <c r="D89" s="29">
        <v>368</v>
      </c>
    </row>
    <row r="90" spans="1:4" ht="18" customHeight="1" x14ac:dyDescent="0.2">
      <c r="A90" s="31" t="s">
        <v>63</v>
      </c>
      <c r="B90" s="27">
        <v>850</v>
      </c>
      <c r="C90" s="28">
        <v>823</v>
      </c>
      <c r="D90" s="29">
        <v>1673</v>
      </c>
    </row>
    <row r="91" spans="1:4" ht="18" customHeight="1" x14ac:dyDescent="0.2">
      <c r="A91" s="31">
        <v>70</v>
      </c>
      <c r="B91" s="27">
        <v>208</v>
      </c>
      <c r="C91" s="28">
        <v>185</v>
      </c>
      <c r="D91" s="29">
        <v>393</v>
      </c>
    </row>
    <row r="92" spans="1:4" ht="18" customHeight="1" x14ac:dyDescent="0.2">
      <c r="A92" s="31">
        <v>71</v>
      </c>
      <c r="B92" s="27">
        <v>193</v>
      </c>
      <c r="C92" s="28">
        <v>182</v>
      </c>
      <c r="D92" s="29">
        <v>375</v>
      </c>
    </row>
    <row r="93" spans="1:4" ht="18" customHeight="1" x14ac:dyDescent="0.2">
      <c r="A93" s="31">
        <v>72</v>
      </c>
      <c r="B93" s="27">
        <v>217</v>
      </c>
      <c r="C93" s="28">
        <v>215</v>
      </c>
      <c r="D93" s="29">
        <v>432</v>
      </c>
    </row>
    <row r="94" spans="1:4" ht="18" customHeight="1" x14ac:dyDescent="0.2">
      <c r="A94" s="31">
        <v>73</v>
      </c>
      <c r="B94" s="27">
        <v>165</v>
      </c>
      <c r="C94" s="28">
        <v>176</v>
      </c>
      <c r="D94" s="29">
        <v>341</v>
      </c>
    </row>
    <row r="95" spans="1:4" ht="18" customHeight="1" x14ac:dyDescent="0.2">
      <c r="A95" s="31">
        <v>74</v>
      </c>
      <c r="B95" s="27">
        <v>68</v>
      </c>
      <c r="C95" s="28">
        <v>84</v>
      </c>
      <c r="D95" s="29">
        <v>152</v>
      </c>
    </row>
    <row r="96" spans="1:4" ht="18" customHeight="1" x14ac:dyDescent="0.2">
      <c r="A96" s="31" t="s">
        <v>64</v>
      </c>
      <c r="B96" s="27">
        <v>851</v>
      </c>
      <c r="C96" s="28">
        <v>842</v>
      </c>
      <c r="D96" s="29">
        <v>1693</v>
      </c>
    </row>
    <row r="97" spans="1:4" ht="18" customHeight="1" x14ac:dyDescent="0.2">
      <c r="A97" s="31">
        <v>75</v>
      </c>
      <c r="B97" s="27">
        <v>108</v>
      </c>
      <c r="C97" s="28">
        <v>134</v>
      </c>
      <c r="D97" s="29">
        <v>242</v>
      </c>
    </row>
    <row r="98" spans="1:4" ht="18" customHeight="1" x14ac:dyDescent="0.2">
      <c r="A98" s="31">
        <v>76</v>
      </c>
      <c r="B98" s="27">
        <v>122</v>
      </c>
      <c r="C98" s="28">
        <v>124</v>
      </c>
      <c r="D98" s="29">
        <v>246</v>
      </c>
    </row>
    <row r="99" spans="1:4" ht="18" customHeight="1" x14ac:dyDescent="0.2">
      <c r="A99" s="31">
        <v>77</v>
      </c>
      <c r="B99" s="27">
        <v>109</v>
      </c>
      <c r="C99" s="28">
        <v>121</v>
      </c>
      <c r="D99" s="29">
        <v>230</v>
      </c>
    </row>
    <row r="100" spans="1:4" ht="18" customHeight="1" x14ac:dyDescent="0.2">
      <c r="A100" s="31">
        <v>78</v>
      </c>
      <c r="B100" s="27">
        <v>127</v>
      </c>
      <c r="C100" s="28">
        <v>138</v>
      </c>
      <c r="D100" s="29">
        <v>265</v>
      </c>
    </row>
    <row r="101" spans="1:4" ht="18" customHeight="1" x14ac:dyDescent="0.2">
      <c r="A101" s="31">
        <v>79</v>
      </c>
      <c r="B101" s="27">
        <v>111</v>
      </c>
      <c r="C101" s="28">
        <v>109</v>
      </c>
      <c r="D101" s="29">
        <v>220</v>
      </c>
    </row>
    <row r="102" spans="1:4" ht="18" customHeight="1" x14ac:dyDescent="0.2">
      <c r="A102" s="31" t="s">
        <v>65</v>
      </c>
      <c r="B102" s="27">
        <v>577</v>
      </c>
      <c r="C102" s="28">
        <v>626</v>
      </c>
      <c r="D102" s="29">
        <v>1203</v>
      </c>
    </row>
    <row r="103" spans="1:4" ht="18" customHeight="1" x14ac:dyDescent="0.2">
      <c r="A103" s="31">
        <v>80</v>
      </c>
      <c r="B103" s="27">
        <v>71</v>
      </c>
      <c r="C103" s="28">
        <v>105</v>
      </c>
      <c r="D103" s="29">
        <v>176</v>
      </c>
    </row>
    <row r="104" spans="1:4" ht="18" customHeight="1" x14ac:dyDescent="0.2">
      <c r="A104" s="31">
        <v>81</v>
      </c>
      <c r="B104" s="27">
        <v>61</v>
      </c>
      <c r="C104" s="28">
        <v>104</v>
      </c>
      <c r="D104" s="29">
        <v>165</v>
      </c>
    </row>
    <row r="105" spans="1:4" ht="18" customHeight="1" x14ac:dyDescent="0.2">
      <c r="A105" s="31">
        <v>82</v>
      </c>
      <c r="B105" s="27">
        <v>77</v>
      </c>
      <c r="C105" s="28">
        <v>128</v>
      </c>
      <c r="D105" s="29">
        <v>205</v>
      </c>
    </row>
    <row r="106" spans="1:4" ht="18" customHeight="1" x14ac:dyDescent="0.2">
      <c r="A106" s="31">
        <v>83</v>
      </c>
      <c r="B106" s="27">
        <v>75</v>
      </c>
      <c r="C106" s="28">
        <v>117</v>
      </c>
      <c r="D106" s="29">
        <v>192</v>
      </c>
    </row>
    <row r="107" spans="1:4" ht="18" customHeight="1" x14ac:dyDescent="0.2">
      <c r="A107" s="31">
        <v>84</v>
      </c>
      <c r="B107" s="27">
        <v>80</v>
      </c>
      <c r="C107" s="28">
        <v>114</v>
      </c>
      <c r="D107" s="29">
        <v>194</v>
      </c>
    </row>
    <row r="108" spans="1:4" ht="18" customHeight="1" x14ac:dyDescent="0.2">
      <c r="A108" s="31" t="s">
        <v>66</v>
      </c>
      <c r="B108" s="27">
        <v>364</v>
      </c>
      <c r="C108" s="28">
        <v>568</v>
      </c>
      <c r="D108" s="29">
        <v>932</v>
      </c>
    </row>
    <row r="109" spans="1:4" ht="18" customHeight="1" x14ac:dyDescent="0.2">
      <c r="A109" s="31">
        <v>85</v>
      </c>
      <c r="B109" s="27">
        <v>63</v>
      </c>
      <c r="C109" s="28">
        <v>100</v>
      </c>
      <c r="D109" s="29">
        <v>163</v>
      </c>
    </row>
    <row r="110" spans="1:4" ht="18" customHeight="1" x14ac:dyDescent="0.2">
      <c r="A110" s="31">
        <v>86</v>
      </c>
      <c r="B110" s="27">
        <v>70</v>
      </c>
      <c r="C110" s="28">
        <v>106</v>
      </c>
      <c r="D110" s="29">
        <v>176</v>
      </c>
    </row>
    <row r="111" spans="1:4" ht="18" customHeight="1" x14ac:dyDescent="0.2">
      <c r="A111" s="31">
        <v>87</v>
      </c>
      <c r="B111" s="27">
        <v>53</v>
      </c>
      <c r="C111" s="28">
        <v>97</v>
      </c>
      <c r="D111" s="29">
        <v>150</v>
      </c>
    </row>
    <row r="112" spans="1:4" ht="18" customHeight="1" x14ac:dyDescent="0.2">
      <c r="A112" s="31">
        <v>88</v>
      </c>
      <c r="B112" s="27">
        <v>44</v>
      </c>
      <c r="C112" s="28">
        <v>104</v>
      </c>
      <c r="D112" s="29">
        <v>148</v>
      </c>
    </row>
    <row r="113" spans="1:4" ht="18" customHeight="1" x14ac:dyDescent="0.2">
      <c r="A113" s="31">
        <v>89</v>
      </c>
      <c r="B113" s="27">
        <v>34</v>
      </c>
      <c r="C113" s="28">
        <v>103</v>
      </c>
      <c r="D113" s="29">
        <v>137</v>
      </c>
    </row>
    <row r="114" spans="1:4" ht="18" customHeight="1" x14ac:dyDescent="0.2">
      <c r="A114" s="31" t="s">
        <v>67</v>
      </c>
      <c r="B114" s="27">
        <v>264</v>
      </c>
      <c r="C114" s="28">
        <v>510</v>
      </c>
      <c r="D114" s="29">
        <v>774</v>
      </c>
    </row>
    <row r="115" spans="1:4" ht="18" customHeight="1" x14ac:dyDescent="0.2">
      <c r="A115" s="31">
        <v>90</v>
      </c>
      <c r="B115" s="27">
        <v>30</v>
      </c>
      <c r="C115" s="28">
        <v>78</v>
      </c>
      <c r="D115" s="29">
        <v>108</v>
      </c>
    </row>
    <row r="116" spans="1:4" ht="18" customHeight="1" x14ac:dyDescent="0.2">
      <c r="A116" s="31">
        <v>91</v>
      </c>
      <c r="B116" s="27">
        <v>39</v>
      </c>
      <c r="C116" s="28">
        <v>78</v>
      </c>
      <c r="D116" s="29">
        <v>117</v>
      </c>
    </row>
    <row r="117" spans="1:4" ht="18" customHeight="1" x14ac:dyDescent="0.2">
      <c r="A117" s="31">
        <v>92</v>
      </c>
      <c r="B117" s="27">
        <v>26</v>
      </c>
      <c r="C117" s="28">
        <v>61</v>
      </c>
      <c r="D117" s="29">
        <v>87</v>
      </c>
    </row>
    <row r="118" spans="1:4" ht="18" customHeight="1" x14ac:dyDescent="0.2">
      <c r="A118" s="31">
        <v>93</v>
      </c>
      <c r="B118" s="27">
        <v>18</v>
      </c>
      <c r="C118" s="28">
        <v>47</v>
      </c>
      <c r="D118" s="29">
        <v>65</v>
      </c>
    </row>
    <row r="119" spans="1:4" ht="18" customHeight="1" x14ac:dyDescent="0.2">
      <c r="A119" s="31">
        <v>94</v>
      </c>
      <c r="B119" s="27">
        <v>16</v>
      </c>
      <c r="C119" s="28">
        <v>48</v>
      </c>
      <c r="D119" s="29">
        <v>64</v>
      </c>
    </row>
    <row r="120" spans="1:4" ht="18" customHeight="1" x14ac:dyDescent="0.2">
      <c r="A120" s="31" t="s">
        <v>68</v>
      </c>
      <c r="B120" s="27">
        <v>129</v>
      </c>
      <c r="C120" s="28">
        <v>312</v>
      </c>
      <c r="D120" s="29">
        <v>441</v>
      </c>
    </row>
    <row r="121" spans="1:4" ht="18" customHeight="1" x14ac:dyDescent="0.2">
      <c r="A121" s="31">
        <v>95</v>
      </c>
      <c r="B121" s="27">
        <v>5</v>
      </c>
      <c r="C121" s="28">
        <v>32</v>
      </c>
      <c r="D121" s="29">
        <v>37</v>
      </c>
    </row>
    <row r="122" spans="1:4" ht="18" customHeight="1" x14ac:dyDescent="0.2">
      <c r="A122" s="31">
        <v>96</v>
      </c>
      <c r="B122" s="27">
        <v>1</v>
      </c>
      <c r="C122" s="28">
        <v>25</v>
      </c>
      <c r="D122" s="29">
        <v>26</v>
      </c>
    </row>
    <row r="123" spans="1:4" ht="18" customHeight="1" x14ac:dyDescent="0.2">
      <c r="A123" s="31">
        <v>97</v>
      </c>
      <c r="B123" s="27">
        <v>3</v>
      </c>
      <c r="C123" s="28">
        <v>25</v>
      </c>
      <c r="D123" s="29">
        <v>28</v>
      </c>
    </row>
    <row r="124" spans="1:4" ht="18" customHeight="1" x14ac:dyDescent="0.2">
      <c r="A124" s="31">
        <v>98</v>
      </c>
      <c r="B124" s="27">
        <v>3</v>
      </c>
      <c r="C124" s="28">
        <v>11</v>
      </c>
      <c r="D124" s="29">
        <v>14</v>
      </c>
    </row>
    <row r="125" spans="1:4" ht="18" customHeight="1" x14ac:dyDescent="0.2">
      <c r="A125" s="31">
        <v>99</v>
      </c>
      <c r="B125" s="27">
        <v>2</v>
      </c>
      <c r="C125" s="28">
        <v>7</v>
      </c>
      <c r="D125" s="29">
        <v>9</v>
      </c>
    </row>
    <row r="126" spans="1:4" ht="18" customHeight="1" x14ac:dyDescent="0.2">
      <c r="A126" s="31" t="s">
        <v>69</v>
      </c>
      <c r="B126" s="27">
        <v>14</v>
      </c>
      <c r="C126" s="28">
        <v>100</v>
      </c>
      <c r="D126" s="29">
        <v>114</v>
      </c>
    </row>
    <row r="127" spans="1:4" ht="18" customHeight="1" x14ac:dyDescent="0.2">
      <c r="A127" s="31">
        <v>100</v>
      </c>
      <c r="B127" s="27">
        <v>2</v>
      </c>
      <c r="C127" s="28">
        <v>6</v>
      </c>
      <c r="D127" s="29">
        <v>8</v>
      </c>
    </row>
    <row r="128" spans="1:4" ht="18" customHeight="1" x14ac:dyDescent="0.2">
      <c r="A128" s="32" t="s">
        <v>70</v>
      </c>
      <c r="B128" s="27">
        <v>1</v>
      </c>
      <c r="C128" s="28">
        <v>7</v>
      </c>
      <c r="D128" s="29">
        <v>8</v>
      </c>
    </row>
    <row r="129" spans="1:4" ht="18" customHeight="1" x14ac:dyDescent="0.2">
      <c r="A129" s="31" t="s">
        <v>71</v>
      </c>
      <c r="B129" s="27">
        <v>3</v>
      </c>
      <c r="C129" s="28">
        <v>13</v>
      </c>
      <c r="D129" s="29">
        <v>16</v>
      </c>
    </row>
    <row r="130" spans="1:4" ht="18" customHeight="1" x14ac:dyDescent="0.2">
      <c r="A130" s="31" t="s">
        <v>72</v>
      </c>
      <c r="B130" s="4">
        <v>3052</v>
      </c>
      <c r="C130" s="5">
        <v>3794</v>
      </c>
      <c r="D130" s="6">
        <v>6846</v>
      </c>
    </row>
    <row r="131" spans="1:4" ht="18" customHeight="1" x14ac:dyDescent="0.2">
      <c r="A131" s="33" t="s">
        <v>47</v>
      </c>
      <c r="B131" s="7">
        <v>9508</v>
      </c>
      <c r="C131" s="8">
        <v>9927</v>
      </c>
      <c r="D131" s="9">
        <v>1943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8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4</v>
      </c>
      <c r="C5" s="37">
        <v>41</v>
      </c>
      <c r="D5" s="39">
        <v>75</v>
      </c>
    </row>
    <row r="6" spans="1:4" ht="18" customHeight="1" x14ac:dyDescent="0.2">
      <c r="A6" s="31">
        <v>1</v>
      </c>
      <c r="B6" s="35">
        <v>45</v>
      </c>
      <c r="C6" s="28">
        <v>41</v>
      </c>
      <c r="D6" s="29">
        <v>86</v>
      </c>
    </row>
    <row r="7" spans="1:4" ht="18" customHeight="1" x14ac:dyDescent="0.2">
      <c r="A7" s="31">
        <v>2</v>
      </c>
      <c r="B7" s="35">
        <v>49</v>
      </c>
      <c r="C7" s="28">
        <v>46</v>
      </c>
      <c r="D7" s="29">
        <v>95</v>
      </c>
    </row>
    <row r="8" spans="1:4" ht="18" customHeight="1" x14ac:dyDescent="0.2">
      <c r="A8" s="31">
        <v>3</v>
      </c>
      <c r="B8" s="35">
        <v>45</v>
      </c>
      <c r="C8" s="28">
        <v>49</v>
      </c>
      <c r="D8" s="29">
        <v>94</v>
      </c>
    </row>
    <row r="9" spans="1:4" ht="18" customHeight="1" x14ac:dyDescent="0.2">
      <c r="A9" s="31">
        <v>4</v>
      </c>
      <c r="B9" s="36">
        <v>55</v>
      </c>
      <c r="C9" s="38">
        <v>39</v>
      </c>
      <c r="D9" s="40">
        <v>94</v>
      </c>
    </row>
    <row r="10" spans="1:4" ht="18" customHeight="1" x14ac:dyDescent="0.2">
      <c r="A10" s="31" t="s">
        <v>48</v>
      </c>
      <c r="B10" s="27">
        <v>228</v>
      </c>
      <c r="C10" s="28">
        <v>216</v>
      </c>
      <c r="D10" s="29">
        <v>444</v>
      </c>
    </row>
    <row r="11" spans="1:4" ht="18" customHeight="1" x14ac:dyDescent="0.2">
      <c r="A11" s="31">
        <v>5</v>
      </c>
      <c r="B11" s="35">
        <v>50</v>
      </c>
      <c r="C11" s="28">
        <v>43</v>
      </c>
      <c r="D11" s="29">
        <v>93</v>
      </c>
    </row>
    <row r="12" spans="1:4" ht="18" customHeight="1" x14ac:dyDescent="0.2">
      <c r="A12" s="31">
        <v>6</v>
      </c>
      <c r="B12" s="35">
        <v>50</v>
      </c>
      <c r="C12" s="28">
        <v>51</v>
      </c>
      <c r="D12" s="29">
        <v>101</v>
      </c>
    </row>
    <row r="13" spans="1:4" ht="18" customHeight="1" x14ac:dyDescent="0.2">
      <c r="A13" s="31">
        <v>7</v>
      </c>
      <c r="B13" s="35">
        <v>49</v>
      </c>
      <c r="C13" s="28">
        <v>62</v>
      </c>
      <c r="D13" s="29">
        <v>111</v>
      </c>
    </row>
    <row r="14" spans="1:4" ht="18" customHeight="1" x14ac:dyDescent="0.2">
      <c r="A14" s="31">
        <v>8</v>
      </c>
      <c r="B14" s="35">
        <v>68</v>
      </c>
      <c r="C14" s="28">
        <v>48</v>
      </c>
      <c r="D14" s="29">
        <v>116</v>
      </c>
    </row>
    <row r="15" spans="1:4" ht="18" customHeight="1" x14ac:dyDescent="0.2">
      <c r="A15" s="31">
        <v>9</v>
      </c>
      <c r="B15" s="35">
        <v>70</v>
      </c>
      <c r="C15" s="28">
        <v>64</v>
      </c>
      <c r="D15" s="29">
        <v>134</v>
      </c>
    </row>
    <row r="16" spans="1:4" ht="18" customHeight="1" x14ac:dyDescent="0.2">
      <c r="A16" s="31" t="s">
        <v>49</v>
      </c>
      <c r="B16" s="27">
        <v>287</v>
      </c>
      <c r="C16" s="28">
        <v>268</v>
      </c>
      <c r="D16" s="29">
        <v>555</v>
      </c>
    </row>
    <row r="17" spans="1:4" ht="18" customHeight="1" x14ac:dyDescent="0.2">
      <c r="A17" s="31">
        <v>10</v>
      </c>
      <c r="B17" s="27">
        <v>61</v>
      </c>
      <c r="C17" s="28">
        <v>84</v>
      </c>
      <c r="D17" s="29">
        <v>145</v>
      </c>
    </row>
    <row r="18" spans="1:4" ht="18" customHeight="1" x14ac:dyDescent="0.2">
      <c r="A18" s="31">
        <v>11</v>
      </c>
      <c r="B18" s="27">
        <v>78</v>
      </c>
      <c r="C18" s="28">
        <v>77</v>
      </c>
      <c r="D18" s="29">
        <v>155</v>
      </c>
    </row>
    <row r="19" spans="1:4" ht="18" customHeight="1" x14ac:dyDescent="0.2">
      <c r="A19" s="31">
        <v>12</v>
      </c>
      <c r="B19" s="27">
        <v>92</v>
      </c>
      <c r="C19" s="28">
        <v>71</v>
      </c>
      <c r="D19" s="29">
        <v>163</v>
      </c>
    </row>
    <row r="20" spans="1:4" ht="18" customHeight="1" x14ac:dyDescent="0.2">
      <c r="A20" s="31">
        <v>13</v>
      </c>
      <c r="B20" s="27">
        <v>86</v>
      </c>
      <c r="C20" s="28">
        <v>96</v>
      </c>
      <c r="D20" s="29">
        <v>182</v>
      </c>
    </row>
    <row r="21" spans="1:4" ht="18" customHeight="1" x14ac:dyDescent="0.2">
      <c r="A21" s="31">
        <v>14</v>
      </c>
      <c r="B21" s="27">
        <v>84</v>
      </c>
      <c r="C21" s="28">
        <v>83</v>
      </c>
      <c r="D21" s="29">
        <v>167</v>
      </c>
    </row>
    <row r="22" spans="1:4" ht="18" customHeight="1" x14ac:dyDescent="0.2">
      <c r="A22" s="31" t="s">
        <v>50</v>
      </c>
      <c r="B22" s="27">
        <v>401</v>
      </c>
      <c r="C22" s="28">
        <v>411</v>
      </c>
      <c r="D22" s="29">
        <v>812</v>
      </c>
    </row>
    <row r="23" spans="1:4" ht="18" customHeight="1" x14ac:dyDescent="0.2">
      <c r="A23" s="31" t="s">
        <v>51</v>
      </c>
      <c r="B23" s="27">
        <v>916</v>
      </c>
      <c r="C23" s="28">
        <v>895</v>
      </c>
      <c r="D23" s="29">
        <v>1811</v>
      </c>
    </row>
    <row r="24" spans="1:4" ht="18" customHeight="1" x14ac:dyDescent="0.2">
      <c r="A24" s="31">
        <v>15</v>
      </c>
      <c r="B24" s="27">
        <v>84</v>
      </c>
      <c r="C24" s="28">
        <v>80</v>
      </c>
      <c r="D24" s="29">
        <v>164</v>
      </c>
    </row>
    <row r="25" spans="1:4" ht="18" customHeight="1" x14ac:dyDescent="0.2">
      <c r="A25" s="31">
        <v>16</v>
      </c>
      <c r="B25" s="27">
        <v>87</v>
      </c>
      <c r="C25" s="28">
        <v>84</v>
      </c>
      <c r="D25" s="29">
        <v>171</v>
      </c>
    </row>
    <row r="26" spans="1:4" ht="18" customHeight="1" x14ac:dyDescent="0.2">
      <c r="A26" s="31">
        <v>17</v>
      </c>
      <c r="B26" s="27">
        <v>79</v>
      </c>
      <c r="C26" s="28">
        <v>75</v>
      </c>
      <c r="D26" s="29">
        <v>154</v>
      </c>
    </row>
    <row r="27" spans="1:4" ht="18" customHeight="1" x14ac:dyDescent="0.2">
      <c r="A27" s="31">
        <v>18</v>
      </c>
      <c r="B27" s="27">
        <v>72</v>
      </c>
      <c r="C27" s="28">
        <v>69</v>
      </c>
      <c r="D27" s="29">
        <v>141</v>
      </c>
    </row>
    <row r="28" spans="1:4" ht="18" customHeight="1" x14ac:dyDescent="0.2">
      <c r="A28" s="31">
        <v>19</v>
      </c>
      <c r="B28" s="27">
        <v>65</v>
      </c>
      <c r="C28" s="28">
        <v>58</v>
      </c>
      <c r="D28" s="29">
        <v>123</v>
      </c>
    </row>
    <row r="29" spans="1:4" ht="18" customHeight="1" x14ac:dyDescent="0.2">
      <c r="A29" s="31" t="s">
        <v>52</v>
      </c>
      <c r="B29" s="27">
        <v>387</v>
      </c>
      <c r="C29" s="28">
        <v>366</v>
      </c>
      <c r="D29" s="29">
        <v>753</v>
      </c>
    </row>
    <row r="30" spans="1:4" ht="18" customHeight="1" x14ac:dyDescent="0.2">
      <c r="A30" s="31">
        <v>20</v>
      </c>
      <c r="B30" s="27">
        <v>70</v>
      </c>
      <c r="C30" s="28">
        <v>81</v>
      </c>
      <c r="D30" s="29">
        <v>151</v>
      </c>
    </row>
    <row r="31" spans="1:4" ht="18" customHeight="1" x14ac:dyDescent="0.2">
      <c r="A31" s="31">
        <v>21</v>
      </c>
      <c r="B31" s="27">
        <v>74</v>
      </c>
      <c r="C31" s="28">
        <v>65</v>
      </c>
      <c r="D31" s="29">
        <v>139</v>
      </c>
    </row>
    <row r="32" spans="1:4" ht="18" customHeight="1" x14ac:dyDescent="0.2">
      <c r="A32" s="31">
        <v>22</v>
      </c>
      <c r="B32" s="27">
        <v>64</v>
      </c>
      <c r="C32" s="28">
        <v>60</v>
      </c>
      <c r="D32" s="29">
        <v>124</v>
      </c>
    </row>
    <row r="33" spans="1:4" ht="18" customHeight="1" x14ac:dyDescent="0.2">
      <c r="A33" s="31">
        <v>23</v>
      </c>
      <c r="B33" s="27">
        <v>59</v>
      </c>
      <c r="C33" s="28">
        <v>53</v>
      </c>
      <c r="D33" s="29">
        <v>112</v>
      </c>
    </row>
    <row r="34" spans="1:4" ht="18" customHeight="1" x14ac:dyDescent="0.2">
      <c r="A34" s="31">
        <v>24</v>
      </c>
      <c r="B34" s="27">
        <v>83</v>
      </c>
      <c r="C34" s="28">
        <v>51</v>
      </c>
      <c r="D34" s="29">
        <v>134</v>
      </c>
    </row>
    <row r="35" spans="1:4" ht="18" customHeight="1" x14ac:dyDescent="0.2">
      <c r="A35" s="31" t="s">
        <v>53</v>
      </c>
      <c r="B35" s="27">
        <v>350</v>
      </c>
      <c r="C35" s="28">
        <v>310</v>
      </c>
      <c r="D35" s="29">
        <v>660</v>
      </c>
    </row>
    <row r="36" spans="1:4" ht="18" customHeight="1" x14ac:dyDescent="0.2">
      <c r="A36" s="31">
        <v>25</v>
      </c>
      <c r="B36" s="27">
        <v>65</v>
      </c>
      <c r="C36" s="28">
        <v>71</v>
      </c>
      <c r="D36" s="29">
        <v>136</v>
      </c>
    </row>
    <row r="37" spans="1:4" ht="18" customHeight="1" x14ac:dyDescent="0.2">
      <c r="A37" s="31">
        <v>26</v>
      </c>
      <c r="B37" s="27">
        <v>58</v>
      </c>
      <c r="C37" s="28">
        <v>57</v>
      </c>
      <c r="D37" s="29">
        <v>115</v>
      </c>
    </row>
    <row r="38" spans="1:4" ht="18" customHeight="1" x14ac:dyDescent="0.2">
      <c r="A38" s="31">
        <v>27</v>
      </c>
      <c r="B38" s="27">
        <v>70</v>
      </c>
      <c r="C38" s="28">
        <v>50</v>
      </c>
      <c r="D38" s="29">
        <v>120</v>
      </c>
    </row>
    <row r="39" spans="1:4" ht="18" customHeight="1" x14ac:dyDescent="0.2">
      <c r="A39" s="31">
        <v>28</v>
      </c>
      <c r="B39" s="27">
        <v>60</v>
      </c>
      <c r="C39" s="28">
        <v>45</v>
      </c>
      <c r="D39" s="29">
        <v>105</v>
      </c>
    </row>
    <row r="40" spans="1:4" ht="18" customHeight="1" x14ac:dyDescent="0.2">
      <c r="A40" s="31">
        <v>29</v>
      </c>
      <c r="B40" s="27">
        <v>79</v>
      </c>
      <c r="C40" s="28">
        <v>51</v>
      </c>
      <c r="D40" s="29">
        <v>130</v>
      </c>
    </row>
    <row r="41" spans="1:4" ht="18" customHeight="1" x14ac:dyDescent="0.2">
      <c r="A41" s="31" t="s">
        <v>54</v>
      </c>
      <c r="B41" s="27">
        <v>332</v>
      </c>
      <c r="C41" s="28">
        <v>274</v>
      </c>
      <c r="D41" s="29">
        <v>606</v>
      </c>
    </row>
    <row r="42" spans="1:4" ht="18" customHeight="1" x14ac:dyDescent="0.2">
      <c r="A42" s="31">
        <v>30</v>
      </c>
      <c r="B42" s="27">
        <v>65</v>
      </c>
      <c r="C42" s="28">
        <v>58</v>
      </c>
      <c r="D42" s="29">
        <v>123</v>
      </c>
    </row>
    <row r="43" spans="1:4" ht="18" customHeight="1" x14ac:dyDescent="0.2">
      <c r="A43" s="31">
        <v>31</v>
      </c>
      <c r="B43" s="27">
        <v>68</v>
      </c>
      <c r="C43" s="28">
        <v>53</v>
      </c>
      <c r="D43" s="29">
        <v>121</v>
      </c>
    </row>
    <row r="44" spans="1:4" ht="18" customHeight="1" x14ac:dyDescent="0.2">
      <c r="A44" s="31">
        <v>32</v>
      </c>
      <c r="B44" s="27">
        <v>60</v>
      </c>
      <c r="C44" s="28">
        <v>60</v>
      </c>
      <c r="D44" s="29">
        <v>120</v>
      </c>
    </row>
    <row r="45" spans="1:4" ht="18" customHeight="1" x14ac:dyDescent="0.2">
      <c r="A45" s="31">
        <v>33</v>
      </c>
      <c r="B45" s="27">
        <v>85</v>
      </c>
      <c r="C45" s="28">
        <v>73</v>
      </c>
      <c r="D45" s="29">
        <v>158</v>
      </c>
    </row>
    <row r="46" spans="1:4" ht="18" customHeight="1" x14ac:dyDescent="0.2">
      <c r="A46" s="31">
        <v>34</v>
      </c>
      <c r="B46" s="27">
        <v>76</v>
      </c>
      <c r="C46" s="28">
        <v>64</v>
      </c>
      <c r="D46" s="29">
        <v>140</v>
      </c>
    </row>
    <row r="47" spans="1:4" ht="18" customHeight="1" x14ac:dyDescent="0.2">
      <c r="A47" s="31" t="s">
        <v>55</v>
      </c>
      <c r="B47" s="27">
        <v>354</v>
      </c>
      <c r="C47" s="28">
        <v>308</v>
      </c>
      <c r="D47" s="29">
        <v>662</v>
      </c>
    </row>
    <row r="48" spans="1:4" ht="18" customHeight="1" x14ac:dyDescent="0.2">
      <c r="A48" s="31">
        <v>35</v>
      </c>
      <c r="B48" s="27">
        <v>69</v>
      </c>
      <c r="C48" s="28">
        <v>65</v>
      </c>
      <c r="D48" s="29">
        <v>134</v>
      </c>
    </row>
    <row r="49" spans="1:4" ht="18" customHeight="1" x14ac:dyDescent="0.2">
      <c r="A49" s="31">
        <v>36</v>
      </c>
      <c r="B49" s="27">
        <v>78</v>
      </c>
      <c r="C49" s="28">
        <v>82</v>
      </c>
      <c r="D49" s="29">
        <v>160</v>
      </c>
    </row>
    <row r="50" spans="1:4" ht="18" customHeight="1" x14ac:dyDescent="0.2">
      <c r="A50" s="31">
        <v>37</v>
      </c>
      <c r="B50" s="27">
        <v>57</v>
      </c>
      <c r="C50" s="28">
        <v>62</v>
      </c>
      <c r="D50" s="29">
        <v>119</v>
      </c>
    </row>
    <row r="51" spans="1:4" ht="18" customHeight="1" x14ac:dyDescent="0.2">
      <c r="A51" s="31">
        <v>38</v>
      </c>
      <c r="B51" s="27">
        <v>70</v>
      </c>
      <c r="C51" s="28">
        <v>85</v>
      </c>
      <c r="D51" s="29">
        <v>155</v>
      </c>
    </row>
    <row r="52" spans="1:4" ht="18" customHeight="1" x14ac:dyDescent="0.2">
      <c r="A52" s="31">
        <v>39</v>
      </c>
      <c r="B52" s="27">
        <v>67</v>
      </c>
      <c r="C52" s="28">
        <v>73</v>
      </c>
      <c r="D52" s="29">
        <v>140</v>
      </c>
    </row>
    <row r="53" spans="1:4" ht="18" customHeight="1" x14ac:dyDescent="0.2">
      <c r="A53" s="31" t="s">
        <v>56</v>
      </c>
      <c r="B53" s="27">
        <v>341</v>
      </c>
      <c r="C53" s="28">
        <v>367</v>
      </c>
      <c r="D53" s="29">
        <v>708</v>
      </c>
    </row>
    <row r="54" spans="1:4" ht="18" customHeight="1" x14ac:dyDescent="0.2">
      <c r="A54" s="31">
        <v>40</v>
      </c>
      <c r="B54" s="27">
        <v>85</v>
      </c>
      <c r="C54" s="28">
        <v>92</v>
      </c>
      <c r="D54" s="29">
        <v>177</v>
      </c>
    </row>
    <row r="55" spans="1:4" ht="18" customHeight="1" x14ac:dyDescent="0.2">
      <c r="A55" s="31">
        <v>41</v>
      </c>
      <c r="B55" s="27">
        <v>75</v>
      </c>
      <c r="C55" s="28">
        <v>85</v>
      </c>
      <c r="D55" s="29">
        <v>160</v>
      </c>
    </row>
    <row r="56" spans="1:4" ht="18" customHeight="1" x14ac:dyDescent="0.2">
      <c r="A56" s="31">
        <v>42</v>
      </c>
      <c r="B56" s="27">
        <v>109</v>
      </c>
      <c r="C56" s="28">
        <v>85</v>
      </c>
      <c r="D56" s="29">
        <v>194</v>
      </c>
    </row>
    <row r="57" spans="1:4" ht="18" customHeight="1" x14ac:dyDescent="0.2">
      <c r="A57" s="31">
        <v>43</v>
      </c>
      <c r="B57" s="27">
        <v>101</v>
      </c>
      <c r="C57" s="28">
        <v>116</v>
      </c>
      <c r="D57" s="29">
        <v>217</v>
      </c>
    </row>
    <row r="58" spans="1:4" ht="18" customHeight="1" x14ac:dyDescent="0.2">
      <c r="A58" s="31">
        <v>44</v>
      </c>
      <c r="B58" s="27">
        <v>113</v>
      </c>
      <c r="C58" s="28">
        <v>107</v>
      </c>
      <c r="D58" s="29">
        <v>220</v>
      </c>
    </row>
    <row r="59" spans="1:4" ht="18" customHeight="1" x14ac:dyDescent="0.2">
      <c r="A59" s="31" t="s">
        <v>57</v>
      </c>
      <c r="B59" s="27">
        <v>483</v>
      </c>
      <c r="C59" s="28">
        <v>485</v>
      </c>
      <c r="D59" s="29">
        <v>968</v>
      </c>
    </row>
    <row r="60" spans="1:4" ht="18" customHeight="1" x14ac:dyDescent="0.2">
      <c r="A60" s="31">
        <v>45</v>
      </c>
      <c r="B60" s="27">
        <v>123</v>
      </c>
      <c r="C60" s="28">
        <v>106</v>
      </c>
      <c r="D60" s="29">
        <v>229</v>
      </c>
    </row>
    <row r="61" spans="1:4" ht="18" customHeight="1" x14ac:dyDescent="0.2">
      <c r="A61" s="31">
        <v>46</v>
      </c>
      <c r="B61" s="27">
        <v>107</v>
      </c>
      <c r="C61" s="28">
        <v>119</v>
      </c>
      <c r="D61" s="29">
        <v>226</v>
      </c>
    </row>
    <row r="62" spans="1:4" ht="18" customHeight="1" x14ac:dyDescent="0.2">
      <c r="A62" s="31">
        <v>47</v>
      </c>
      <c r="B62" s="27">
        <v>138</v>
      </c>
      <c r="C62" s="28">
        <v>126</v>
      </c>
      <c r="D62" s="29">
        <v>264</v>
      </c>
    </row>
    <row r="63" spans="1:4" ht="18" customHeight="1" x14ac:dyDescent="0.2">
      <c r="A63" s="31">
        <v>48</v>
      </c>
      <c r="B63" s="27">
        <v>113</v>
      </c>
      <c r="C63" s="28">
        <v>128</v>
      </c>
      <c r="D63" s="29">
        <v>241</v>
      </c>
    </row>
    <row r="64" spans="1:4" ht="18" customHeight="1" x14ac:dyDescent="0.2">
      <c r="A64" s="31">
        <v>49</v>
      </c>
      <c r="B64" s="27">
        <v>113</v>
      </c>
      <c r="C64" s="28">
        <v>89</v>
      </c>
      <c r="D64" s="29">
        <v>202</v>
      </c>
    </row>
    <row r="65" spans="1:4" ht="18" customHeight="1" x14ac:dyDescent="0.2">
      <c r="A65" s="31" t="s">
        <v>58</v>
      </c>
      <c r="B65" s="27">
        <v>594</v>
      </c>
      <c r="C65" s="28">
        <v>568</v>
      </c>
      <c r="D65" s="29">
        <v>1162</v>
      </c>
    </row>
    <row r="66" spans="1:4" ht="18" customHeight="1" x14ac:dyDescent="0.2">
      <c r="A66" s="31">
        <v>50</v>
      </c>
      <c r="B66" s="27">
        <v>124</v>
      </c>
      <c r="C66" s="28">
        <v>94</v>
      </c>
      <c r="D66" s="29">
        <v>218</v>
      </c>
    </row>
    <row r="67" spans="1:4" ht="18" customHeight="1" x14ac:dyDescent="0.2">
      <c r="A67" s="31">
        <v>51</v>
      </c>
      <c r="B67" s="27">
        <v>100</v>
      </c>
      <c r="C67" s="28">
        <v>90</v>
      </c>
      <c r="D67" s="29">
        <v>190</v>
      </c>
    </row>
    <row r="68" spans="1:4" ht="18" customHeight="1" x14ac:dyDescent="0.2">
      <c r="A68" s="31">
        <v>52</v>
      </c>
      <c r="B68" s="27">
        <v>75</v>
      </c>
      <c r="C68" s="28">
        <v>97</v>
      </c>
      <c r="D68" s="29">
        <v>172</v>
      </c>
    </row>
    <row r="69" spans="1:4" ht="18" customHeight="1" x14ac:dyDescent="0.2">
      <c r="A69" s="31">
        <v>53</v>
      </c>
      <c r="B69" s="27">
        <v>83</v>
      </c>
      <c r="C69" s="28">
        <v>86</v>
      </c>
      <c r="D69" s="29">
        <v>169</v>
      </c>
    </row>
    <row r="70" spans="1:4" ht="18" customHeight="1" x14ac:dyDescent="0.2">
      <c r="A70" s="31">
        <v>54</v>
      </c>
      <c r="B70" s="27">
        <v>60</v>
      </c>
      <c r="C70" s="28">
        <v>66</v>
      </c>
      <c r="D70" s="29">
        <v>126</v>
      </c>
    </row>
    <row r="71" spans="1:4" ht="18" customHeight="1" x14ac:dyDescent="0.2">
      <c r="A71" s="31" t="s">
        <v>59</v>
      </c>
      <c r="B71" s="27">
        <v>442</v>
      </c>
      <c r="C71" s="28">
        <v>433</v>
      </c>
      <c r="D71" s="29">
        <v>875</v>
      </c>
    </row>
    <row r="72" spans="1:4" ht="18" customHeight="1" x14ac:dyDescent="0.2">
      <c r="A72" s="31">
        <v>55</v>
      </c>
      <c r="B72" s="27">
        <v>74</v>
      </c>
      <c r="C72" s="28">
        <v>94</v>
      </c>
      <c r="D72" s="29">
        <v>168</v>
      </c>
    </row>
    <row r="73" spans="1:4" ht="18" customHeight="1" x14ac:dyDescent="0.2">
      <c r="A73" s="31">
        <v>56</v>
      </c>
      <c r="B73" s="27">
        <v>70</v>
      </c>
      <c r="C73" s="28">
        <v>64</v>
      </c>
      <c r="D73" s="29">
        <v>134</v>
      </c>
    </row>
    <row r="74" spans="1:4" ht="18" customHeight="1" x14ac:dyDescent="0.2">
      <c r="A74" s="31">
        <v>57</v>
      </c>
      <c r="B74" s="27">
        <v>75</v>
      </c>
      <c r="C74" s="28">
        <v>75</v>
      </c>
      <c r="D74" s="29">
        <v>150</v>
      </c>
    </row>
    <row r="75" spans="1:4" ht="18" customHeight="1" x14ac:dyDescent="0.2">
      <c r="A75" s="31">
        <v>58</v>
      </c>
      <c r="B75" s="27">
        <v>68</v>
      </c>
      <c r="C75" s="28">
        <v>70</v>
      </c>
      <c r="D75" s="29">
        <v>138</v>
      </c>
    </row>
    <row r="76" spans="1:4" ht="18" customHeight="1" x14ac:dyDescent="0.2">
      <c r="A76" s="31">
        <v>59</v>
      </c>
      <c r="B76" s="27">
        <v>58</v>
      </c>
      <c r="C76" s="28">
        <v>71</v>
      </c>
      <c r="D76" s="29">
        <v>129</v>
      </c>
    </row>
    <row r="77" spans="1:4" ht="18" customHeight="1" x14ac:dyDescent="0.2">
      <c r="A77" s="31" t="s">
        <v>60</v>
      </c>
      <c r="B77" s="27">
        <v>345</v>
      </c>
      <c r="C77" s="28">
        <v>374</v>
      </c>
      <c r="D77" s="29">
        <v>719</v>
      </c>
    </row>
    <row r="78" spans="1:4" ht="18" customHeight="1" x14ac:dyDescent="0.2">
      <c r="A78" s="31">
        <v>60</v>
      </c>
      <c r="B78" s="27">
        <v>54</v>
      </c>
      <c r="C78" s="28">
        <v>69</v>
      </c>
      <c r="D78" s="29">
        <v>123</v>
      </c>
    </row>
    <row r="79" spans="1:4" ht="18" customHeight="1" x14ac:dyDescent="0.2">
      <c r="A79" s="31">
        <v>61</v>
      </c>
      <c r="B79" s="27">
        <v>66</v>
      </c>
      <c r="C79" s="28">
        <v>66</v>
      </c>
      <c r="D79" s="29">
        <v>132</v>
      </c>
    </row>
    <row r="80" spans="1:4" ht="18" customHeight="1" x14ac:dyDescent="0.2">
      <c r="A80" s="31">
        <v>62</v>
      </c>
      <c r="B80" s="27">
        <v>51</v>
      </c>
      <c r="C80" s="28">
        <v>51</v>
      </c>
      <c r="D80" s="29">
        <v>102</v>
      </c>
    </row>
    <row r="81" spans="1:4" ht="18" customHeight="1" x14ac:dyDescent="0.2">
      <c r="A81" s="31">
        <v>63</v>
      </c>
      <c r="B81" s="27">
        <v>54</v>
      </c>
      <c r="C81" s="28">
        <v>48</v>
      </c>
      <c r="D81" s="29">
        <v>102</v>
      </c>
    </row>
    <row r="82" spans="1:4" ht="18" customHeight="1" x14ac:dyDescent="0.2">
      <c r="A82" s="31">
        <v>64</v>
      </c>
      <c r="B82" s="27">
        <v>56</v>
      </c>
      <c r="C82" s="28">
        <v>66</v>
      </c>
      <c r="D82" s="29">
        <v>122</v>
      </c>
    </row>
    <row r="83" spans="1:4" ht="18" customHeight="1" x14ac:dyDescent="0.2">
      <c r="A83" s="31" t="s">
        <v>61</v>
      </c>
      <c r="B83" s="27">
        <v>281</v>
      </c>
      <c r="C83" s="28">
        <v>300</v>
      </c>
      <c r="D83" s="29">
        <v>581</v>
      </c>
    </row>
    <row r="84" spans="1:4" ht="18" customHeight="1" x14ac:dyDescent="0.2">
      <c r="A84" s="31" t="s">
        <v>62</v>
      </c>
      <c r="B84" s="27">
        <v>3909</v>
      </c>
      <c r="C84" s="28">
        <v>3785</v>
      </c>
      <c r="D84" s="29">
        <v>7694</v>
      </c>
    </row>
    <row r="85" spans="1:4" ht="18" customHeight="1" x14ac:dyDescent="0.2">
      <c r="A85" s="31">
        <v>65</v>
      </c>
      <c r="B85" s="27">
        <v>64</v>
      </c>
      <c r="C85" s="28">
        <v>70</v>
      </c>
      <c r="D85" s="29">
        <v>134</v>
      </c>
    </row>
    <row r="86" spans="1:4" ht="18" customHeight="1" x14ac:dyDescent="0.2">
      <c r="A86" s="31">
        <v>66</v>
      </c>
      <c r="B86" s="27">
        <v>80</v>
      </c>
      <c r="C86" s="28">
        <v>61</v>
      </c>
      <c r="D86" s="29">
        <v>141</v>
      </c>
    </row>
    <row r="87" spans="1:4" ht="18" customHeight="1" x14ac:dyDescent="0.2">
      <c r="A87" s="31">
        <v>67</v>
      </c>
      <c r="B87" s="27">
        <v>65</v>
      </c>
      <c r="C87" s="28">
        <v>64</v>
      </c>
      <c r="D87" s="29">
        <v>129</v>
      </c>
    </row>
    <row r="88" spans="1:4" ht="18" customHeight="1" x14ac:dyDescent="0.2">
      <c r="A88" s="31">
        <v>68</v>
      </c>
      <c r="B88" s="27">
        <v>57</v>
      </c>
      <c r="C88" s="28">
        <v>72</v>
      </c>
      <c r="D88" s="29">
        <v>129</v>
      </c>
    </row>
    <row r="89" spans="1:4" ht="18" customHeight="1" x14ac:dyDescent="0.2">
      <c r="A89" s="31">
        <v>69</v>
      </c>
      <c r="B89" s="27">
        <v>73</v>
      </c>
      <c r="C89" s="28">
        <v>68</v>
      </c>
      <c r="D89" s="29">
        <v>141</v>
      </c>
    </row>
    <row r="90" spans="1:4" ht="18" customHeight="1" x14ac:dyDescent="0.2">
      <c r="A90" s="31" t="s">
        <v>63</v>
      </c>
      <c r="B90" s="27">
        <v>339</v>
      </c>
      <c r="C90" s="28">
        <v>335</v>
      </c>
      <c r="D90" s="29">
        <v>674</v>
      </c>
    </row>
    <row r="91" spans="1:4" ht="18" customHeight="1" x14ac:dyDescent="0.2">
      <c r="A91" s="31">
        <v>70</v>
      </c>
      <c r="B91" s="27">
        <v>62</v>
      </c>
      <c r="C91" s="28">
        <v>71</v>
      </c>
      <c r="D91" s="29">
        <v>133</v>
      </c>
    </row>
    <row r="92" spans="1:4" ht="18" customHeight="1" x14ac:dyDescent="0.2">
      <c r="A92" s="31">
        <v>71</v>
      </c>
      <c r="B92" s="27">
        <v>94</v>
      </c>
      <c r="C92" s="28">
        <v>86</v>
      </c>
      <c r="D92" s="29">
        <v>180</v>
      </c>
    </row>
    <row r="93" spans="1:4" ht="18" customHeight="1" x14ac:dyDescent="0.2">
      <c r="A93" s="31">
        <v>72</v>
      </c>
      <c r="B93" s="27">
        <v>76</v>
      </c>
      <c r="C93" s="28">
        <v>101</v>
      </c>
      <c r="D93" s="29">
        <v>177</v>
      </c>
    </row>
    <row r="94" spans="1:4" ht="18" customHeight="1" x14ac:dyDescent="0.2">
      <c r="A94" s="31">
        <v>73</v>
      </c>
      <c r="B94" s="27">
        <v>54</v>
      </c>
      <c r="C94" s="28">
        <v>72</v>
      </c>
      <c r="D94" s="29">
        <v>126</v>
      </c>
    </row>
    <row r="95" spans="1:4" ht="18" customHeight="1" x14ac:dyDescent="0.2">
      <c r="A95" s="31">
        <v>74</v>
      </c>
      <c r="B95" s="27">
        <v>36</v>
      </c>
      <c r="C95" s="28">
        <v>30</v>
      </c>
      <c r="D95" s="29">
        <v>66</v>
      </c>
    </row>
    <row r="96" spans="1:4" ht="18" customHeight="1" x14ac:dyDescent="0.2">
      <c r="A96" s="31" t="s">
        <v>64</v>
      </c>
      <c r="B96" s="27">
        <v>322</v>
      </c>
      <c r="C96" s="28">
        <v>360</v>
      </c>
      <c r="D96" s="29">
        <v>682</v>
      </c>
    </row>
    <row r="97" spans="1:4" ht="18" customHeight="1" x14ac:dyDescent="0.2">
      <c r="A97" s="31">
        <v>75</v>
      </c>
      <c r="B97" s="27">
        <v>41</v>
      </c>
      <c r="C97" s="28">
        <v>47</v>
      </c>
      <c r="D97" s="29">
        <v>88</v>
      </c>
    </row>
    <row r="98" spans="1:4" ht="18" customHeight="1" x14ac:dyDescent="0.2">
      <c r="A98" s="31">
        <v>76</v>
      </c>
      <c r="B98" s="27">
        <v>42</v>
      </c>
      <c r="C98" s="28">
        <v>46</v>
      </c>
      <c r="D98" s="29">
        <v>88</v>
      </c>
    </row>
    <row r="99" spans="1:4" ht="18" customHeight="1" x14ac:dyDescent="0.2">
      <c r="A99" s="31">
        <v>77</v>
      </c>
      <c r="B99" s="27">
        <v>47</v>
      </c>
      <c r="C99" s="28">
        <v>53</v>
      </c>
      <c r="D99" s="29">
        <v>100</v>
      </c>
    </row>
    <row r="100" spans="1:4" ht="18" customHeight="1" x14ac:dyDescent="0.2">
      <c r="A100" s="31">
        <v>78</v>
      </c>
      <c r="B100" s="27">
        <v>44</v>
      </c>
      <c r="C100" s="28">
        <v>43</v>
      </c>
      <c r="D100" s="29">
        <v>87</v>
      </c>
    </row>
    <row r="101" spans="1:4" ht="18" customHeight="1" x14ac:dyDescent="0.2">
      <c r="A101" s="31">
        <v>79</v>
      </c>
      <c r="B101" s="27">
        <v>40</v>
      </c>
      <c r="C101" s="28">
        <v>65</v>
      </c>
      <c r="D101" s="29">
        <v>105</v>
      </c>
    </row>
    <row r="102" spans="1:4" ht="18" customHeight="1" x14ac:dyDescent="0.2">
      <c r="A102" s="31" t="s">
        <v>65</v>
      </c>
      <c r="B102" s="27">
        <v>214</v>
      </c>
      <c r="C102" s="28">
        <v>254</v>
      </c>
      <c r="D102" s="29">
        <v>468</v>
      </c>
    </row>
    <row r="103" spans="1:4" ht="18" customHeight="1" x14ac:dyDescent="0.2">
      <c r="A103" s="31">
        <v>80</v>
      </c>
      <c r="B103" s="27">
        <v>35</v>
      </c>
      <c r="C103" s="28">
        <v>41</v>
      </c>
      <c r="D103" s="29">
        <v>76</v>
      </c>
    </row>
    <row r="104" spans="1:4" ht="18" customHeight="1" x14ac:dyDescent="0.2">
      <c r="A104" s="31">
        <v>81</v>
      </c>
      <c r="B104" s="27">
        <v>26</v>
      </c>
      <c r="C104" s="28">
        <v>38</v>
      </c>
      <c r="D104" s="29">
        <v>64</v>
      </c>
    </row>
    <row r="105" spans="1:4" ht="18" customHeight="1" x14ac:dyDescent="0.2">
      <c r="A105" s="31">
        <v>82</v>
      </c>
      <c r="B105" s="27">
        <v>24</v>
      </c>
      <c r="C105" s="28">
        <v>30</v>
      </c>
      <c r="D105" s="29">
        <v>54</v>
      </c>
    </row>
    <row r="106" spans="1:4" ht="18" customHeight="1" x14ac:dyDescent="0.2">
      <c r="A106" s="31">
        <v>83</v>
      </c>
      <c r="B106" s="27">
        <v>22</v>
      </c>
      <c r="C106" s="28">
        <v>26</v>
      </c>
      <c r="D106" s="29">
        <v>48</v>
      </c>
    </row>
    <row r="107" spans="1:4" ht="18" customHeight="1" x14ac:dyDescent="0.2">
      <c r="A107" s="31">
        <v>84</v>
      </c>
      <c r="B107" s="27">
        <v>24</v>
      </c>
      <c r="C107" s="28">
        <v>46</v>
      </c>
      <c r="D107" s="29">
        <v>70</v>
      </c>
    </row>
    <row r="108" spans="1:4" ht="18" customHeight="1" x14ac:dyDescent="0.2">
      <c r="A108" s="31" t="s">
        <v>66</v>
      </c>
      <c r="B108" s="27">
        <v>131</v>
      </c>
      <c r="C108" s="28">
        <v>181</v>
      </c>
      <c r="D108" s="29">
        <v>312</v>
      </c>
    </row>
    <row r="109" spans="1:4" ht="18" customHeight="1" x14ac:dyDescent="0.2">
      <c r="A109" s="31">
        <v>85</v>
      </c>
      <c r="B109" s="27">
        <v>21</v>
      </c>
      <c r="C109" s="28">
        <v>37</v>
      </c>
      <c r="D109" s="29">
        <v>58</v>
      </c>
    </row>
    <row r="110" spans="1:4" ht="18" customHeight="1" x14ac:dyDescent="0.2">
      <c r="A110" s="31">
        <v>86</v>
      </c>
      <c r="B110" s="27">
        <v>15</v>
      </c>
      <c r="C110" s="28">
        <v>37</v>
      </c>
      <c r="D110" s="29">
        <v>52</v>
      </c>
    </row>
    <row r="111" spans="1:4" ht="18" customHeight="1" x14ac:dyDescent="0.2">
      <c r="A111" s="31">
        <v>87</v>
      </c>
      <c r="B111" s="27">
        <v>15</v>
      </c>
      <c r="C111" s="28">
        <v>44</v>
      </c>
      <c r="D111" s="29">
        <v>59</v>
      </c>
    </row>
    <row r="112" spans="1:4" ht="18" customHeight="1" x14ac:dyDescent="0.2">
      <c r="A112" s="31">
        <v>88</v>
      </c>
      <c r="B112" s="27">
        <v>17</v>
      </c>
      <c r="C112" s="28">
        <v>35</v>
      </c>
      <c r="D112" s="29">
        <v>52</v>
      </c>
    </row>
    <row r="113" spans="1:4" ht="18" customHeight="1" x14ac:dyDescent="0.2">
      <c r="A113" s="31">
        <v>89</v>
      </c>
      <c r="B113" s="27">
        <v>16</v>
      </c>
      <c r="C113" s="28">
        <v>30</v>
      </c>
      <c r="D113" s="29">
        <v>46</v>
      </c>
    </row>
    <row r="114" spans="1:4" ht="18" customHeight="1" x14ac:dyDescent="0.2">
      <c r="A114" s="31" t="s">
        <v>67</v>
      </c>
      <c r="B114" s="27">
        <v>84</v>
      </c>
      <c r="C114" s="28">
        <v>183</v>
      </c>
      <c r="D114" s="29">
        <v>267</v>
      </c>
    </row>
    <row r="115" spans="1:4" ht="18" customHeight="1" x14ac:dyDescent="0.2">
      <c r="A115" s="31">
        <v>90</v>
      </c>
      <c r="B115" s="27">
        <v>13</v>
      </c>
      <c r="C115" s="28">
        <v>19</v>
      </c>
      <c r="D115" s="29">
        <v>32</v>
      </c>
    </row>
    <row r="116" spans="1:4" ht="18" customHeight="1" x14ac:dyDescent="0.2">
      <c r="A116" s="31">
        <v>91</v>
      </c>
      <c r="B116" s="27">
        <v>7</v>
      </c>
      <c r="C116" s="28">
        <v>25</v>
      </c>
      <c r="D116" s="29">
        <v>32</v>
      </c>
    </row>
    <row r="117" spans="1:4" ht="18" customHeight="1" x14ac:dyDescent="0.2">
      <c r="A117" s="31">
        <v>92</v>
      </c>
      <c r="B117" s="27">
        <v>16</v>
      </c>
      <c r="C117" s="28">
        <v>15</v>
      </c>
      <c r="D117" s="29">
        <v>31</v>
      </c>
    </row>
    <row r="118" spans="1:4" ht="18" customHeight="1" x14ac:dyDescent="0.2">
      <c r="A118" s="31">
        <v>93</v>
      </c>
      <c r="B118" s="27">
        <v>8</v>
      </c>
      <c r="C118" s="28">
        <v>13</v>
      </c>
      <c r="D118" s="29">
        <v>21</v>
      </c>
    </row>
    <row r="119" spans="1:4" ht="18" customHeight="1" x14ac:dyDescent="0.2">
      <c r="A119" s="31">
        <v>94</v>
      </c>
      <c r="B119" s="27">
        <v>2</v>
      </c>
      <c r="C119" s="28">
        <v>7</v>
      </c>
      <c r="D119" s="29">
        <v>9</v>
      </c>
    </row>
    <row r="120" spans="1:4" ht="18" customHeight="1" x14ac:dyDescent="0.2">
      <c r="A120" s="31" t="s">
        <v>68</v>
      </c>
      <c r="B120" s="27">
        <v>46</v>
      </c>
      <c r="C120" s="28">
        <v>79</v>
      </c>
      <c r="D120" s="29">
        <v>125</v>
      </c>
    </row>
    <row r="121" spans="1:4" ht="18" customHeight="1" x14ac:dyDescent="0.2">
      <c r="A121" s="31">
        <v>95</v>
      </c>
      <c r="B121" s="27">
        <v>4</v>
      </c>
      <c r="C121" s="28">
        <v>10</v>
      </c>
      <c r="D121" s="29">
        <v>14</v>
      </c>
    </row>
    <row r="122" spans="1:4" ht="18" customHeight="1" x14ac:dyDescent="0.2">
      <c r="A122" s="31">
        <v>96</v>
      </c>
      <c r="B122" s="27">
        <v>4</v>
      </c>
      <c r="C122" s="28">
        <v>6</v>
      </c>
      <c r="D122" s="29">
        <v>10</v>
      </c>
    </row>
    <row r="123" spans="1:4" ht="18" customHeight="1" x14ac:dyDescent="0.2">
      <c r="A123" s="31">
        <v>97</v>
      </c>
      <c r="B123" s="27">
        <v>3</v>
      </c>
      <c r="C123" s="28">
        <v>7</v>
      </c>
      <c r="D123" s="29">
        <v>10</v>
      </c>
    </row>
    <row r="124" spans="1:4" ht="18" customHeight="1" x14ac:dyDescent="0.2">
      <c r="A124" s="31">
        <v>98</v>
      </c>
      <c r="B124" s="27">
        <v>4</v>
      </c>
      <c r="C124" s="28">
        <v>4</v>
      </c>
      <c r="D124" s="29">
        <v>8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15</v>
      </c>
      <c r="C126" s="28">
        <v>30</v>
      </c>
      <c r="D126" s="29">
        <v>45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4</v>
      </c>
      <c r="D129" s="29">
        <v>4</v>
      </c>
    </row>
    <row r="130" spans="1:4" ht="18" customHeight="1" x14ac:dyDescent="0.2">
      <c r="A130" s="31" t="s">
        <v>72</v>
      </c>
      <c r="B130" s="4">
        <v>1151</v>
      </c>
      <c r="C130" s="5">
        <v>1426</v>
      </c>
      <c r="D130" s="6">
        <v>2577</v>
      </c>
    </row>
    <row r="131" spans="1:4" ht="18" customHeight="1" x14ac:dyDescent="0.2">
      <c r="A131" s="33" t="s">
        <v>47</v>
      </c>
      <c r="B131" s="7">
        <v>5976</v>
      </c>
      <c r="C131" s="8">
        <v>6106</v>
      </c>
      <c r="D131" s="9">
        <v>1208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8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9</v>
      </c>
      <c r="C5" s="37">
        <v>44</v>
      </c>
      <c r="D5" s="39">
        <v>103</v>
      </c>
    </row>
    <row r="6" spans="1:4" ht="18" customHeight="1" x14ac:dyDescent="0.2">
      <c r="A6" s="31">
        <v>1</v>
      </c>
      <c r="B6" s="35">
        <v>61</v>
      </c>
      <c r="C6" s="28">
        <v>46</v>
      </c>
      <c r="D6" s="29">
        <v>107</v>
      </c>
    </row>
    <row r="7" spans="1:4" ht="18" customHeight="1" x14ac:dyDescent="0.2">
      <c r="A7" s="31">
        <v>2</v>
      </c>
      <c r="B7" s="35">
        <v>71</v>
      </c>
      <c r="C7" s="28">
        <v>60</v>
      </c>
      <c r="D7" s="29">
        <v>131</v>
      </c>
    </row>
    <row r="8" spans="1:4" ht="18" customHeight="1" x14ac:dyDescent="0.2">
      <c r="A8" s="31">
        <v>3</v>
      </c>
      <c r="B8" s="35">
        <v>60</v>
      </c>
      <c r="C8" s="28">
        <v>59</v>
      </c>
      <c r="D8" s="29">
        <v>119</v>
      </c>
    </row>
    <row r="9" spans="1:4" ht="18" customHeight="1" x14ac:dyDescent="0.2">
      <c r="A9" s="31">
        <v>4</v>
      </c>
      <c r="B9" s="36">
        <v>80</v>
      </c>
      <c r="C9" s="38">
        <v>60</v>
      </c>
      <c r="D9" s="40">
        <v>140</v>
      </c>
    </row>
    <row r="10" spans="1:4" ht="18" customHeight="1" x14ac:dyDescent="0.2">
      <c r="A10" s="31" t="s">
        <v>48</v>
      </c>
      <c r="B10" s="27">
        <v>331</v>
      </c>
      <c r="C10" s="28">
        <v>269</v>
      </c>
      <c r="D10" s="29">
        <v>600</v>
      </c>
    </row>
    <row r="11" spans="1:4" ht="18" customHeight="1" x14ac:dyDescent="0.2">
      <c r="A11" s="31">
        <v>5</v>
      </c>
      <c r="B11" s="35">
        <v>65</v>
      </c>
      <c r="C11" s="28">
        <v>56</v>
      </c>
      <c r="D11" s="29">
        <v>121</v>
      </c>
    </row>
    <row r="12" spans="1:4" ht="18" customHeight="1" x14ac:dyDescent="0.2">
      <c r="A12" s="31">
        <v>6</v>
      </c>
      <c r="B12" s="35">
        <v>66</v>
      </c>
      <c r="C12" s="28">
        <v>66</v>
      </c>
      <c r="D12" s="29">
        <v>132</v>
      </c>
    </row>
    <row r="13" spans="1:4" ht="18" customHeight="1" x14ac:dyDescent="0.2">
      <c r="A13" s="31">
        <v>7</v>
      </c>
      <c r="B13" s="35">
        <v>68</v>
      </c>
      <c r="C13" s="28">
        <v>79</v>
      </c>
      <c r="D13" s="29">
        <v>147</v>
      </c>
    </row>
    <row r="14" spans="1:4" ht="18" customHeight="1" x14ac:dyDescent="0.2">
      <c r="A14" s="31">
        <v>8</v>
      </c>
      <c r="B14" s="35">
        <v>67</v>
      </c>
      <c r="C14" s="28">
        <v>73</v>
      </c>
      <c r="D14" s="29">
        <v>140</v>
      </c>
    </row>
    <row r="15" spans="1:4" ht="18" customHeight="1" x14ac:dyDescent="0.2">
      <c r="A15" s="31">
        <v>9</v>
      </c>
      <c r="B15" s="35">
        <v>85</v>
      </c>
      <c r="C15" s="28">
        <v>64</v>
      </c>
      <c r="D15" s="29">
        <v>149</v>
      </c>
    </row>
    <row r="16" spans="1:4" ht="18" customHeight="1" x14ac:dyDescent="0.2">
      <c r="A16" s="31" t="s">
        <v>49</v>
      </c>
      <c r="B16" s="27">
        <v>351</v>
      </c>
      <c r="C16" s="28">
        <v>338</v>
      </c>
      <c r="D16" s="29">
        <v>689</v>
      </c>
    </row>
    <row r="17" spans="1:4" ht="18" customHeight="1" x14ac:dyDescent="0.2">
      <c r="A17" s="31">
        <v>10</v>
      </c>
      <c r="B17" s="27">
        <v>83</v>
      </c>
      <c r="C17" s="28">
        <v>84</v>
      </c>
      <c r="D17" s="29">
        <v>167</v>
      </c>
    </row>
    <row r="18" spans="1:4" ht="18" customHeight="1" x14ac:dyDescent="0.2">
      <c r="A18" s="31">
        <v>11</v>
      </c>
      <c r="B18" s="27">
        <v>74</v>
      </c>
      <c r="C18" s="28">
        <v>79</v>
      </c>
      <c r="D18" s="29">
        <v>153</v>
      </c>
    </row>
    <row r="19" spans="1:4" ht="18" customHeight="1" x14ac:dyDescent="0.2">
      <c r="A19" s="31">
        <v>12</v>
      </c>
      <c r="B19" s="27">
        <v>79</v>
      </c>
      <c r="C19" s="28">
        <v>67</v>
      </c>
      <c r="D19" s="29">
        <v>146</v>
      </c>
    </row>
    <row r="20" spans="1:4" ht="18" customHeight="1" x14ac:dyDescent="0.2">
      <c r="A20" s="31">
        <v>13</v>
      </c>
      <c r="B20" s="27">
        <v>75</v>
      </c>
      <c r="C20" s="28">
        <v>70</v>
      </c>
      <c r="D20" s="29">
        <v>145</v>
      </c>
    </row>
    <row r="21" spans="1:4" ht="18" customHeight="1" x14ac:dyDescent="0.2">
      <c r="A21" s="31">
        <v>14</v>
      </c>
      <c r="B21" s="27">
        <v>74</v>
      </c>
      <c r="C21" s="28">
        <v>75</v>
      </c>
      <c r="D21" s="29">
        <v>149</v>
      </c>
    </row>
    <row r="22" spans="1:4" ht="18" customHeight="1" x14ac:dyDescent="0.2">
      <c r="A22" s="31" t="s">
        <v>50</v>
      </c>
      <c r="B22" s="27">
        <v>385</v>
      </c>
      <c r="C22" s="28">
        <v>375</v>
      </c>
      <c r="D22" s="29">
        <v>760</v>
      </c>
    </row>
    <row r="23" spans="1:4" ht="18" customHeight="1" x14ac:dyDescent="0.2">
      <c r="A23" s="31" t="s">
        <v>51</v>
      </c>
      <c r="B23" s="27">
        <v>1067</v>
      </c>
      <c r="C23" s="28">
        <v>982</v>
      </c>
      <c r="D23" s="29">
        <v>2049</v>
      </c>
    </row>
    <row r="24" spans="1:4" ht="18" customHeight="1" x14ac:dyDescent="0.2">
      <c r="A24" s="31">
        <v>15</v>
      </c>
      <c r="B24" s="27">
        <v>74</v>
      </c>
      <c r="C24" s="28">
        <v>70</v>
      </c>
      <c r="D24" s="29">
        <v>144</v>
      </c>
    </row>
    <row r="25" spans="1:4" ht="18" customHeight="1" x14ac:dyDescent="0.2">
      <c r="A25" s="31">
        <v>16</v>
      </c>
      <c r="B25" s="27">
        <v>79</v>
      </c>
      <c r="C25" s="28">
        <v>67</v>
      </c>
      <c r="D25" s="29">
        <v>146</v>
      </c>
    </row>
    <row r="26" spans="1:4" ht="18" customHeight="1" x14ac:dyDescent="0.2">
      <c r="A26" s="31">
        <v>17</v>
      </c>
      <c r="B26" s="27">
        <v>76</v>
      </c>
      <c r="C26" s="28">
        <v>59</v>
      </c>
      <c r="D26" s="29">
        <v>135</v>
      </c>
    </row>
    <row r="27" spans="1:4" ht="18" customHeight="1" x14ac:dyDescent="0.2">
      <c r="A27" s="31">
        <v>18</v>
      </c>
      <c r="B27" s="27">
        <v>64</v>
      </c>
      <c r="C27" s="28">
        <v>54</v>
      </c>
      <c r="D27" s="29">
        <v>118</v>
      </c>
    </row>
    <row r="28" spans="1:4" ht="18" customHeight="1" x14ac:dyDescent="0.2">
      <c r="A28" s="31">
        <v>19</v>
      </c>
      <c r="B28" s="27">
        <v>71</v>
      </c>
      <c r="C28" s="28">
        <v>54</v>
      </c>
      <c r="D28" s="29">
        <v>125</v>
      </c>
    </row>
    <row r="29" spans="1:4" ht="18" customHeight="1" x14ac:dyDescent="0.2">
      <c r="A29" s="31" t="s">
        <v>52</v>
      </c>
      <c r="B29" s="27">
        <v>364</v>
      </c>
      <c r="C29" s="28">
        <v>304</v>
      </c>
      <c r="D29" s="29">
        <v>668</v>
      </c>
    </row>
    <row r="30" spans="1:4" ht="18" customHeight="1" x14ac:dyDescent="0.2">
      <c r="A30" s="31">
        <v>20</v>
      </c>
      <c r="B30" s="27">
        <v>51</v>
      </c>
      <c r="C30" s="28">
        <v>56</v>
      </c>
      <c r="D30" s="29">
        <v>107</v>
      </c>
    </row>
    <row r="31" spans="1:4" ht="18" customHeight="1" x14ac:dyDescent="0.2">
      <c r="A31" s="31">
        <v>21</v>
      </c>
      <c r="B31" s="27">
        <v>61</v>
      </c>
      <c r="C31" s="28">
        <v>50</v>
      </c>
      <c r="D31" s="29">
        <v>111</v>
      </c>
    </row>
    <row r="32" spans="1:4" ht="18" customHeight="1" x14ac:dyDescent="0.2">
      <c r="A32" s="31">
        <v>22</v>
      </c>
      <c r="B32" s="27">
        <v>41</v>
      </c>
      <c r="C32" s="28">
        <v>68</v>
      </c>
      <c r="D32" s="29">
        <v>109</v>
      </c>
    </row>
    <row r="33" spans="1:4" ht="18" customHeight="1" x14ac:dyDescent="0.2">
      <c r="A33" s="31">
        <v>23</v>
      </c>
      <c r="B33" s="27">
        <v>62</v>
      </c>
      <c r="C33" s="28">
        <v>57</v>
      </c>
      <c r="D33" s="29">
        <v>119</v>
      </c>
    </row>
    <row r="34" spans="1:4" ht="18" customHeight="1" x14ac:dyDescent="0.2">
      <c r="A34" s="31">
        <v>24</v>
      </c>
      <c r="B34" s="27">
        <v>60</v>
      </c>
      <c r="C34" s="28">
        <v>59</v>
      </c>
      <c r="D34" s="29">
        <v>119</v>
      </c>
    </row>
    <row r="35" spans="1:4" ht="18" customHeight="1" x14ac:dyDescent="0.2">
      <c r="A35" s="31" t="s">
        <v>53</v>
      </c>
      <c r="B35" s="27">
        <v>275</v>
      </c>
      <c r="C35" s="28">
        <v>290</v>
      </c>
      <c r="D35" s="29">
        <v>565</v>
      </c>
    </row>
    <row r="36" spans="1:4" ht="18" customHeight="1" x14ac:dyDescent="0.2">
      <c r="A36" s="31">
        <v>25</v>
      </c>
      <c r="B36" s="27">
        <v>69</v>
      </c>
      <c r="C36" s="28">
        <v>68</v>
      </c>
      <c r="D36" s="29">
        <v>137</v>
      </c>
    </row>
    <row r="37" spans="1:4" ht="18" customHeight="1" x14ac:dyDescent="0.2">
      <c r="A37" s="31">
        <v>26</v>
      </c>
      <c r="B37" s="27">
        <v>65</v>
      </c>
      <c r="C37" s="28">
        <v>68</v>
      </c>
      <c r="D37" s="29">
        <v>133</v>
      </c>
    </row>
    <row r="38" spans="1:4" ht="18" customHeight="1" x14ac:dyDescent="0.2">
      <c r="A38" s="31">
        <v>27</v>
      </c>
      <c r="B38" s="27">
        <v>60</v>
      </c>
      <c r="C38" s="28">
        <v>74</v>
      </c>
      <c r="D38" s="29">
        <v>134</v>
      </c>
    </row>
    <row r="39" spans="1:4" ht="18" customHeight="1" x14ac:dyDescent="0.2">
      <c r="A39" s="31">
        <v>28</v>
      </c>
      <c r="B39" s="27">
        <v>77</v>
      </c>
      <c r="C39" s="28">
        <v>69</v>
      </c>
      <c r="D39" s="29">
        <v>146</v>
      </c>
    </row>
    <row r="40" spans="1:4" ht="18" customHeight="1" x14ac:dyDescent="0.2">
      <c r="A40" s="31">
        <v>29</v>
      </c>
      <c r="B40" s="27">
        <v>71</v>
      </c>
      <c r="C40" s="28">
        <v>73</v>
      </c>
      <c r="D40" s="29">
        <v>144</v>
      </c>
    </row>
    <row r="41" spans="1:4" ht="18" customHeight="1" x14ac:dyDescent="0.2">
      <c r="A41" s="31" t="s">
        <v>54</v>
      </c>
      <c r="B41" s="27">
        <v>342</v>
      </c>
      <c r="C41" s="28">
        <v>352</v>
      </c>
      <c r="D41" s="29">
        <v>694</v>
      </c>
    </row>
    <row r="42" spans="1:4" ht="18" customHeight="1" x14ac:dyDescent="0.2">
      <c r="A42" s="31">
        <v>30</v>
      </c>
      <c r="B42" s="27">
        <v>84</v>
      </c>
      <c r="C42" s="28">
        <v>61</v>
      </c>
      <c r="D42" s="29">
        <v>145</v>
      </c>
    </row>
    <row r="43" spans="1:4" ht="18" customHeight="1" x14ac:dyDescent="0.2">
      <c r="A43" s="31">
        <v>31</v>
      </c>
      <c r="B43" s="27">
        <v>74</v>
      </c>
      <c r="C43" s="28">
        <v>62</v>
      </c>
      <c r="D43" s="29">
        <v>136</v>
      </c>
    </row>
    <row r="44" spans="1:4" ht="18" customHeight="1" x14ac:dyDescent="0.2">
      <c r="A44" s="31">
        <v>32</v>
      </c>
      <c r="B44" s="27">
        <v>74</v>
      </c>
      <c r="C44" s="28">
        <v>62</v>
      </c>
      <c r="D44" s="29">
        <v>136</v>
      </c>
    </row>
    <row r="45" spans="1:4" ht="18" customHeight="1" x14ac:dyDescent="0.2">
      <c r="A45" s="31">
        <v>33</v>
      </c>
      <c r="B45" s="27">
        <v>71</v>
      </c>
      <c r="C45" s="28">
        <v>71</v>
      </c>
      <c r="D45" s="29">
        <v>142</v>
      </c>
    </row>
    <row r="46" spans="1:4" ht="18" customHeight="1" x14ac:dyDescent="0.2">
      <c r="A46" s="31">
        <v>34</v>
      </c>
      <c r="B46" s="27">
        <v>69</v>
      </c>
      <c r="C46" s="28">
        <v>73</v>
      </c>
      <c r="D46" s="29">
        <v>142</v>
      </c>
    </row>
    <row r="47" spans="1:4" ht="18" customHeight="1" x14ac:dyDescent="0.2">
      <c r="A47" s="31" t="s">
        <v>55</v>
      </c>
      <c r="B47" s="27">
        <v>372</v>
      </c>
      <c r="C47" s="28">
        <v>329</v>
      </c>
      <c r="D47" s="29">
        <v>701</v>
      </c>
    </row>
    <row r="48" spans="1:4" ht="18" customHeight="1" x14ac:dyDescent="0.2">
      <c r="A48" s="31">
        <v>35</v>
      </c>
      <c r="B48" s="27">
        <v>65</v>
      </c>
      <c r="C48" s="28">
        <v>81</v>
      </c>
      <c r="D48" s="29">
        <v>146</v>
      </c>
    </row>
    <row r="49" spans="1:4" ht="18" customHeight="1" x14ac:dyDescent="0.2">
      <c r="A49" s="31">
        <v>36</v>
      </c>
      <c r="B49" s="27">
        <v>87</v>
      </c>
      <c r="C49" s="28">
        <v>102</v>
      </c>
      <c r="D49" s="29">
        <v>189</v>
      </c>
    </row>
    <row r="50" spans="1:4" ht="18" customHeight="1" x14ac:dyDescent="0.2">
      <c r="A50" s="31">
        <v>37</v>
      </c>
      <c r="B50" s="27">
        <v>100</v>
      </c>
      <c r="C50" s="28">
        <v>96</v>
      </c>
      <c r="D50" s="29">
        <v>196</v>
      </c>
    </row>
    <row r="51" spans="1:4" ht="18" customHeight="1" x14ac:dyDescent="0.2">
      <c r="A51" s="31">
        <v>38</v>
      </c>
      <c r="B51" s="27">
        <v>67</v>
      </c>
      <c r="C51" s="28">
        <v>94</v>
      </c>
      <c r="D51" s="29">
        <v>161</v>
      </c>
    </row>
    <row r="52" spans="1:4" ht="18" customHeight="1" x14ac:dyDescent="0.2">
      <c r="A52" s="31">
        <v>39</v>
      </c>
      <c r="B52" s="27">
        <v>91</v>
      </c>
      <c r="C52" s="28">
        <v>84</v>
      </c>
      <c r="D52" s="29">
        <v>175</v>
      </c>
    </row>
    <row r="53" spans="1:4" ht="18" customHeight="1" x14ac:dyDescent="0.2">
      <c r="A53" s="31" t="s">
        <v>56</v>
      </c>
      <c r="B53" s="27">
        <v>410</v>
      </c>
      <c r="C53" s="28">
        <v>457</v>
      </c>
      <c r="D53" s="29">
        <v>867</v>
      </c>
    </row>
    <row r="54" spans="1:4" ht="18" customHeight="1" x14ac:dyDescent="0.2">
      <c r="A54" s="31">
        <v>40</v>
      </c>
      <c r="B54" s="27">
        <v>111</v>
      </c>
      <c r="C54" s="28">
        <v>96</v>
      </c>
      <c r="D54" s="29">
        <v>207</v>
      </c>
    </row>
    <row r="55" spans="1:4" ht="18" customHeight="1" x14ac:dyDescent="0.2">
      <c r="A55" s="31">
        <v>41</v>
      </c>
      <c r="B55" s="27">
        <v>104</v>
      </c>
      <c r="C55" s="28">
        <v>122</v>
      </c>
      <c r="D55" s="29">
        <v>226</v>
      </c>
    </row>
    <row r="56" spans="1:4" ht="18" customHeight="1" x14ac:dyDescent="0.2">
      <c r="A56" s="31">
        <v>42</v>
      </c>
      <c r="B56" s="27">
        <v>120</v>
      </c>
      <c r="C56" s="28">
        <v>95</v>
      </c>
      <c r="D56" s="29">
        <v>215</v>
      </c>
    </row>
    <row r="57" spans="1:4" ht="18" customHeight="1" x14ac:dyDescent="0.2">
      <c r="A57" s="31">
        <v>43</v>
      </c>
      <c r="B57" s="27">
        <v>115</v>
      </c>
      <c r="C57" s="28">
        <v>138</v>
      </c>
      <c r="D57" s="29">
        <v>253</v>
      </c>
    </row>
    <row r="58" spans="1:4" ht="18" customHeight="1" x14ac:dyDescent="0.2">
      <c r="A58" s="31">
        <v>44</v>
      </c>
      <c r="B58" s="27">
        <v>122</v>
      </c>
      <c r="C58" s="28">
        <v>107</v>
      </c>
      <c r="D58" s="29">
        <v>229</v>
      </c>
    </row>
    <row r="59" spans="1:4" ht="18" customHeight="1" x14ac:dyDescent="0.2">
      <c r="A59" s="31" t="s">
        <v>57</v>
      </c>
      <c r="B59" s="27">
        <v>572</v>
      </c>
      <c r="C59" s="28">
        <v>558</v>
      </c>
      <c r="D59" s="29">
        <v>1130</v>
      </c>
    </row>
    <row r="60" spans="1:4" ht="18" customHeight="1" x14ac:dyDescent="0.2">
      <c r="A60" s="31">
        <v>45</v>
      </c>
      <c r="B60" s="27">
        <v>99</v>
      </c>
      <c r="C60" s="28">
        <v>99</v>
      </c>
      <c r="D60" s="29">
        <v>198</v>
      </c>
    </row>
    <row r="61" spans="1:4" ht="18" customHeight="1" x14ac:dyDescent="0.2">
      <c r="A61" s="31">
        <v>46</v>
      </c>
      <c r="B61" s="27">
        <v>123</v>
      </c>
      <c r="C61" s="28">
        <v>113</v>
      </c>
      <c r="D61" s="29">
        <v>236</v>
      </c>
    </row>
    <row r="62" spans="1:4" ht="18" customHeight="1" x14ac:dyDescent="0.2">
      <c r="A62" s="31">
        <v>47</v>
      </c>
      <c r="B62" s="27">
        <v>121</v>
      </c>
      <c r="C62" s="28">
        <v>113</v>
      </c>
      <c r="D62" s="29">
        <v>234</v>
      </c>
    </row>
    <row r="63" spans="1:4" ht="18" customHeight="1" x14ac:dyDescent="0.2">
      <c r="A63" s="31">
        <v>48</v>
      </c>
      <c r="B63" s="27">
        <v>111</v>
      </c>
      <c r="C63" s="28">
        <v>118</v>
      </c>
      <c r="D63" s="29">
        <v>229</v>
      </c>
    </row>
    <row r="64" spans="1:4" ht="18" customHeight="1" x14ac:dyDescent="0.2">
      <c r="A64" s="31">
        <v>49</v>
      </c>
      <c r="B64" s="27">
        <v>94</v>
      </c>
      <c r="C64" s="28">
        <v>106</v>
      </c>
      <c r="D64" s="29">
        <v>200</v>
      </c>
    </row>
    <row r="65" spans="1:4" ht="18" customHeight="1" x14ac:dyDescent="0.2">
      <c r="A65" s="31" t="s">
        <v>58</v>
      </c>
      <c r="B65" s="27">
        <v>548</v>
      </c>
      <c r="C65" s="28">
        <v>549</v>
      </c>
      <c r="D65" s="29">
        <v>1097</v>
      </c>
    </row>
    <row r="66" spans="1:4" ht="18" customHeight="1" x14ac:dyDescent="0.2">
      <c r="A66" s="31">
        <v>50</v>
      </c>
      <c r="B66" s="27">
        <v>80</v>
      </c>
      <c r="C66" s="28">
        <v>91</v>
      </c>
      <c r="D66" s="29">
        <v>171</v>
      </c>
    </row>
    <row r="67" spans="1:4" ht="18" customHeight="1" x14ac:dyDescent="0.2">
      <c r="A67" s="31">
        <v>51</v>
      </c>
      <c r="B67" s="27">
        <v>106</v>
      </c>
      <c r="C67" s="28">
        <v>85</v>
      </c>
      <c r="D67" s="29">
        <v>191</v>
      </c>
    </row>
    <row r="68" spans="1:4" ht="18" customHeight="1" x14ac:dyDescent="0.2">
      <c r="A68" s="31">
        <v>52</v>
      </c>
      <c r="B68" s="27">
        <v>77</v>
      </c>
      <c r="C68" s="28">
        <v>74</v>
      </c>
      <c r="D68" s="29">
        <v>151</v>
      </c>
    </row>
    <row r="69" spans="1:4" ht="18" customHeight="1" x14ac:dyDescent="0.2">
      <c r="A69" s="31">
        <v>53</v>
      </c>
      <c r="B69" s="27">
        <v>62</v>
      </c>
      <c r="C69" s="28">
        <v>59</v>
      </c>
      <c r="D69" s="29">
        <v>121</v>
      </c>
    </row>
    <row r="70" spans="1:4" ht="18" customHeight="1" x14ac:dyDescent="0.2">
      <c r="A70" s="31">
        <v>54</v>
      </c>
      <c r="B70" s="27">
        <v>53</v>
      </c>
      <c r="C70" s="28">
        <v>57</v>
      </c>
      <c r="D70" s="29">
        <v>110</v>
      </c>
    </row>
    <row r="71" spans="1:4" ht="18" customHeight="1" x14ac:dyDescent="0.2">
      <c r="A71" s="31" t="s">
        <v>59</v>
      </c>
      <c r="B71" s="27">
        <v>378</v>
      </c>
      <c r="C71" s="28">
        <v>366</v>
      </c>
      <c r="D71" s="29">
        <v>744</v>
      </c>
    </row>
    <row r="72" spans="1:4" ht="18" customHeight="1" x14ac:dyDescent="0.2">
      <c r="A72" s="31">
        <v>55</v>
      </c>
      <c r="B72" s="27">
        <v>62</v>
      </c>
      <c r="C72" s="28">
        <v>70</v>
      </c>
      <c r="D72" s="29">
        <v>132</v>
      </c>
    </row>
    <row r="73" spans="1:4" ht="18" customHeight="1" x14ac:dyDescent="0.2">
      <c r="A73" s="31">
        <v>56</v>
      </c>
      <c r="B73" s="27">
        <v>66</v>
      </c>
      <c r="C73" s="28">
        <v>76</v>
      </c>
      <c r="D73" s="29">
        <v>142</v>
      </c>
    </row>
    <row r="74" spans="1:4" ht="18" customHeight="1" x14ac:dyDescent="0.2">
      <c r="A74" s="31">
        <v>57</v>
      </c>
      <c r="B74" s="27">
        <v>64</v>
      </c>
      <c r="C74" s="28">
        <v>62</v>
      </c>
      <c r="D74" s="29">
        <v>126</v>
      </c>
    </row>
    <row r="75" spans="1:4" ht="18" customHeight="1" x14ac:dyDescent="0.2">
      <c r="A75" s="31">
        <v>58</v>
      </c>
      <c r="B75" s="27">
        <v>60</v>
      </c>
      <c r="C75" s="28">
        <v>63</v>
      </c>
      <c r="D75" s="29">
        <v>123</v>
      </c>
    </row>
    <row r="76" spans="1:4" ht="18" customHeight="1" x14ac:dyDescent="0.2">
      <c r="A76" s="31">
        <v>59</v>
      </c>
      <c r="B76" s="27">
        <v>62</v>
      </c>
      <c r="C76" s="28">
        <v>66</v>
      </c>
      <c r="D76" s="29">
        <v>128</v>
      </c>
    </row>
    <row r="77" spans="1:4" ht="18" customHeight="1" x14ac:dyDescent="0.2">
      <c r="A77" s="31" t="s">
        <v>60</v>
      </c>
      <c r="B77" s="27">
        <v>314</v>
      </c>
      <c r="C77" s="28">
        <v>337</v>
      </c>
      <c r="D77" s="29">
        <v>651</v>
      </c>
    </row>
    <row r="78" spans="1:4" ht="18" customHeight="1" x14ac:dyDescent="0.2">
      <c r="A78" s="31">
        <v>60</v>
      </c>
      <c r="B78" s="27">
        <v>58</v>
      </c>
      <c r="C78" s="28">
        <v>45</v>
      </c>
      <c r="D78" s="29">
        <v>103</v>
      </c>
    </row>
    <row r="79" spans="1:4" ht="18" customHeight="1" x14ac:dyDescent="0.2">
      <c r="A79" s="31">
        <v>61</v>
      </c>
      <c r="B79" s="27">
        <v>59</v>
      </c>
      <c r="C79" s="28">
        <v>54</v>
      </c>
      <c r="D79" s="29">
        <v>113</v>
      </c>
    </row>
    <row r="80" spans="1:4" ht="18" customHeight="1" x14ac:dyDescent="0.2">
      <c r="A80" s="31">
        <v>62</v>
      </c>
      <c r="B80" s="27">
        <v>44</v>
      </c>
      <c r="C80" s="28">
        <v>58</v>
      </c>
      <c r="D80" s="29">
        <v>102</v>
      </c>
    </row>
    <row r="81" spans="1:4" ht="18" customHeight="1" x14ac:dyDescent="0.2">
      <c r="A81" s="31">
        <v>63</v>
      </c>
      <c r="B81" s="27">
        <v>47</v>
      </c>
      <c r="C81" s="28">
        <v>51</v>
      </c>
      <c r="D81" s="29">
        <v>98</v>
      </c>
    </row>
    <row r="82" spans="1:4" ht="18" customHeight="1" x14ac:dyDescent="0.2">
      <c r="A82" s="31">
        <v>64</v>
      </c>
      <c r="B82" s="27">
        <v>57</v>
      </c>
      <c r="C82" s="28">
        <v>58</v>
      </c>
      <c r="D82" s="29">
        <v>115</v>
      </c>
    </row>
    <row r="83" spans="1:4" ht="18" customHeight="1" x14ac:dyDescent="0.2">
      <c r="A83" s="31" t="s">
        <v>61</v>
      </c>
      <c r="B83" s="27">
        <v>265</v>
      </c>
      <c r="C83" s="28">
        <v>266</v>
      </c>
      <c r="D83" s="29">
        <v>531</v>
      </c>
    </row>
    <row r="84" spans="1:4" ht="18" customHeight="1" x14ac:dyDescent="0.2">
      <c r="A84" s="31" t="s">
        <v>62</v>
      </c>
      <c r="B84" s="27">
        <v>3840</v>
      </c>
      <c r="C84" s="28">
        <v>3808</v>
      </c>
      <c r="D84" s="29">
        <v>7648</v>
      </c>
    </row>
    <row r="85" spans="1:4" ht="18" customHeight="1" x14ac:dyDescent="0.2">
      <c r="A85" s="31">
        <v>65</v>
      </c>
      <c r="B85" s="27">
        <v>61</v>
      </c>
      <c r="C85" s="28">
        <v>62</v>
      </c>
      <c r="D85" s="29">
        <v>123</v>
      </c>
    </row>
    <row r="86" spans="1:4" ht="18" customHeight="1" x14ac:dyDescent="0.2">
      <c r="A86" s="31">
        <v>66</v>
      </c>
      <c r="B86" s="27">
        <v>45</v>
      </c>
      <c r="C86" s="28">
        <v>63</v>
      </c>
      <c r="D86" s="29">
        <v>108</v>
      </c>
    </row>
    <row r="87" spans="1:4" ht="18" customHeight="1" x14ac:dyDescent="0.2">
      <c r="A87" s="31">
        <v>67</v>
      </c>
      <c r="B87" s="27">
        <v>66</v>
      </c>
      <c r="C87" s="28">
        <v>53</v>
      </c>
      <c r="D87" s="29">
        <v>119</v>
      </c>
    </row>
    <row r="88" spans="1:4" ht="18" customHeight="1" x14ac:dyDescent="0.2">
      <c r="A88" s="31">
        <v>68</v>
      </c>
      <c r="B88" s="27">
        <v>51</v>
      </c>
      <c r="C88" s="28">
        <v>63</v>
      </c>
      <c r="D88" s="29">
        <v>114</v>
      </c>
    </row>
    <row r="89" spans="1:4" ht="18" customHeight="1" x14ac:dyDescent="0.2">
      <c r="A89" s="31">
        <v>69</v>
      </c>
      <c r="B89" s="27">
        <v>48</v>
      </c>
      <c r="C89" s="28">
        <v>69</v>
      </c>
      <c r="D89" s="29">
        <v>117</v>
      </c>
    </row>
    <row r="90" spans="1:4" ht="18" customHeight="1" x14ac:dyDescent="0.2">
      <c r="A90" s="31" t="s">
        <v>63</v>
      </c>
      <c r="B90" s="27">
        <v>271</v>
      </c>
      <c r="C90" s="28">
        <v>310</v>
      </c>
      <c r="D90" s="29">
        <v>581</v>
      </c>
    </row>
    <row r="91" spans="1:4" ht="18" customHeight="1" x14ac:dyDescent="0.2">
      <c r="A91" s="31">
        <v>70</v>
      </c>
      <c r="B91" s="27">
        <v>61</v>
      </c>
      <c r="C91" s="28">
        <v>63</v>
      </c>
      <c r="D91" s="29">
        <v>124</v>
      </c>
    </row>
    <row r="92" spans="1:4" ht="18" customHeight="1" x14ac:dyDescent="0.2">
      <c r="A92" s="31">
        <v>71</v>
      </c>
      <c r="B92" s="27">
        <v>59</v>
      </c>
      <c r="C92" s="28">
        <v>78</v>
      </c>
      <c r="D92" s="29">
        <v>137</v>
      </c>
    </row>
    <row r="93" spans="1:4" ht="18" customHeight="1" x14ac:dyDescent="0.2">
      <c r="A93" s="31">
        <v>72</v>
      </c>
      <c r="B93" s="27">
        <v>57</v>
      </c>
      <c r="C93" s="28">
        <v>76</v>
      </c>
      <c r="D93" s="29">
        <v>133</v>
      </c>
    </row>
    <row r="94" spans="1:4" ht="18" customHeight="1" x14ac:dyDescent="0.2">
      <c r="A94" s="31">
        <v>73</v>
      </c>
      <c r="B94" s="27">
        <v>60</v>
      </c>
      <c r="C94" s="28">
        <v>78</v>
      </c>
      <c r="D94" s="29">
        <v>138</v>
      </c>
    </row>
    <row r="95" spans="1:4" ht="18" customHeight="1" x14ac:dyDescent="0.2">
      <c r="A95" s="31">
        <v>74</v>
      </c>
      <c r="B95" s="27">
        <v>25</v>
      </c>
      <c r="C95" s="28">
        <v>34</v>
      </c>
      <c r="D95" s="29">
        <v>59</v>
      </c>
    </row>
    <row r="96" spans="1:4" ht="18" customHeight="1" x14ac:dyDescent="0.2">
      <c r="A96" s="31" t="s">
        <v>64</v>
      </c>
      <c r="B96" s="27">
        <v>262</v>
      </c>
      <c r="C96" s="28">
        <v>329</v>
      </c>
      <c r="D96" s="29">
        <v>591</v>
      </c>
    </row>
    <row r="97" spans="1:4" ht="18" customHeight="1" x14ac:dyDescent="0.2">
      <c r="A97" s="31">
        <v>75</v>
      </c>
      <c r="B97" s="27">
        <v>37</v>
      </c>
      <c r="C97" s="28">
        <v>35</v>
      </c>
      <c r="D97" s="29">
        <v>72</v>
      </c>
    </row>
    <row r="98" spans="1:4" ht="18" customHeight="1" x14ac:dyDescent="0.2">
      <c r="A98" s="31">
        <v>76</v>
      </c>
      <c r="B98" s="27">
        <v>40</v>
      </c>
      <c r="C98" s="28">
        <v>49</v>
      </c>
      <c r="D98" s="29">
        <v>89</v>
      </c>
    </row>
    <row r="99" spans="1:4" ht="18" customHeight="1" x14ac:dyDescent="0.2">
      <c r="A99" s="31">
        <v>77</v>
      </c>
      <c r="B99" s="27">
        <v>49</v>
      </c>
      <c r="C99" s="28">
        <v>56</v>
      </c>
      <c r="D99" s="29">
        <v>105</v>
      </c>
    </row>
    <row r="100" spans="1:4" ht="18" customHeight="1" x14ac:dyDescent="0.2">
      <c r="A100" s="31">
        <v>78</v>
      </c>
      <c r="B100" s="27">
        <v>46</v>
      </c>
      <c r="C100" s="28">
        <v>43</v>
      </c>
      <c r="D100" s="29">
        <v>89</v>
      </c>
    </row>
    <row r="101" spans="1:4" ht="18" customHeight="1" x14ac:dyDescent="0.2">
      <c r="A101" s="31">
        <v>79</v>
      </c>
      <c r="B101" s="27">
        <v>35</v>
      </c>
      <c r="C101" s="28">
        <v>30</v>
      </c>
      <c r="D101" s="29">
        <v>65</v>
      </c>
    </row>
    <row r="102" spans="1:4" ht="18" customHeight="1" x14ac:dyDescent="0.2">
      <c r="A102" s="31" t="s">
        <v>65</v>
      </c>
      <c r="B102" s="27">
        <v>207</v>
      </c>
      <c r="C102" s="28">
        <v>213</v>
      </c>
      <c r="D102" s="29">
        <v>420</v>
      </c>
    </row>
    <row r="103" spans="1:4" ht="18" customHeight="1" x14ac:dyDescent="0.2">
      <c r="A103" s="31">
        <v>80</v>
      </c>
      <c r="B103" s="27">
        <v>21</v>
      </c>
      <c r="C103" s="28">
        <v>40</v>
      </c>
      <c r="D103" s="29">
        <v>61</v>
      </c>
    </row>
    <row r="104" spans="1:4" ht="18" customHeight="1" x14ac:dyDescent="0.2">
      <c r="A104" s="31">
        <v>81</v>
      </c>
      <c r="B104" s="27">
        <v>18</v>
      </c>
      <c r="C104" s="28">
        <v>32</v>
      </c>
      <c r="D104" s="29">
        <v>50</v>
      </c>
    </row>
    <row r="105" spans="1:4" ht="18" customHeight="1" x14ac:dyDescent="0.2">
      <c r="A105" s="31">
        <v>82</v>
      </c>
      <c r="B105" s="27">
        <v>32</v>
      </c>
      <c r="C105" s="28">
        <v>39</v>
      </c>
      <c r="D105" s="29">
        <v>71</v>
      </c>
    </row>
    <row r="106" spans="1:4" ht="18" customHeight="1" x14ac:dyDescent="0.2">
      <c r="A106" s="31">
        <v>83</v>
      </c>
      <c r="B106" s="27">
        <v>20</v>
      </c>
      <c r="C106" s="28">
        <v>19</v>
      </c>
      <c r="D106" s="29">
        <v>39</v>
      </c>
    </row>
    <row r="107" spans="1:4" ht="18" customHeight="1" x14ac:dyDescent="0.2">
      <c r="A107" s="31">
        <v>84</v>
      </c>
      <c r="B107" s="27">
        <v>11</v>
      </c>
      <c r="C107" s="28">
        <v>49</v>
      </c>
      <c r="D107" s="29">
        <v>60</v>
      </c>
    </row>
    <row r="108" spans="1:4" ht="18" customHeight="1" x14ac:dyDescent="0.2">
      <c r="A108" s="31" t="s">
        <v>66</v>
      </c>
      <c r="B108" s="27">
        <v>102</v>
      </c>
      <c r="C108" s="28">
        <v>179</v>
      </c>
      <c r="D108" s="29">
        <v>281</v>
      </c>
    </row>
    <row r="109" spans="1:4" ht="18" customHeight="1" x14ac:dyDescent="0.2">
      <c r="A109" s="31">
        <v>85</v>
      </c>
      <c r="B109" s="27">
        <v>17</v>
      </c>
      <c r="C109" s="28">
        <v>18</v>
      </c>
      <c r="D109" s="29">
        <v>35</v>
      </c>
    </row>
    <row r="110" spans="1:4" ht="18" customHeight="1" x14ac:dyDescent="0.2">
      <c r="A110" s="31">
        <v>86</v>
      </c>
      <c r="B110" s="27">
        <v>17</v>
      </c>
      <c r="C110" s="28">
        <v>33</v>
      </c>
      <c r="D110" s="29">
        <v>50</v>
      </c>
    </row>
    <row r="111" spans="1:4" ht="18" customHeight="1" x14ac:dyDescent="0.2">
      <c r="A111" s="31">
        <v>87</v>
      </c>
      <c r="B111" s="27">
        <v>14</v>
      </c>
      <c r="C111" s="28">
        <v>32</v>
      </c>
      <c r="D111" s="29">
        <v>46</v>
      </c>
    </row>
    <row r="112" spans="1:4" ht="18" customHeight="1" x14ac:dyDescent="0.2">
      <c r="A112" s="31">
        <v>88</v>
      </c>
      <c r="B112" s="27">
        <v>9</v>
      </c>
      <c r="C112" s="28">
        <v>28</v>
      </c>
      <c r="D112" s="29">
        <v>37</v>
      </c>
    </row>
    <row r="113" spans="1:4" ht="18" customHeight="1" x14ac:dyDescent="0.2">
      <c r="A113" s="31">
        <v>89</v>
      </c>
      <c r="B113" s="27">
        <v>9</v>
      </c>
      <c r="C113" s="28">
        <v>28</v>
      </c>
      <c r="D113" s="29">
        <v>37</v>
      </c>
    </row>
    <row r="114" spans="1:4" ht="18" customHeight="1" x14ac:dyDescent="0.2">
      <c r="A114" s="31" t="s">
        <v>67</v>
      </c>
      <c r="B114" s="27">
        <v>66</v>
      </c>
      <c r="C114" s="28">
        <v>139</v>
      </c>
      <c r="D114" s="29">
        <v>205</v>
      </c>
    </row>
    <row r="115" spans="1:4" ht="18" customHeight="1" x14ac:dyDescent="0.2">
      <c r="A115" s="31">
        <v>90</v>
      </c>
      <c r="B115" s="27">
        <v>7</v>
      </c>
      <c r="C115" s="28">
        <v>14</v>
      </c>
      <c r="D115" s="29">
        <v>21</v>
      </c>
    </row>
    <row r="116" spans="1:4" ht="18" customHeight="1" x14ac:dyDescent="0.2">
      <c r="A116" s="31">
        <v>91</v>
      </c>
      <c r="B116" s="27">
        <v>5</v>
      </c>
      <c r="C116" s="28">
        <v>21</v>
      </c>
      <c r="D116" s="29">
        <v>26</v>
      </c>
    </row>
    <row r="117" spans="1:4" ht="18" customHeight="1" x14ac:dyDescent="0.2">
      <c r="A117" s="31">
        <v>92</v>
      </c>
      <c r="B117" s="27">
        <v>5</v>
      </c>
      <c r="C117" s="28">
        <v>17</v>
      </c>
      <c r="D117" s="29">
        <v>22</v>
      </c>
    </row>
    <row r="118" spans="1:4" ht="18" customHeight="1" x14ac:dyDescent="0.2">
      <c r="A118" s="31">
        <v>93</v>
      </c>
      <c r="B118" s="27">
        <v>4</v>
      </c>
      <c r="C118" s="28">
        <v>15</v>
      </c>
      <c r="D118" s="29">
        <v>19</v>
      </c>
    </row>
    <row r="119" spans="1:4" ht="18" customHeight="1" x14ac:dyDescent="0.2">
      <c r="A119" s="31">
        <v>94</v>
      </c>
      <c r="B119" s="27">
        <v>3</v>
      </c>
      <c r="C119" s="28">
        <v>14</v>
      </c>
      <c r="D119" s="29">
        <v>17</v>
      </c>
    </row>
    <row r="120" spans="1:4" ht="18" customHeight="1" x14ac:dyDescent="0.2">
      <c r="A120" s="31" t="s">
        <v>68</v>
      </c>
      <c r="B120" s="27">
        <v>24</v>
      </c>
      <c r="C120" s="28">
        <v>81</v>
      </c>
      <c r="D120" s="29">
        <v>105</v>
      </c>
    </row>
    <row r="121" spans="1:4" ht="18" customHeight="1" x14ac:dyDescent="0.2">
      <c r="A121" s="31">
        <v>95</v>
      </c>
      <c r="B121" s="27">
        <v>2</v>
      </c>
      <c r="C121" s="28">
        <v>12</v>
      </c>
      <c r="D121" s="29">
        <v>14</v>
      </c>
    </row>
    <row r="122" spans="1:4" ht="18" customHeight="1" x14ac:dyDescent="0.2">
      <c r="A122" s="31">
        <v>96</v>
      </c>
      <c r="B122" s="27">
        <v>4</v>
      </c>
      <c r="C122" s="28">
        <v>7</v>
      </c>
      <c r="D122" s="29">
        <v>11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9</v>
      </c>
      <c r="D124" s="29">
        <v>9</v>
      </c>
    </row>
    <row r="125" spans="1:4" ht="18" customHeight="1" x14ac:dyDescent="0.2">
      <c r="A125" s="31">
        <v>99</v>
      </c>
      <c r="B125" s="27">
        <v>1</v>
      </c>
      <c r="C125" s="28">
        <v>5</v>
      </c>
      <c r="D125" s="29">
        <v>6</v>
      </c>
    </row>
    <row r="126" spans="1:4" ht="18" customHeight="1" x14ac:dyDescent="0.2">
      <c r="A126" s="31" t="s">
        <v>69</v>
      </c>
      <c r="B126" s="27">
        <v>7</v>
      </c>
      <c r="C126" s="28">
        <v>37</v>
      </c>
      <c r="D126" s="29">
        <v>4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2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940</v>
      </c>
      <c r="C130" s="5">
        <v>1290</v>
      </c>
      <c r="D130" s="6">
        <v>2230</v>
      </c>
    </row>
    <row r="131" spans="1:4" ht="18" customHeight="1" x14ac:dyDescent="0.2">
      <c r="A131" s="33" t="s">
        <v>47</v>
      </c>
      <c r="B131" s="7">
        <v>5847</v>
      </c>
      <c r="C131" s="8">
        <v>6080</v>
      </c>
      <c r="D131" s="9">
        <v>1192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8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7</v>
      </c>
      <c r="C5" s="37">
        <v>6</v>
      </c>
      <c r="D5" s="39">
        <v>13</v>
      </c>
    </row>
    <row r="6" spans="1:4" ht="18" customHeight="1" x14ac:dyDescent="0.2">
      <c r="A6" s="31">
        <v>1</v>
      </c>
      <c r="B6" s="35">
        <v>4</v>
      </c>
      <c r="C6" s="28">
        <v>4</v>
      </c>
      <c r="D6" s="29">
        <v>8</v>
      </c>
    </row>
    <row r="7" spans="1:4" ht="18" customHeight="1" x14ac:dyDescent="0.2">
      <c r="A7" s="31">
        <v>2</v>
      </c>
      <c r="B7" s="35">
        <v>5</v>
      </c>
      <c r="C7" s="28">
        <v>6</v>
      </c>
      <c r="D7" s="29">
        <v>11</v>
      </c>
    </row>
    <row r="8" spans="1:4" ht="18" customHeight="1" x14ac:dyDescent="0.2">
      <c r="A8" s="31">
        <v>3</v>
      </c>
      <c r="B8" s="35">
        <v>9</v>
      </c>
      <c r="C8" s="28">
        <v>4</v>
      </c>
      <c r="D8" s="29">
        <v>13</v>
      </c>
    </row>
    <row r="9" spans="1:4" ht="18" customHeight="1" x14ac:dyDescent="0.2">
      <c r="A9" s="31">
        <v>4</v>
      </c>
      <c r="B9" s="36">
        <v>4</v>
      </c>
      <c r="C9" s="38">
        <v>7</v>
      </c>
      <c r="D9" s="40">
        <v>11</v>
      </c>
    </row>
    <row r="10" spans="1:4" ht="18" customHeight="1" x14ac:dyDescent="0.2">
      <c r="A10" s="31" t="s">
        <v>48</v>
      </c>
      <c r="B10" s="27">
        <v>29</v>
      </c>
      <c r="C10" s="28">
        <v>27</v>
      </c>
      <c r="D10" s="29">
        <v>56</v>
      </c>
    </row>
    <row r="11" spans="1:4" ht="18" customHeight="1" x14ac:dyDescent="0.2">
      <c r="A11" s="31">
        <v>5</v>
      </c>
      <c r="B11" s="35">
        <v>3</v>
      </c>
      <c r="C11" s="28">
        <v>6</v>
      </c>
      <c r="D11" s="29">
        <v>9</v>
      </c>
    </row>
    <row r="12" spans="1:4" ht="18" customHeight="1" x14ac:dyDescent="0.2">
      <c r="A12" s="31">
        <v>6</v>
      </c>
      <c r="B12" s="35">
        <v>5</v>
      </c>
      <c r="C12" s="28">
        <v>6</v>
      </c>
      <c r="D12" s="29">
        <v>11</v>
      </c>
    </row>
    <row r="13" spans="1:4" ht="18" customHeight="1" x14ac:dyDescent="0.2">
      <c r="A13" s="31">
        <v>7</v>
      </c>
      <c r="B13" s="35">
        <v>8</v>
      </c>
      <c r="C13" s="28">
        <v>3</v>
      </c>
      <c r="D13" s="29">
        <v>11</v>
      </c>
    </row>
    <row r="14" spans="1:4" ht="18" customHeight="1" x14ac:dyDescent="0.2">
      <c r="A14" s="31">
        <v>8</v>
      </c>
      <c r="B14" s="35">
        <v>3</v>
      </c>
      <c r="C14" s="28">
        <v>4</v>
      </c>
      <c r="D14" s="29">
        <v>7</v>
      </c>
    </row>
    <row r="15" spans="1:4" ht="18" customHeight="1" x14ac:dyDescent="0.2">
      <c r="A15" s="31">
        <v>9</v>
      </c>
      <c r="B15" s="35">
        <v>3</v>
      </c>
      <c r="C15" s="28">
        <v>6</v>
      </c>
      <c r="D15" s="29">
        <v>9</v>
      </c>
    </row>
    <row r="16" spans="1:4" ht="18" customHeight="1" x14ac:dyDescent="0.2">
      <c r="A16" s="31" t="s">
        <v>49</v>
      </c>
      <c r="B16" s="27">
        <v>22</v>
      </c>
      <c r="C16" s="28">
        <v>25</v>
      </c>
      <c r="D16" s="29">
        <v>47</v>
      </c>
    </row>
    <row r="17" spans="1:4" ht="18" customHeight="1" x14ac:dyDescent="0.2">
      <c r="A17" s="31">
        <v>10</v>
      </c>
      <c r="B17" s="27">
        <v>3</v>
      </c>
      <c r="C17" s="28">
        <v>2</v>
      </c>
      <c r="D17" s="29">
        <v>5</v>
      </c>
    </row>
    <row r="18" spans="1:4" ht="18" customHeight="1" x14ac:dyDescent="0.2">
      <c r="A18" s="31">
        <v>11</v>
      </c>
      <c r="B18" s="27">
        <v>2</v>
      </c>
      <c r="C18" s="28">
        <v>5</v>
      </c>
      <c r="D18" s="29">
        <v>7</v>
      </c>
    </row>
    <row r="19" spans="1:4" ht="18" customHeight="1" x14ac:dyDescent="0.2">
      <c r="A19" s="31">
        <v>12</v>
      </c>
      <c r="B19" s="27">
        <v>7</v>
      </c>
      <c r="C19" s="28">
        <v>1</v>
      </c>
      <c r="D19" s="29">
        <v>8</v>
      </c>
    </row>
    <row r="20" spans="1:4" ht="18" customHeight="1" x14ac:dyDescent="0.2">
      <c r="A20" s="31">
        <v>13</v>
      </c>
      <c r="B20" s="27">
        <v>4</v>
      </c>
      <c r="C20" s="28">
        <v>4</v>
      </c>
      <c r="D20" s="29">
        <v>8</v>
      </c>
    </row>
    <row r="21" spans="1:4" ht="18" customHeight="1" x14ac:dyDescent="0.2">
      <c r="A21" s="31">
        <v>14</v>
      </c>
      <c r="B21" s="27">
        <v>3</v>
      </c>
      <c r="C21" s="28">
        <v>4</v>
      </c>
      <c r="D21" s="29">
        <v>7</v>
      </c>
    </row>
    <row r="22" spans="1:4" ht="18" customHeight="1" x14ac:dyDescent="0.2">
      <c r="A22" s="31" t="s">
        <v>50</v>
      </c>
      <c r="B22" s="27">
        <v>19</v>
      </c>
      <c r="C22" s="28">
        <v>16</v>
      </c>
      <c r="D22" s="29">
        <v>35</v>
      </c>
    </row>
    <row r="23" spans="1:4" ht="18" customHeight="1" x14ac:dyDescent="0.2">
      <c r="A23" s="31" t="s">
        <v>51</v>
      </c>
      <c r="B23" s="27">
        <v>70</v>
      </c>
      <c r="C23" s="28">
        <v>68</v>
      </c>
      <c r="D23" s="29">
        <v>138</v>
      </c>
    </row>
    <row r="24" spans="1:4" ht="18" customHeight="1" x14ac:dyDescent="0.2">
      <c r="A24" s="31">
        <v>15</v>
      </c>
      <c r="B24" s="27">
        <v>2</v>
      </c>
      <c r="C24" s="28">
        <v>8</v>
      </c>
      <c r="D24" s="29">
        <v>10</v>
      </c>
    </row>
    <row r="25" spans="1:4" ht="18" customHeight="1" x14ac:dyDescent="0.2">
      <c r="A25" s="31">
        <v>16</v>
      </c>
      <c r="B25" s="27">
        <v>1</v>
      </c>
      <c r="C25" s="28">
        <v>1</v>
      </c>
      <c r="D25" s="29">
        <v>2</v>
      </c>
    </row>
    <row r="26" spans="1:4" ht="18" customHeight="1" x14ac:dyDescent="0.2">
      <c r="A26" s="31">
        <v>17</v>
      </c>
      <c r="B26" s="27">
        <v>8</v>
      </c>
      <c r="C26" s="28">
        <v>8</v>
      </c>
      <c r="D26" s="29">
        <v>16</v>
      </c>
    </row>
    <row r="27" spans="1:4" ht="18" customHeight="1" x14ac:dyDescent="0.2">
      <c r="A27" s="31">
        <v>18</v>
      </c>
      <c r="B27" s="27">
        <v>3</v>
      </c>
      <c r="C27" s="28">
        <v>7</v>
      </c>
      <c r="D27" s="29">
        <v>10</v>
      </c>
    </row>
    <row r="28" spans="1:4" ht="18" customHeight="1" x14ac:dyDescent="0.2">
      <c r="A28" s="31">
        <v>19</v>
      </c>
      <c r="B28" s="27">
        <v>6</v>
      </c>
      <c r="C28" s="28">
        <v>11</v>
      </c>
      <c r="D28" s="29">
        <v>17</v>
      </c>
    </row>
    <row r="29" spans="1:4" ht="18" customHeight="1" x14ac:dyDescent="0.2">
      <c r="A29" s="31" t="s">
        <v>52</v>
      </c>
      <c r="B29" s="27">
        <v>20</v>
      </c>
      <c r="C29" s="28">
        <v>35</v>
      </c>
      <c r="D29" s="29">
        <v>55</v>
      </c>
    </row>
    <row r="30" spans="1:4" ht="18" customHeight="1" x14ac:dyDescent="0.2">
      <c r="A30" s="31">
        <v>20</v>
      </c>
      <c r="B30" s="27">
        <v>7</v>
      </c>
      <c r="C30" s="28">
        <v>11</v>
      </c>
      <c r="D30" s="29">
        <v>18</v>
      </c>
    </row>
    <row r="31" spans="1:4" ht="18" customHeight="1" x14ac:dyDescent="0.2">
      <c r="A31" s="31">
        <v>21</v>
      </c>
      <c r="B31" s="27">
        <v>6</v>
      </c>
      <c r="C31" s="28">
        <v>3</v>
      </c>
      <c r="D31" s="29">
        <v>9</v>
      </c>
    </row>
    <row r="32" spans="1:4" ht="18" customHeight="1" x14ac:dyDescent="0.2">
      <c r="A32" s="31">
        <v>22</v>
      </c>
      <c r="B32" s="27">
        <v>12</v>
      </c>
      <c r="C32" s="28">
        <v>6</v>
      </c>
      <c r="D32" s="29">
        <v>18</v>
      </c>
    </row>
    <row r="33" spans="1:4" ht="18" customHeight="1" x14ac:dyDescent="0.2">
      <c r="A33" s="31">
        <v>23</v>
      </c>
      <c r="B33" s="27">
        <v>13</v>
      </c>
      <c r="C33" s="28">
        <v>5</v>
      </c>
      <c r="D33" s="29">
        <v>18</v>
      </c>
    </row>
    <row r="34" spans="1:4" ht="18" customHeight="1" x14ac:dyDescent="0.2">
      <c r="A34" s="31">
        <v>24</v>
      </c>
      <c r="B34" s="27">
        <v>9</v>
      </c>
      <c r="C34" s="28">
        <v>6</v>
      </c>
      <c r="D34" s="29">
        <v>15</v>
      </c>
    </row>
    <row r="35" spans="1:4" ht="18" customHeight="1" x14ac:dyDescent="0.2">
      <c r="A35" s="31" t="s">
        <v>53</v>
      </c>
      <c r="B35" s="27">
        <v>47</v>
      </c>
      <c r="C35" s="28">
        <v>31</v>
      </c>
      <c r="D35" s="29">
        <v>78</v>
      </c>
    </row>
    <row r="36" spans="1:4" ht="18" customHeight="1" x14ac:dyDescent="0.2">
      <c r="A36" s="31">
        <v>25</v>
      </c>
      <c r="B36" s="27">
        <v>7</v>
      </c>
      <c r="C36" s="28">
        <v>9</v>
      </c>
      <c r="D36" s="29">
        <v>16</v>
      </c>
    </row>
    <row r="37" spans="1:4" ht="18" customHeight="1" x14ac:dyDescent="0.2">
      <c r="A37" s="31">
        <v>26</v>
      </c>
      <c r="B37" s="27">
        <v>8</v>
      </c>
      <c r="C37" s="28">
        <v>6</v>
      </c>
      <c r="D37" s="29">
        <v>14</v>
      </c>
    </row>
    <row r="38" spans="1:4" ht="18" customHeight="1" x14ac:dyDescent="0.2">
      <c r="A38" s="31">
        <v>27</v>
      </c>
      <c r="B38" s="27">
        <v>12</v>
      </c>
      <c r="C38" s="28">
        <v>4</v>
      </c>
      <c r="D38" s="29">
        <v>16</v>
      </c>
    </row>
    <row r="39" spans="1:4" ht="18" customHeight="1" x14ac:dyDescent="0.2">
      <c r="A39" s="31">
        <v>28</v>
      </c>
      <c r="B39" s="27">
        <v>6</v>
      </c>
      <c r="C39" s="28">
        <v>7</v>
      </c>
      <c r="D39" s="29">
        <v>13</v>
      </c>
    </row>
    <row r="40" spans="1:4" ht="18" customHeight="1" x14ac:dyDescent="0.2">
      <c r="A40" s="31">
        <v>29</v>
      </c>
      <c r="B40" s="27">
        <v>10</v>
      </c>
      <c r="C40" s="28">
        <v>7</v>
      </c>
      <c r="D40" s="29">
        <v>17</v>
      </c>
    </row>
    <row r="41" spans="1:4" ht="18" customHeight="1" x14ac:dyDescent="0.2">
      <c r="A41" s="31" t="s">
        <v>54</v>
      </c>
      <c r="B41" s="27">
        <v>43</v>
      </c>
      <c r="C41" s="28">
        <v>33</v>
      </c>
      <c r="D41" s="29">
        <v>76</v>
      </c>
    </row>
    <row r="42" spans="1:4" ht="18" customHeight="1" x14ac:dyDescent="0.2">
      <c r="A42" s="31">
        <v>30</v>
      </c>
      <c r="B42" s="27">
        <v>11</v>
      </c>
      <c r="C42" s="28">
        <v>3</v>
      </c>
      <c r="D42" s="29">
        <v>14</v>
      </c>
    </row>
    <row r="43" spans="1:4" ht="18" customHeight="1" x14ac:dyDescent="0.2">
      <c r="A43" s="31">
        <v>31</v>
      </c>
      <c r="B43" s="27">
        <v>9</v>
      </c>
      <c r="C43" s="28">
        <v>8</v>
      </c>
      <c r="D43" s="29">
        <v>17</v>
      </c>
    </row>
    <row r="44" spans="1:4" ht="18" customHeight="1" x14ac:dyDescent="0.2">
      <c r="A44" s="31">
        <v>32</v>
      </c>
      <c r="B44" s="27">
        <v>8</v>
      </c>
      <c r="C44" s="28">
        <v>6</v>
      </c>
      <c r="D44" s="29">
        <v>14</v>
      </c>
    </row>
    <row r="45" spans="1:4" ht="18" customHeight="1" x14ac:dyDescent="0.2">
      <c r="A45" s="31">
        <v>33</v>
      </c>
      <c r="B45" s="27">
        <v>10</v>
      </c>
      <c r="C45" s="28">
        <v>11</v>
      </c>
      <c r="D45" s="29">
        <v>21</v>
      </c>
    </row>
    <row r="46" spans="1:4" ht="18" customHeight="1" x14ac:dyDescent="0.2">
      <c r="A46" s="31">
        <v>34</v>
      </c>
      <c r="B46" s="27">
        <v>10</v>
      </c>
      <c r="C46" s="28">
        <v>9</v>
      </c>
      <c r="D46" s="29">
        <v>19</v>
      </c>
    </row>
    <row r="47" spans="1:4" ht="18" customHeight="1" x14ac:dyDescent="0.2">
      <c r="A47" s="31" t="s">
        <v>55</v>
      </c>
      <c r="B47" s="27">
        <v>48</v>
      </c>
      <c r="C47" s="28">
        <v>37</v>
      </c>
      <c r="D47" s="29">
        <v>85</v>
      </c>
    </row>
    <row r="48" spans="1:4" ht="18" customHeight="1" x14ac:dyDescent="0.2">
      <c r="A48" s="31">
        <v>35</v>
      </c>
      <c r="B48" s="27">
        <v>8</v>
      </c>
      <c r="C48" s="28">
        <v>8</v>
      </c>
      <c r="D48" s="29">
        <v>16</v>
      </c>
    </row>
    <row r="49" spans="1:4" ht="18" customHeight="1" x14ac:dyDescent="0.2">
      <c r="A49" s="31">
        <v>36</v>
      </c>
      <c r="B49" s="27">
        <v>11</v>
      </c>
      <c r="C49" s="28">
        <v>7</v>
      </c>
      <c r="D49" s="29">
        <v>18</v>
      </c>
    </row>
    <row r="50" spans="1:4" ht="18" customHeight="1" x14ac:dyDescent="0.2">
      <c r="A50" s="31">
        <v>37</v>
      </c>
      <c r="B50" s="27">
        <v>7</v>
      </c>
      <c r="C50" s="28">
        <v>15</v>
      </c>
      <c r="D50" s="29">
        <v>22</v>
      </c>
    </row>
    <row r="51" spans="1:4" ht="18" customHeight="1" x14ac:dyDescent="0.2">
      <c r="A51" s="31">
        <v>38</v>
      </c>
      <c r="B51" s="27">
        <v>2</v>
      </c>
      <c r="C51" s="28">
        <v>7</v>
      </c>
      <c r="D51" s="29">
        <v>9</v>
      </c>
    </row>
    <row r="52" spans="1:4" ht="18" customHeight="1" x14ac:dyDescent="0.2">
      <c r="A52" s="31">
        <v>39</v>
      </c>
      <c r="B52" s="27">
        <v>6</v>
      </c>
      <c r="C52" s="28">
        <v>5</v>
      </c>
      <c r="D52" s="29">
        <v>11</v>
      </c>
    </row>
    <row r="53" spans="1:4" ht="18" customHeight="1" x14ac:dyDescent="0.2">
      <c r="A53" s="31" t="s">
        <v>56</v>
      </c>
      <c r="B53" s="27">
        <v>34</v>
      </c>
      <c r="C53" s="28">
        <v>42</v>
      </c>
      <c r="D53" s="29">
        <v>76</v>
      </c>
    </row>
    <row r="54" spans="1:4" ht="18" customHeight="1" x14ac:dyDescent="0.2">
      <c r="A54" s="31">
        <v>40</v>
      </c>
      <c r="B54" s="27">
        <v>13</v>
      </c>
      <c r="C54" s="28">
        <v>3</v>
      </c>
      <c r="D54" s="29">
        <v>16</v>
      </c>
    </row>
    <row r="55" spans="1:4" ht="18" customHeight="1" x14ac:dyDescent="0.2">
      <c r="A55" s="31">
        <v>41</v>
      </c>
      <c r="B55" s="27">
        <v>9</v>
      </c>
      <c r="C55" s="28">
        <v>8</v>
      </c>
      <c r="D55" s="29">
        <v>17</v>
      </c>
    </row>
    <row r="56" spans="1:4" ht="18" customHeight="1" x14ac:dyDescent="0.2">
      <c r="A56" s="31">
        <v>42</v>
      </c>
      <c r="B56" s="27">
        <v>11</v>
      </c>
      <c r="C56" s="28">
        <v>6</v>
      </c>
      <c r="D56" s="29">
        <v>17</v>
      </c>
    </row>
    <row r="57" spans="1:4" ht="18" customHeight="1" x14ac:dyDescent="0.2">
      <c r="A57" s="31">
        <v>43</v>
      </c>
      <c r="B57" s="27">
        <v>4</v>
      </c>
      <c r="C57" s="28">
        <v>4</v>
      </c>
      <c r="D57" s="29">
        <v>8</v>
      </c>
    </row>
    <row r="58" spans="1:4" ht="18" customHeight="1" x14ac:dyDescent="0.2">
      <c r="A58" s="31">
        <v>44</v>
      </c>
      <c r="B58" s="27">
        <v>3</v>
      </c>
      <c r="C58" s="28">
        <v>6</v>
      </c>
      <c r="D58" s="29">
        <v>9</v>
      </c>
    </row>
    <row r="59" spans="1:4" ht="18" customHeight="1" x14ac:dyDescent="0.2">
      <c r="A59" s="31" t="s">
        <v>57</v>
      </c>
      <c r="B59" s="27">
        <v>40</v>
      </c>
      <c r="C59" s="28">
        <v>27</v>
      </c>
      <c r="D59" s="29">
        <v>67</v>
      </c>
    </row>
    <row r="60" spans="1:4" ht="18" customHeight="1" x14ac:dyDescent="0.2">
      <c r="A60" s="31">
        <v>45</v>
      </c>
      <c r="B60" s="27">
        <v>6</v>
      </c>
      <c r="C60" s="28">
        <v>6</v>
      </c>
      <c r="D60" s="29">
        <v>12</v>
      </c>
    </row>
    <row r="61" spans="1:4" ht="18" customHeight="1" x14ac:dyDescent="0.2">
      <c r="A61" s="31">
        <v>46</v>
      </c>
      <c r="B61" s="27">
        <v>13</v>
      </c>
      <c r="C61" s="28">
        <v>11</v>
      </c>
      <c r="D61" s="29">
        <v>24</v>
      </c>
    </row>
    <row r="62" spans="1:4" ht="18" customHeight="1" x14ac:dyDescent="0.2">
      <c r="A62" s="31">
        <v>47</v>
      </c>
      <c r="B62" s="27">
        <v>11</v>
      </c>
      <c r="C62" s="28">
        <v>10</v>
      </c>
      <c r="D62" s="29">
        <v>21</v>
      </c>
    </row>
    <row r="63" spans="1:4" ht="18" customHeight="1" x14ac:dyDescent="0.2">
      <c r="A63" s="31">
        <v>48</v>
      </c>
      <c r="B63" s="27">
        <v>9</v>
      </c>
      <c r="C63" s="28">
        <v>9</v>
      </c>
      <c r="D63" s="29">
        <v>18</v>
      </c>
    </row>
    <row r="64" spans="1:4" ht="18" customHeight="1" x14ac:dyDescent="0.2">
      <c r="A64" s="31">
        <v>49</v>
      </c>
      <c r="B64" s="27">
        <v>4</v>
      </c>
      <c r="C64" s="28">
        <v>6</v>
      </c>
      <c r="D64" s="29">
        <v>10</v>
      </c>
    </row>
    <row r="65" spans="1:4" ht="18" customHeight="1" x14ac:dyDescent="0.2">
      <c r="A65" s="31" t="s">
        <v>58</v>
      </c>
      <c r="B65" s="27">
        <v>43</v>
      </c>
      <c r="C65" s="28">
        <v>42</v>
      </c>
      <c r="D65" s="29">
        <v>85</v>
      </c>
    </row>
    <row r="66" spans="1:4" ht="18" customHeight="1" x14ac:dyDescent="0.2">
      <c r="A66" s="31">
        <v>50</v>
      </c>
      <c r="B66" s="27">
        <v>10</v>
      </c>
      <c r="C66" s="28">
        <v>9</v>
      </c>
      <c r="D66" s="29">
        <v>19</v>
      </c>
    </row>
    <row r="67" spans="1:4" ht="18" customHeight="1" x14ac:dyDescent="0.2">
      <c r="A67" s="31">
        <v>51</v>
      </c>
      <c r="B67" s="27">
        <v>9</v>
      </c>
      <c r="C67" s="28">
        <v>12</v>
      </c>
      <c r="D67" s="29">
        <v>21</v>
      </c>
    </row>
    <row r="68" spans="1:4" ht="18" customHeight="1" x14ac:dyDescent="0.2">
      <c r="A68" s="31">
        <v>52</v>
      </c>
      <c r="B68" s="27">
        <v>9</v>
      </c>
      <c r="C68" s="28">
        <v>10</v>
      </c>
      <c r="D68" s="29">
        <v>19</v>
      </c>
    </row>
    <row r="69" spans="1:4" ht="18" customHeight="1" x14ac:dyDescent="0.2">
      <c r="A69" s="31">
        <v>53</v>
      </c>
      <c r="B69" s="27">
        <v>9</v>
      </c>
      <c r="C69" s="28">
        <v>4</v>
      </c>
      <c r="D69" s="29">
        <v>13</v>
      </c>
    </row>
    <row r="70" spans="1:4" ht="18" customHeight="1" x14ac:dyDescent="0.2">
      <c r="A70" s="31">
        <v>54</v>
      </c>
      <c r="B70" s="27">
        <v>7</v>
      </c>
      <c r="C70" s="28">
        <v>12</v>
      </c>
      <c r="D70" s="29">
        <v>19</v>
      </c>
    </row>
    <row r="71" spans="1:4" ht="18" customHeight="1" x14ac:dyDescent="0.2">
      <c r="A71" s="31" t="s">
        <v>59</v>
      </c>
      <c r="B71" s="27">
        <v>44</v>
      </c>
      <c r="C71" s="28">
        <v>47</v>
      </c>
      <c r="D71" s="29">
        <v>91</v>
      </c>
    </row>
    <row r="72" spans="1:4" ht="18" customHeight="1" x14ac:dyDescent="0.2">
      <c r="A72" s="31">
        <v>55</v>
      </c>
      <c r="B72" s="27">
        <v>11</v>
      </c>
      <c r="C72" s="28">
        <v>10</v>
      </c>
      <c r="D72" s="29">
        <v>21</v>
      </c>
    </row>
    <row r="73" spans="1:4" ht="18" customHeight="1" x14ac:dyDescent="0.2">
      <c r="A73" s="31">
        <v>56</v>
      </c>
      <c r="B73" s="27">
        <v>9</v>
      </c>
      <c r="C73" s="28">
        <v>11</v>
      </c>
      <c r="D73" s="29">
        <v>20</v>
      </c>
    </row>
    <row r="74" spans="1:4" ht="18" customHeight="1" x14ac:dyDescent="0.2">
      <c r="A74" s="31">
        <v>57</v>
      </c>
      <c r="B74" s="27">
        <v>12</v>
      </c>
      <c r="C74" s="28">
        <v>14</v>
      </c>
      <c r="D74" s="29">
        <v>26</v>
      </c>
    </row>
    <row r="75" spans="1:4" ht="18" customHeight="1" x14ac:dyDescent="0.2">
      <c r="A75" s="31">
        <v>58</v>
      </c>
      <c r="B75" s="27">
        <v>3</v>
      </c>
      <c r="C75" s="28">
        <v>13</v>
      </c>
      <c r="D75" s="29">
        <v>16</v>
      </c>
    </row>
    <row r="76" spans="1:4" ht="18" customHeight="1" x14ac:dyDescent="0.2">
      <c r="A76" s="31">
        <v>59</v>
      </c>
      <c r="B76" s="27">
        <v>4</v>
      </c>
      <c r="C76" s="28">
        <v>15</v>
      </c>
      <c r="D76" s="29">
        <v>19</v>
      </c>
    </row>
    <row r="77" spans="1:4" ht="18" customHeight="1" x14ac:dyDescent="0.2">
      <c r="A77" s="31" t="s">
        <v>60</v>
      </c>
      <c r="B77" s="27">
        <v>39</v>
      </c>
      <c r="C77" s="28">
        <v>63</v>
      </c>
      <c r="D77" s="29">
        <v>102</v>
      </c>
    </row>
    <row r="78" spans="1:4" ht="18" customHeight="1" x14ac:dyDescent="0.2">
      <c r="A78" s="31">
        <v>60</v>
      </c>
      <c r="B78" s="27">
        <v>16</v>
      </c>
      <c r="C78" s="28">
        <v>7</v>
      </c>
      <c r="D78" s="29">
        <v>23</v>
      </c>
    </row>
    <row r="79" spans="1:4" ht="18" customHeight="1" x14ac:dyDescent="0.2">
      <c r="A79" s="31">
        <v>61</v>
      </c>
      <c r="B79" s="27">
        <v>12</v>
      </c>
      <c r="C79" s="28">
        <v>17</v>
      </c>
      <c r="D79" s="29">
        <v>29</v>
      </c>
    </row>
    <row r="80" spans="1:4" ht="18" customHeight="1" x14ac:dyDescent="0.2">
      <c r="A80" s="31">
        <v>62</v>
      </c>
      <c r="B80" s="27">
        <v>10</v>
      </c>
      <c r="C80" s="28">
        <v>6</v>
      </c>
      <c r="D80" s="29">
        <v>16</v>
      </c>
    </row>
    <row r="81" spans="1:4" ht="18" customHeight="1" x14ac:dyDescent="0.2">
      <c r="A81" s="31">
        <v>63</v>
      </c>
      <c r="B81" s="27">
        <v>11</v>
      </c>
      <c r="C81" s="28">
        <v>8</v>
      </c>
      <c r="D81" s="29">
        <v>19</v>
      </c>
    </row>
    <row r="82" spans="1:4" ht="18" customHeight="1" x14ac:dyDescent="0.2">
      <c r="A82" s="31">
        <v>64</v>
      </c>
      <c r="B82" s="27">
        <v>11</v>
      </c>
      <c r="C82" s="28">
        <v>9</v>
      </c>
      <c r="D82" s="29">
        <v>20</v>
      </c>
    </row>
    <row r="83" spans="1:4" ht="18" customHeight="1" x14ac:dyDescent="0.2">
      <c r="A83" s="31" t="s">
        <v>61</v>
      </c>
      <c r="B83" s="27">
        <v>60</v>
      </c>
      <c r="C83" s="28">
        <v>47</v>
      </c>
      <c r="D83" s="29">
        <v>107</v>
      </c>
    </row>
    <row r="84" spans="1:4" ht="18" customHeight="1" x14ac:dyDescent="0.2">
      <c r="A84" s="31" t="s">
        <v>62</v>
      </c>
      <c r="B84" s="27">
        <v>418</v>
      </c>
      <c r="C84" s="28">
        <v>404</v>
      </c>
      <c r="D84" s="29">
        <v>822</v>
      </c>
    </row>
    <row r="85" spans="1:4" ht="18" customHeight="1" x14ac:dyDescent="0.2">
      <c r="A85" s="31">
        <v>65</v>
      </c>
      <c r="B85" s="27">
        <v>10</v>
      </c>
      <c r="C85" s="28">
        <v>14</v>
      </c>
      <c r="D85" s="29">
        <v>24</v>
      </c>
    </row>
    <row r="86" spans="1:4" ht="18" customHeight="1" x14ac:dyDescent="0.2">
      <c r="A86" s="31">
        <v>66</v>
      </c>
      <c r="B86" s="27">
        <v>14</v>
      </c>
      <c r="C86" s="28">
        <v>7</v>
      </c>
      <c r="D86" s="29">
        <v>21</v>
      </c>
    </row>
    <row r="87" spans="1:4" ht="18" customHeight="1" x14ac:dyDescent="0.2">
      <c r="A87" s="31">
        <v>67</v>
      </c>
      <c r="B87" s="27">
        <v>12</v>
      </c>
      <c r="C87" s="28">
        <v>9</v>
      </c>
      <c r="D87" s="29">
        <v>21</v>
      </c>
    </row>
    <row r="88" spans="1:4" ht="18" customHeight="1" x14ac:dyDescent="0.2">
      <c r="A88" s="31">
        <v>68</v>
      </c>
      <c r="B88" s="27">
        <v>10</v>
      </c>
      <c r="C88" s="28">
        <v>13</v>
      </c>
      <c r="D88" s="29">
        <v>23</v>
      </c>
    </row>
    <row r="89" spans="1:4" ht="18" customHeight="1" x14ac:dyDescent="0.2">
      <c r="A89" s="31">
        <v>69</v>
      </c>
      <c r="B89" s="27">
        <v>11</v>
      </c>
      <c r="C89" s="28">
        <v>13</v>
      </c>
      <c r="D89" s="29">
        <v>24</v>
      </c>
    </row>
    <row r="90" spans="1:4" ht="18" customHeight="1" x14ac:dyDescent="0.2">
      <c r="A90" s="31" t="s">
        <v>63</v>
      </c>
      <c r="B90" s="27">
        <v>57</v>
      </c>
      <c r="C90" s="28">
        <v>56</v>
      </c>
      <c r="D90" s="29">
        <v>113</v>
      </c>
    </row>
    <row r="91" spans="1:4" ht="18" customHeight="1" x14ac:dyDescent="0.2">
      <c r="A91" s="31">
        <v>70</v>
      </c>
      <c r="B91" s="27">
        <v>10</v>
      </c>
      <c r="C91" s="28">
        <v>15</v>
      </c>
      <c r="D91" s="29">
        <v>25</v>
      </c>
    </row>
    <row r="92" spans="1:4" ht="18" customHeight="1" x14ac:dyDescent="0.2">
      <c r="A92" s="31">
        <v>71</v>
      </c>
      <c r="B92" s="27">
        <v>14</v>
      </c>
      <c r="C92" s="28">
        <v>6</v>
      </c>
      <c r="D92" s="29">
        <v>20</v>
      </c>
    </row>
    <row r="93" spans="1:4" ht="18" customHeight="1" x14ac:dyDescent="0.2">
      <c r="A93" s="31">
        <v>72</v>
      </c>
      <c r="B93" s="27">
        <v>10</v>
      </c>
      <c r="C93" s="28">
        <v>13</v>
      </c>
      <c r="D93" s="29">
        <v>23</v>
      </c>
    </row>
    <row r="94" spans="1:4" ht="18" customHeight="1" x14ac:dyDescent="0.2">
      <c r="A94" s="31">
        <v>73</v>
      </c>
      <c r="B94" s="27">
        <v>11</v>
      </c>
      <c r="C94" s="28">
        <v>13</v>
      </c>
      <c r="D94" s="29">
        <v>24</v>
      </c>
    </row>
    <row r="95" spans="1:4" ht="18" customHeight="1" x14ac:dyDescent="0.2">
      <c r="A95" s="31">
        <v>74</v>
      </c>
      <c r="B95" s="27">
        <v>5</v>
      </c>
      <c r="C95" s="28">
        <v>5</v>
      </c>
      <c r="D95" s="29">
        <v>10</v>
      </c>
    </row>
    <row r="96" spans="1:4" ht="18" customHeight="1" x14ac:dyDescent="0.2">
      <c r="A96" s="31" t="s">
        <v>64</v>
      </c>
      <c r="B96" s="27">
        <v>50</v>
      </c>
      <c r="C96" s="28">
        <v>52</v>
      </c>
      <c r="D96" s="29">
        <v>102</v>
      </c>
    </row>
    <row r="97" spans="1:4" ht="18" customHeight="1" x14ac:dyDescent="0.2">
      <c r="A97" s="31">
        <v>75</v>
      </c>
      <c r="B97" s="27">
        <v>10</v>
      </c>
      <c r="C97" s="28">
        <v>9</v>
      </c>
      <c r="D97" s="29">
        <v>19</v>
      </c>
    </row>
    <row r="98" spans="1:4" ht="18" customHeight="1" x14ac:dyDescent="0.2">
      <c r="A98" s="31">
        <v>76</v>
      </c>
      <c r="B98" s="27">
        <v>7</v>
      </c>
      <c r="C98" s="28">
        <v>14</v>
      </c>
      <c r="D98" s="29">
        <v>21</v>
      </c>
    </row>
    <row r="99" spans="1:4" ht="18" customHeight="1" x14ac:dyDescent="0.2">
      <c r="A99" s="31">
        <v>77</v>
      </c>
      <c r="B99" s="27">
        <v>8</v>
      </c>
      <c r="C99" s="28">
        <v>15</v>
      </c>
      <c r="D99" s="29">
        <v>23</v>
      </c>
    </row>
    <row r="100" spans="1:4" ht="18" customHeight="1" x14ac:dyDescent="0.2">
      <c r="A100" s="31">
        <v>78</v>
      </c>
      <c r="B100" s="27">
        <v>7</v>
      </c>
      <c r="C100" s="28">
        <v>9</v>
      </c>
      <c r="D100" s="29">
        <v>16</v>
      </c>
    </row>
    <row r="101" spans="1:4" ht="18" customHeight="1" x14ac:dyDescent="0.2">
      <c r="A101" s="31">
        <v>79</v>
      </c>
      <c r="B101" s="27">
        <v>8</v>
      </c>
      <c r="C101" s="28">
        <v>6</v>
      </c>
      <c r="D101" s="29">
        <v>14</v>
      </c>
    </row>
    <row r="102" spans="1:4" ht="18" customHeight="1" x14ac:dyDescent="0.2">
      <c r="A102" s="31" t="s">
        <v>65</v>
      </c>
      <c r="B102" s="27">
        <v>40</v>
      </c>
      <c r="C102" s="28">
        <v>53</v>
      </c>
      <c r="D102" s="29">
        <v>93</v>
      </c>
    </row>
    <row r="103" spans="1:4" ht="18" customHeight="1" x14ac:dyDescent="0.2">
      <c r="A103" s="31">
        <v>80</v>
      </c>
      <c r="B103" s="27">
        <v>7</v>
      </c>
      <c r="C103" s="28">
        <v>12</v>
      </c>
      <c r="D103" s="29">
        <v>19</v>
      </c>
    </row>
    <row r="104" spans="1:4" ht="18" customHeight="1" x14ac:dyDescent="0.2">
      <c r="A104" s="31">
        <v>81</v>
      </c>
      <c r="B104" s="27">
        <v>2</v>
      </c>
      <c r="C104" s="28">
        <v>3</v>
      </c>
      <c r="D104" s="29">
        <v>5</v>
      </c>
    </row>
    <row r="105" spans="1:4" ht="18" customHeight="1" x14ac:dyDescent="0.2">
      <c r="A105" s="31">
        <v>82</v>
      </c>
      <c r="B105" s="27">
        <v>4</v>
      </c>
      <c r="C105" s="28">
        <v>11</v>
      </c>
      <c r="D105" s="29">
        <v>15</v>
      </c>
    </row>
    <row r="106" spans="1:4" ht="18" customHeight="1" x14ac:dyDescent="0.2">
      <c r="A106" s="31">
        <v>83</v>
      </c>
      <c r="B106" s="27">
        <v>5</v>
      </c>
      <c r="C106" s="28">
        <v>13</v>
      </c>
      <c r="D106" s="29">
        <v>18</v>
      </c>
    </row>
    <row r="107" spans="1:4" ht="18" customHeight="1" x14ac:dyDescent="0.2">
      <c r="A107" s="31">
        <v>84</v>
      </c>
      <c r="B107" s="27">
        <v>13</v>
      </c>
      <c r="C107" s="28">
        <v>7</v>
      </c>
      <c r="D107" s="29">
        <v>20</v>
      </c>
    </row>
    <row r="108" spans="1:4" ht="18" customHeight="1" x14ac:dyDescent="0.2">
      <c r="A108" s="31" t="s">
        <v>66</v>
      </c>
      <c r="B108" s="27">
        <v>31</v>
      </c>
      <c r="C108" s="28">
        <v>46</v>
      </c>
      <c r="D108" s="29">
        <v>77</v>
      </c>
    </row>
    <row r="109" spans="1:4" ht="18" customHeight="1" x14ac:dyDescent="0.2">
      <c r="A109" s="31">
        <v>85</v>
      </c>
      <c r="B109" s="27">
        <v>5</v>
      </c>
      <c r="C109" s="28">
        <v>6</v>
      </c>
      <c r="D109" s="29">
        <v>11</v>
      </c>
    </row>
    <row r="110" spans="1:4" ht="18" customHeight="1" x14ac:dyDescent="0.2">
      <c r="A110" s="31">
        <v>86</v>
      </c>
      <c r="B110" s="27">
        <v>3</v>
      </c>
      <c r="C110" s="28">
        <v>15</v>
      </c>
      <c r="D110" s="29">
        <v>18</v>
      </c>
    </row>
    <row r="111" spans="1:4" ht="18" customHeight="1" x14ac:dyDescent="0.2">
      <c r="A111" s="31">
        <v>87</v>
      </c>
      <c r="B111" s="27">
        <v>5</v>
      </c>
      <c r="C111" s="28">
        <v>4</v>
      </c>
      <c r="D111" s="29">
        <v>9</v>
      </c>
    </row>
    <row r="112" spans="1:4" ht="18" customHeight="1" x14ac:dyDescent="0.2">
      <c r="A112" s="31">
        <v>88</v>
      </c>
      <c r="B112" s="27">
        <v>7</v>
      </c>
      <c r="C112" s="28">
        <v>8</v>
      </c>
      <c r="D112" s="29">
        <v>15</v>
      </c>
    </row>
    <row r="113" spans="1:4" ht="18" customHeight="1" x14ac:dyDescent="0.2">
      <c r="A113" s="31">
        <v>89</v>
      </c>
      <c r="B113" s="27">
        <v>0</v>
      </c>
      <c r="C113" s="28">
        <v>7</v>
      </c>
      <c r="D113" s="29">
        <v>7</v>
      </c>
    </row>
    <row r="114" spans="1:4" ht="18" customHeight="1" x14ac:dyDescent="0.2">
      <c r="A114" s="31" t="s">
        <v>67</v>
      </c>
      <c r="B114" s="27">
        <v>20</v>
      </c>
      <c r="C114" s="28">
        <v>40</v>
      </c>
      <c r="D114" s="29">
        <v>60</v>
      </c>
    </row>
    <row r="115" spans="1:4" ht="18" customHeight="1" x14ac:dyDescent="0.2">
      <c r="A115" s="31">
        <v>90</v>
      </c>
      <c r="B115" s="27">
        <v>4</v>
      </c>
      <c r="C115" s="28">
        <v>7</v>
      </c>
      <c r="D115" s="29">
        <v>11</v>
      </c>
    </row>
    <row r="116" spans="1:4" ht="18" customHeight="1" x14ac:dyDescent="0.2">
      <c r="A116" s="31">
        <v>91</v>
      </c>
      <c r="B116" s="27">
        <v>4</v>
      </c>
      <c r="C116" s="28">
        <v>5</v>
      </c>
      <c r="D116" s="29">
        <v>9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2</v>
      </c>
      <c r="C118" s="28">
        <v>3</v>
      </c>
      <c r="D118" s="29">
        <v>5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68</v>
      </c>
      <c r="B120" s="27">
        <v>12</v>
      </c>
      <c r="C120" s="28">
        <v>20</v>
      </c>
      <c r="D120" s="29">
        <v>32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2</v>
      </c>
      <c r="C122" s="28">
        <v>4</v>
      </c>
      <c r="D122" s="29">
        <v>6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10</v>
      </c>
      <c r="D126" s="29">
        <v>12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212</v>
      </c>
      <c r="C130" s="5">
        <v>279</v>
      </c>
      <c r="D130" s="6">
        <v>491</v>
      </c>
    </row>
    <row r="131" spans="1:4" ht="18" customHeight="1" x14ac:dyDescent="0.2">
      <c r="A131" s="33" t="s">
        <v>47</v>
      </c>
      <c r="B131" s="7">
        <v>700</v>
      </c>
      <c r="C131" s="8">
        <v>751</v>
      </c>
      <c r="D131" s="9">
        <v>145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8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9</v>
      </c>
      <c r="C5" s="37">
        <v>16</v>
      </c>
      <c r="D5" s="39">
        <v>25</v>
      </c>
    </row>
    <row r="6" spans="1:4" ht="18" customHeight="1" x14ac:dyDescent="0.2">
      <c r="A6" s="31">
        <v>1</v>
      </c>
      <c r="B6" s="35">
        <v>10</v>
      </c>
      <c r="C6" s="28">
        <v>9</v>
      </c>
      <c r="D6" s="29">
        <v>19</v>
      </c>
    </row>
    <row r="7" spans="1:4" ht="18" customHeight="1" x14ac:dyDescent="0.2">
      <c r="A7" s="31">
        <v>2</v>
      </c>
      <c r="B7" s="35">
        <v>14</v>
      </c>
      <c r="C7" s="28">
        <v>11</v>
      </c>
      <c r="D7" s="29">
        <v>25</v>
      </c>
    </row>
    <row r="8" spans="1:4" ht="18" customHeight="1" x14ac:dyDescent="0.2">
      <c r="A8" s="31">
        <v>3</v>
      </c>
      <c r="B8" s="35">
        <v>12</v>
      </c>
      <c r="C8" s="28">
        <v>15</v>
      </c>
      <c r="D8" s="29">
        <v>27</v>
      </c>
    </row>
    <row r="9" spans="1:4" ht="18" customHeight="1" x14ac:dyDescent="0.2">
      <c r="A9" s="31">
        <v>4</v>
      </c>
      <c r="B9" s="36">
        <v>17</v>
      </c>
      <c r="C9" s="38">
        <v>9</v>
      </c>
      <c r="D9" s="40">
        <v>26</v>
      </c>
    </row>
    <row r="10" spans="1:4" ht="18" customHeight="1" x14ac:dyDescent="0.2">
      <c r="A10" s="31" t="s">
        <v>48</v>
      </c>
      <c r="B10" s="27">
        <v>62</v>
      </c>
      <c r="C10" s="28">
        <v>60</v>
      </c>
      <c r="D10" s="29">
        <v>122</v>
      </c>
    </row>
    <row r="11" spans="1:4" ht="18" customHeight="1" x14ac:dyDescent="0.2">
      <c r="A11" s="31">
        <v>5</v>
      </c>
      <c r="B11" s="35">
        <v>12</v>
      </c>
      <c r="C11" s="28">
        <v>11</v>
      </c>
      <c r="D11" s="29">
        <v>23</v>
      </c>
    </row>
    <row r="12" spans="1:4" ht="18" customHeight="1" x14ac:dyDescent="0.2">
      <c r="A12" s="31">
        <v>6</v>
      </c>
      <c r="B12" s="35">
        <v>13</v>
      </c>
      <c r="C12" s="28">
        <v>14</v>
      </c>
      <c r="D12" s="29">
        <v>27</v>
      </c>
    </row>
    <row r="13" spans="1:4" ht="18" customHeight="1" x14ac:dyDescent="0.2">
      <c r="A13" s="31">
        <v>7</v>
      </c>
      <c r="B13" s="35">
        <v>14</v>
      </c>
      <c r="C13" s="28">
        <v>11</v>
      </c>
      <c r="D13" s="29">
        <v>25</v>
      </c>
    </row>
    <row r="14" spans="1:4" ht="18" customHeight="1" x14ac:dyDescent="0.2">
      <c r="A14" s="31">
        <v>8</v>
      </c>
      <c r="B14" s="35">
        <v>11</v>
      </c>
      <c r="C14" s="28">
        <v>9</v>
      </c>
      <c r="D14" s="29">
        <v>20</v>
      </c>
    </row>
    <row r="15" spans="1:4" ht="18" customHeight="1" x14ac:dyDescent="0.2">
      <c r="A15" s="31">
        <v>9</v>
      </c>
      <c r="B15" s="35">
        <v>8</v>
      </c>
      <c r="C15" s="28">
        <v>12</v>
      </c>
      <c r="D15" s="29">
        <v>20</v>
      </c>
    </row>
    <row r="16" spans="1:4" ht="18" customHeight="1" x14ac:dyDescent="0.2">
      <c r="A16" s="31" t="s">
        <v>49</v>
      </c>
      <c r="B16" s="27">
        <v>58</v>
      </c>
      <c r="C16" s="28">
        <v>57</v>
      </c>
      <c r="D16" s="29">
        <v>115</v>
      </c>
    </row>
    <row r="17" spans="1:4" ht="18" customHeight="1" x14ac:dyDescent="0.2">
      <c r="A17" s="31">
        <v>10</v>
      </c>
      <c r="B17" s="27">
        <v>10</v>
      </c>
      <c r="C17" s="28">
        <v>8</v>
      </c>
      <c r="D17" s="29">
        <v>18</v>
      </c>
    </row>
    <row r="18" spans="1:4" ht="18" customHeight="1" x14ac:dyDescent="0.2">
      <c r="A18" s="31">
        <v>11</v>
      </c>
      <c r="B18" s="27">
        <v>1</v>
      </c>
      <c r="C18" s="28">
        <v>8</v>
      </c>
      <c r="D18" s="29">
        <v>9</v>
      </c>
    </row>
    <row r="19" spans="1:4" ht="18" customHeight="1" x14ac:dyDescent="0.2">
      <c r="A19" s="31">
        <v>12</v>
      </c>
      <c r="B19" s="27">
        <v>12</v>
      </c>
      <c r="C19" s="28">
        <v>4</v>
      </c>
      <c r="D19" s="29">
        <v>16</v>
      </c>
    </row>
    <row r="20" spans="1:4" ht="18" customHeight="1" x14ac:dyDescent="0.2">
      <c r="A20" s="31">
        <v>13</v>
      </c>
      <c r="B20" s="27">
        <v>8</v>
      </c>
      <c r="C20" s="28">
        <v>7</v>
      </c>
      <c r="D20" s="29">
        <v>15</v>
      </c>
    </row>
    <row r="21" spans="1:4" ht="18" customHeight="1" x14ac:dyDescent="0.2">
      <c r="A21" s="31">
        <v>14</v>
      </c>
      <c r="B21" s="27">
        <v>7</v>
      </c>
      <c r="C21" s="28">
        <v>7</v>
      </c>
      <c r="D21" s="29">
        <v>14</v>
      </c>
    </row>
    <row r="22" spans="1:4" ht="18" customHeight="1" x14ac:dyDescent="0.2">
      <c r="A22" s="31" t="s">
        <v>50</v>
      </c>
      <c r="B22" s="27">
        <v>38</v>
      </c>
      <c r="C22" s="28">
        <v>34</v>
      </c>
      <c r="D22" s="29">
        <v>72</v>
      </c>
    </row>
    <row r="23" spans="1:4" ht="18" customHeight="1" x14ac:dyDescent="0.2">
      <c r="A23" s="31" t="s">
        <v>51</v>
      </c>
      <c r="B23" s="27">
        <v>158</v>
      </c>
      <c r="C23" s="28">
        <v>151</v>
      </c>
      <c r="D23" s="29">
        <v>309</v>
      </c>
    </row>
    <row r="24" spans="1:4" ht="18" customHeight="1" x14ac:dyDescent="0.2">
      <c r="A24" s="31">
        <v>15</v>
      </c>
      <c r="B24" s="27">
        <v>5</v>
      </c>
      <c r="C24" s="28">
        <v>7</v>
      </c>
      <c r="D24" s="29">
        <v>12</v>
      </c>
    </row>
    <row r="25" spans="1:4" ht="18" customHeight="1" x14ac:dyDescent="0.2">
      <c r="A25" s="31">
        <v>16</v>
      </c>
      <c r="B25" s="27">
        <v>4</v>
      </c>
      <c r="C25" s="28">
        <v>9</v>
      </c>
      <c r="D25" s="29">
        <v>13</v>
      </c>
    </row>
    <row r="26" spans="1:4" ht="18" customHeight="1" x14ac:dyDescent="0.2">
      <c r="A26" s="31">
        <v>17</v>
      </c>
      <c r="B26" s="27">
        <v>12</v>
      </c>
      <c r="C26" s="28">
        <v>12</v>
      </c>
      <c r="D26" s="29">
        <v>24</v>
      </c>
    </row>
    <row r="27" spans="1:4" ht="18" customHeight="1" x14ac:dyDescent="0.2">
      <c r="A27" s="31">
        <v>18</v>
      </c>
      <c r="B27" s="27">
        <v>10</v>
      </c>
      <c r="C27" s="28">
        <v>8</v>
      </c>
      <c r="D27" s="29">
        <v>18</v>
      </c>
    </row>
    <row r="28" spans="1:4" ht="18" customHeight="1" x14ac:dyDescent="0.2">
      <c r="A28" s="31">
        <v>19</v>
      </c>
      <c r="B28" s="27">
        <v>9</v>
      </c>
      <c r="C28" s="28">
        <v>8</v>
      </c>
      <c r="D28" s="29">
        <v>17</v>
      </c>
    </row>
    <row r="29" spans="1:4" ht="18" customHeight="1" x14ac:dyDescent="0.2">
      <c r="A29" s="31" t="s">
        <v>52</v>
      </c>
      <c r="B29" s="27">
        <v>40</v>
      </c>
      <c r="C29" s="28">
        <v>44</v>
      </c>
      <c r="D29" s="29">
        <v>84</v>
      </c>
    </row>
    <row r="30" spans="1:4" ht="18" customHeight="1" x14ac:dyDescent="0.2">
      <c r="A30" s="31">
        <v>20</v>
      </c>
      <c r="B30" s="27">
        <v>8</v>
      </c>
      <c r="C30" s="28">
        <v>8</v>
      </c>
      <c r="D30" s="29">
        <v>16</v>
      </c>
    </row>
    <row r="31" spans="1:4" ht="18" customHeight="1" x14ac:dyDescent="0.2">
      <c r="A31" s="31">
        <v>21</v>
      </c>
      <c r="B31" s="27">
        <v>6</v>
      </c>
      <c r="C31" s="28">
        <v>10</v>
      </c>
      <c r="D31" s="29">
        <v>16</v>
      </c>
    </row>
    <row r="32" spans="1:4" ht="18" customHeight="1" x14ac:dyDescent="0.2">
      <c r="A32" s="31">
        <v>22</v>
      </c>
      <c r="B32" s="27">
        <v>7</v>
      </c>
      <c r="C32" s="28">
        <v>10</v>
      </c>
      <c r="D32" s="29">
        <v>17</v>
      </c>
    </row>
    <row r="33" spans="1:4" ht="18" customHeight="1" x14ac:dyDescent="0.2">
      <c r="A33" s="31">
        <v>23</v>
      </c>
      <c r="B33" s="27">
        <v>10</v>
      </c>
      <c r="C33" s="28">
        <v>10</v>
      </c>
      <c r="D33" s="29">
        <v>20</v>
      </c>
    </row>
    <row r="34" spans="1:4" ht="18" customHeight="1" x14ac:dyDescent="0.2">
      <c r="A34" s="31">
        <v>24</v>
      </c>
      <c r="B34" s="27">
        <v>8</v>
      </c>
      <c r="C34" s="28">
        <v>7</v>
      </c>
      <c r="D34" s="29">
        <v>15</v>
      </c>
    </row>
    <row r="35" spans="1:4" ht="18" customHeight="1" x14ac:dyDescent="0.2">
      <c r="A35" s="31" t="s">
        <v>53</v>
      </c>
      <c r="B35" s="27">
        <v>39</v>
      </c>
      <c r="C35" s="28">
        <v>45</v>
      </c>
      <c r="D35" s="29">
        <v>84</v>
      </c>
    </row>
    <row r="36" spans="1:4" ht="18" customHeight="1" x14ac:dyDescent="0.2">
      <c r="A36" s="31">
        <v>25</v>
      </c>
      <c r="B36" s="27">
        <v>17</v>
      </c>
      <c r="C36" s="28">
        <v>10</v>
      </c>
      <c r="D36" s="29">
        <v>27</v>
      </c>
    </row>
    <row r="37" spans="1:4" ht="18" customHeight="1" x14ac:dyDescent="0.2">
      <c r="A37" s="31">
        <v>26</v>
      </c>
      <c r="B37" s="27">
        <v>13</v>
      </c>
      <c r="C37" s="28">
        <v>12</v>
      </c>
      <c r="D37" s="29">
        <v>25</v>
      </c>
    </row>
    <row r="38" spans="1:4" ht="18" customHeight="1" x14ac:dyDescent="0.2">
      <c r="A38" s="31">
        <v>27</v>
      </c>
      <c r="B38" s="27">
        <v>11</v>
      </c>
      <c r="C38" s="28">
        <v>8</v>
      </c>
      <c r="D38" s="29">
        <v>19</v>
      </c>
    </row>
    <row r="39" spans="1:4" ht="18" customHeight="1" x14ac:dyDescent="0.2">
      <c r="A39" s="31">
        <v>28</v>
      </c>
      <c r="B39" s="27">
        <v>11</v>
      </c>
      <c r="C39" s="28">
        <v>13</v>
      </c>
      <c r="D39" s="29">
        <v>24</v>
      </c>
    </row>
    <row r="40" spans="1:4" ht="18" customHeight="1" x14ac:dyDescent="0.2">
      <c r="A40" s="31">
        <v>29</v>
      </c>
      <c r="B40" s="27">
        <v>12</v>
      </c>
      <c r="C40" s="28">
        <v>11</v>
      </c>
      <c r="D40" s="29">
        <v>23</v>
      </c>
    </row>
    <row r="41" spans="1:4" ht="18" customHeight="1" x14ac:dyDescent="0.2">
      <c r="A41" s="31" t="s">
        <v>54</v>
      </c>
      <c r="B41" s="27">
        <v>64</v>
      </c>
      <c r="C41" s="28">
        <v>54</v>
      </c>
      <c r="D41" s="29">
        <v>118</v>
      </c>
    </row>
    <row r="42" spans="1:4" ht="18" customHeight="1" x14ac:dyDescent="0.2">
      <c r="A42" s="31">
        <v>30</v>
      </c>
      <c r="B42" s="27">
        <v>11</v>
      </c>
      <c r="C42" s="28">
        <v>9</v>
      </c>
      <c r="D42" s="29">
        <v>20</v>
      </c>
    </row>
    <row r="43" spans="1:4" ht="18" customHeight="1" x14ac:dyDescent="0.2">
      <c r="A43" s="31">
        <v>31</v>
      </c>
      <c r="B43" s="27">
        <v>20</v>
      </c>
      <c r="C43" s="28">
        <v>14</v>
      </c>
      <c r="D43" s="29">
        <v>34</v>
      </c>
    </row>
    <row r="44" spans="1:4" ht="18" customHeight="1" x14ac:dyDescent="0.2">
      <c r="A44" s="31">
        <v>32</v>
      </c>
      <c r="B44" s="27">
        <v>10</v>
      </c>
      <c r="C44" s="28">
        <v>13</v>
      </c>
      <c r="D44" s="29">
        <v>23</v>
      </c>
    </row>
    <row r="45" spans="1:4" ht="18" customHeight="1" x14ac:dyDescent="0.2">
      <c r="A45" s="31">
        <v>33</v>
      </c>
      <c r="B45" s="27">
        <v>18</v>
      </c>
      <c r="C45" s="28">
        <v>15</v>
      </c>
      <c r="D45" s="29">
        <v>33</v>
      </c>
    </row>
    <row r="46" spans="1:4" ht="18" customHeight="1" x14ac:dyDescent="0.2">
      <c r="A46" s="31">
        <v>34</v>
      </c>
      <c r="B46" s="27">
        <v>13</v>
      </c>
      <c r="C46" s="28">
        <v>16</v>
      </c>
      <c r="D46" s="29">
        <v>29</v>
      </c>
    </row>
    <row r="47" spans="1:4" ht="18" customHeight="1" x14ac:dyDescent="0.2">
      <c r="A47" s="31" t="s">
        <v>55</v>
      </c>
      <c r="B47" s="27">
        <v>72</v>
      </c>
      <c r="C47" s="28">
        <v>67</v>
      </c>
      <c r="D47" s="29">
        <v>139</v>
      </c>
    </row>
    <row r="48" spans="1:4" ht="18" customHeight="1" x14ac:dyDescent="0.2">
      <c r="A48" s="31">
        <v>35</v>
      </c>
      <c r="B48" s="27">
        <v>19</v>
      </c>
      <c r="C48" s="28">
        <v>12</v>
      </c>
      <c r="D48" s="29">
        <v>31</v>
      </c>
    </row>
    <row r="49" spans="1:4" ht="18" customHeight="1" x14ac:dyDescent="0.2">
      <c r="A49" s="31">
        <v>36</v>
      </c>
      <c r="B49" s="27">
        <v>12</v>
      </c>
      <c r="C49" s="28">
        <v>17</v>
      </c>
      <c r="D49" s="29">
        <v>29</v>
      </c>
    </row>
    <row r="50" spans="1:4" ht="18" customHeight="1" x14ac:dyDescent="0.2">
      <c r="A50" s="31">
        <v>37</v>
      </c>
      <c r="B50" s="27">
        <v>12</v>
      </c>
      <c r="C50" s="28">
        <v>15</v>
      </c>
      <c r="D50" s="29">
        <v>27</v>
      </c>
    </row>
    <row r="51" spans="1:4" ht="18" customHeight="1" x14ac:dyDescent="0.2">
      <c r="A51" s="31">
        <v>38</v>
      </c>
      <c r="B51" s="27">
        <v>16</v>
      </c>
      <c r="C51" s="28">
        <v>13</v>
      </c>
      <c r="D51" s="29">
        <v>29</v>
      </c>
    </row>
    <row r="52" spans="1:4" ht="18" customHeight="1" x14ac:dyDescent="0.2">
      <c r="A52" s="31">
        <v>39</v>
      </c>
      <c r="B52" s="27">
        <v>16</v>
      </c>
      <c r="C52" s="28">
        <v>11</v>
      </c>
      <c r="D52" s="29">
        <v>27</v>
      </c>
    </row>
    <row r="53" spans="1:4" ht="18" customHeight="1" x14ac:dyDescent="0.2">
      <c r="A53" s="31" t="s">
        <v>56</v>
      </c>
      <c r="B53" s="27">
        <v>75</v>
      </c>
      <c r="C53" s="28">
        <v>68</v>
      </c>
      <c r="D53" s="29">
        <v>143</v>
      </c>
    </row>
    <row r="54" spans="1:4" ht="18" customHeight="1" x14ac:dyDescent="0.2">
      <c r="A54" s="31">
        <v>40</v>
      </c>
      <c r="B54" s="27">
        <v>16</v>
      </c>
      <c r="C54" s="28">
        <v>12</v>
      </c>
      <c r="D54" s="29">
        <v>28</v>
      </c>
    </row>
    <row r="55" spans="1:4" ht="18" customHeight="1" x14ac:dyDescent="0.2">
      <c r="A55" s="31">
        <v>41</v>
      </c>
      <c r="B55" s="27">
        <v>17</v>
      </c>
      <c r="C55" s="28">
        <v>8</v>
      </c>
      <c r="D55" s="29">
        <v>25</v>
      </c>
    </row>
    <row r="56" spans="1:4" ht="18" customHeight="1" x14ac:dyDescent="0.2">
      <c r="A56" s="31">
        <v>42</v>
      </c>
      <c r="B56" s="27">
        <v>16</v>
      </c>
      <c r="C56" s="28">
        <v>7</v>
      </c>
      <c r="D56" s="29">
        <v>23</v>
      </c>
    </row>
    <row r="57" spans="1:4" ht="18" customHeight="1" x14ac:dyDescent="0.2">
      <c r="A57" s="31">
        <v>43</v>
      </c>
      <c r="B57" s="27">
        <v>22</v>
      </c>
      <c r="C57" s="28">
        <v>11</v>
      </c>
      <c r="D57" s="29">
        <v>33</v>
      </c>
    </row>
    <row r="58" spans="1:4" ht="18" customHeight="1" x14ac:dyDescent="0.2">
      <c r="A58" s="31">
        <v>44</v>
      </c>
      <c r="B58" s="27">
        <v>10</v>
      </c>
      <c r="C58" s="28">
        <v>17</v>
      </c>
      <c r="D58" s="29">
        <v>27</v>
      </c>
    </row>
    <row r="59" spans="1:4" ht="18" customHeight="1" x14ac:dyDescent="0.2">
      <c r="A59" s="31" t="s">
        <v>57</v>
      </c>
      <c r="B59" s="27">
        <v>81</v>
      </c>
      <c r="C59" s="28">
        <v>55</v>
      </c>
      <c r="D59" s="29">
        <v>136</v>
      </c>
    </row>
    <row r="60" spans="1:4" ht="18" customHeight="1" x14ac:dyDescent="0.2">
      <c r="A60" s="31">
        <v>45</v>
      </c>
      <c r="B60" s="27">
        <v>15</v>
      </c>
      <c r="C60" s="28">
        <v>15</v>
      </c>
      <c r="D60" s="29">
        <v>30</v>
      </c>
    </row>
    <row r="61" spans="1:4" ht="18" customHeight="1" x14ac:dyDescent="0.2">
      <c r="A61" s="31">
        <v>46</v>
      </c>
      <c r="B61" s="27">
        <v>12</v>
      </c>
      <c r="C61" s="28">
        <v>13</v>
      </c>
      <c r="D61" s="29">
        <v>25</v>
      </c>
    </row>
    <row r="62" spans="1:4" ht="18" customHeight="1" x14ac:dyDescent="0.2">
      <c r="A62" s="31">
        <v>47</v>
      </c>
      <c r="B62" s="27">
        <v>16</v>
      </c>
      <c r="C62" s="28">
        <v>12</v>
      </c>
      <c r="D62" s="29">
        <v>28</v>
      </c>
    </row>
    <row r="63" spans="1:4" ht="18" customHeight="1" x14ac:dyDescent="0.2">
      <c r="A63" s="31">
        <v>48</v>
      </c>
      <c r="B63" s="27">
        <v>13</v>
      </c>
      <c r="C63" s="28">
        <v>7</v>
      </c>
      <c r="D63" s="29">
        <v>20</v>
      </c>
    </row>
    <row r="64" spans="1:4" ht="18" customHeight="1" x14ac:dyDescent="0.2">
      <c r="A64" s="31">
        <v>49</v>
      </c>
      <c r="B64" s="27">
        <v>14</v>
      </c>
      <c r="C64" s="28">
        <v>20</v>
      </c>
      <c r="D64" s="29">
        <v>34</v>
      </c>
    </row>
    <row r="65" spans="1:4" ht="18" customHeight="1" x14ac:dyDescent="0.2">
      <c r="A65" s="31" t="s">
        <v>58</v>
      </c>
      <c r="B65" s="27">
        <v>70</v>
      </c>
      <c r="C65" s="28">
        <v>67</v>
      </c>
      <c r="D65" s="29">
        <v>137</v>
      </c>
    </row>
    <row r="66" spans="1:4" ht="18" customHeight="1" x14ac:dyDescent="0.2">
      <c r="A66" s="31">
        <v>50</v>
      </c>
      <c r="B66" s="27">
        <v>13</v>
      </c>
      <c r="C66" s="28">
        <v>11</v>
      </c>
      <c r="D66" s="29">
        <v>24</v>
      </c>
    </row>
    <row r="67" spans="1:4" ht="18" customHeight="1" x14ac:dyDescent="0.2">
      <c r="A67" s="31">
        <v>51</v>
      </c>
      <c r="B67" s="27">
        <v>11</v>
      </c>
      <c r="C67" s="28">
        <v>12</v>
      </c>
      <c r="D67" s="29">
        <v>23</v>
      </c>
    </row>
    <row r="68" spans="1:4" ht="18" customHeight="1" x14ac:dyDescent="0.2">
      <c r="A68" s="31">
        <v>52</v>
      </c>
      <c r="B68" s="27">
        <v>6</v>
      </c>
      <c r="C68" s="28">
        <v>15</v>
      </c>
      <c r="D68" s="29">
        <v>21</v>
      </c>
    </row>
    <row r="69" spans="1:4" ht="18" customHeight="1" x14ac:dyDescent="0.2">
      <c r="A69" s="31">
        <v>53</v>
      </c>
      <c r="B69" s="27">
        <v>9</v>
      </c>
      <c r="C69" s="28">
        <v>11</v>
      </c>
      <c r="D69" s="29">
        <v>20</v>
      </c>
    </row>
    <row r="70" spans="1:4" ht="18" customHeight="1" x14ac:dyDescent="0.2">
      <c r="A70" s="31">
        <v>54</v>
      </c>
      <c r="B70" s="27">
        <v>13</v>
      </c>
      <c r="C70" s="28">
        <v>9</v>
      </c>
      <c r="D70" s="29">
        <v>22</v>
      </c>
    </row>
    <row r="71" spans="1:4" ht="18" customHeight="1" x14ac:dyDescent="0.2">
      <c r="A71" s="31" t="s">
        <v>59</v>
      </c>
      <c r="B71" s="27">
        <v>52</v>
      </c>
      <c r="C71" s="28">
        <v>58</v>
      </c>
      <c r="D71" s="29">
        <v>110</v>
      </c>
    </row>
    <row r="72" spans="1:4" ht="18" customHeight="1" x14ac:dyDescent="0.2">
      <c r="A72" s="31">
        <v>55</v>
      </c>
      <c r="B72" s="27">
        <v>14</v>
      </c>
      <c r="C72" s="28">
        <v>16</v>
      </c>
      <c r="D72" s="29">
        <v>30</v>
      </c>
    </row>
    <row r="73" spans="1:4" ht="18" customHeight="1" x14ac:dyDescent="0.2">
      <c r="A73" s="31">
        <v>56</v>
      </c>
      <c r="B73" s="27">
        <v>7</v>
      </c>
      <c r="C73" s="28">
        <v>12</v>
      </c>
      <c r="D73" s="29">
        <v>19</v>
      </c>
    </row>
    <row r="74" spans="1:4" ht="18" customHeight="1" x14ac:dyDescent="0.2">
      <c r="A74" s="31">
        <v>57</v>
      </c>
      <c r="B74" s="27">
        <v>10</v>
      </c>
      <c r="C74" s="28">
        <v>14</v>
      </c>
      <c r="D74" s="29">
        <v>24</v>
      </c>
    </row>
    <row r="75" spans="1:4" ht="18" customHeight="1" x14ac:dyDescent="0.2">
      <c r="A75" s="31">
        <v>58</v>
      </c>
      <c r="B75" s="27">
        <v>14</v>
      </c>
      <c r="C75" s="28">
        <v>17</v>
      </c>
      <c r="D75" s="29">
        <v>31</v>
      </c>
    </row>
    <row r="76" spans="1:4" ht="18" customHeight="1" x14ac:dyDescent="0.2">
      <c r="A76" s="31">
        <v>59</v>
      </c>
      <c r="B76" s="27">
        <v>11</v>
      </c>
      <c r="C76" s="28">
        <v>21</v>
      </c>
      <c r="D76" s="29">
        <v>32</v>
      </c>
    </row>
    <row r="77" spans="1:4" ht="18" customHeight="1" x14ac:dyDescent="0.2">
      <c r="A77" s="31" t="s">
        <v>60</v>
      </c>
      <c r="B77" s="27">
        <v>56</v>
      </c>
      <c r="C77" s="28">
        <v>80</v>
      </c>
      <c r="D77" s="29">
        <v>136</v>
      </c>
    </row>
    <row r="78" spans="1:4" ht="18" customHeight="1" x14ac:dyDescent="0.2">
      <c r="A78" s="31">
        <v>60</v>
      </c>
      <c r="B78" s="27">
        <v>17</v>
      </c>
      <c r="C78" s="28">
        <v>15</v>
      </c>
      <c r="D78" s="29">
        <v>32</v>
      </c>
    </row>
    <row r="79" spans="1:4" ht="18" customHeight="1" x14ac:dyDescent="0.2">
      <c r="A79" s="31">
        <v>61</v>
      </c>
      <c r="B79" s="27">
        <v>16</v>
      </c>
      <c r="C79" s="28">
        <v>16</v>
      </c>
      <c r="D79" s="29">
        <v>32</v>
      </c>
    </row>
    <row r="80" spans="1:4" ht="18" customHeight="1" x14ac:dyDescent="0.2">
      <c r="A80" s="31">
        <v>62</v>
      </c>
      <c r="B80" s="27">
        <v>21</v>
      </c>
      <c r="C80" s="28">
        <v>18</v>
      </c>
      <c r="D80" s="29">
        <v>39</v>
      </c>
    </row>
    <row r="81" spans="1:4" ht="18" customHeight="1" x14ac:dyDescent="0.2">
      <c r="A81" s="31">
        <v>63</v>
      </c>
      <c r="B81" s="27">
        <v>17</v>
      </c>
      <c r="C81" s="28">
        <v>14</v>
      </c>
      <c r="D81" s="29">
        <v>31</v>
      </c>
    </row>
    <row r="82" spans="1:4" ht="18" customHeight="1" x14ac:dyDescent="0.2">
      <c r="A82" s="31">
        <v>64</v>
      </c>
      <c r="B82" s="27">
        <v>22</v>
      </c>
      <c r="C82" s="28">
        <v>19</v>
      </c>
      <c r="D82" s="29">
        <v>41</v>
      </c>
    </row>
    <row r="83" spans="1:4" ht="18" customHeight="1" x14ac:dyDescent="0.2">
      <c r="A83" s="31" t="s">
        <v>61</v>
      </c>
      <c r="B83" s="27">
        <v>93</v>
      </c>
      <c r="C83" s="28">
        <v>82</v>
      </c>
      <c r="D83" s="29">
        <v>175</v>
      </c>
    </row>
    <row r="84" spans="1:4" ht="18" customHeight="1" x14ac:dyDescent="0.2">
      <c r="A84" s="31" t="s">
        <v>62</v>
      </c>
      <c r="B84" s="27">
        <v>642</v>
      </c>
      <c r="C84" s="28">
        <v>620</v>
      </c>
      <c r="D84" s="29">
        <v>1262</v>
      </c>
    </row>
    <row r="85" spans="1:4" ht="18" customHeight="1" x14ac:dyDescent="0.2">
      <c r="A85" s="31">
        <v>65</v>
      </c>
      <c r="B85" s="27">
        <v>12</v>
      </c>
      <c r="C85" s="28">
        <v>15</v>
      </c>
      <c r="D85" s="29">
        <v>27</v>
      </c>
    </row>
    <row r="86" spans="1:4" ht="18" customHeight="1" x14ac:dyDescent="0.2">
      <c r="A86" s="31">
        <v>66</v>
      </c>
      <c r="B86" s="27">
        <v>9</v>
      </c>
      <c r="C86" s="28">
        <v>12</v>
      </c>
      <c r="D86" s="29">
        <v>21</v>
      </c>
    </row>
    <row r="87" spans="1:4" ht="18" customHeight="1" x14ac:dyDescent="0.2">
      <c r="A87" s="31">
        <v>67</v>
      </c>
      <c r="B87" s="27">
        <v>20</v>
      </c>
      <c r="C87" s="28">
        <v>20</v>
      </c>
      <c r="D87" s="29">
        <v>40</v>
      </c>
    </row>
    <row r="88" spans="1:4" ht="18" customHeight="1" x14ac:dyDescent="0.2">
      <c r="A88" s="31">
        <v>68</v>
      </c>
      <c r="B88" s="27">
        <v>16</v>
      </c>
      <c r="C88" s="28">
        <v>16</v>
      </c>
      <c r="D88" s="29">
        <v>32</v>
      </c>
    </row>
    <row r="89" spans="1:4" ht="18" customHeight="1" x14ac:dyDescent="0.2">
      <c r="A89" s="31">
        <v>69</v>
      </c>
      <c r="B89" s="27">
        <v>17</v>
      </c>
      <c r="C89" s="28">
        <v>30</v>
      </c>
      <c r="D89" s="29">
        <v>47</v>
      </c>
    </row>
    <row r="90" spans="1:4" ht="18" customHeight="1" x14ac:dyDescent="0.2">
      <c r="A90" s="31" t="s">
        <v>63</v>
      </c>
      <c r="B90" s="27">
        <v>74</v>
      </c>
      <c r="C90" s="28">
        <v>93</v>
      </c>
      <c r="D90" s="29">
        <v>167</v>
      </c>
    </row>
    <row r="91" spans="1:4" ht="18" customHeight="1" x14ac:dyDescent="0.2">
      <c r="A91" s="31">
        <v>70</v>
      </c>
      <c r="B91" s="27">
        <v>24</v>
      </c>
      <c r="C91" s="28">
        <v>19</v>
      </c>
      <c r="D91" s="29">
        <v>43</v>
      </c>
    </row>
    <row r="92" spans="1:4" ht="18" customHeight="1" x14ac:dyDescent="0.2">
      <c r="A92" s="31">
        <v>71</v>
      </c>
      <c r="B92" s="27">
        <v>27</v>
      </c>
      <c r="C92" s="28">
        <v>21</v>
      </c>
      <c r="D92" s="29">
        <v>48</v>
      </c>
    </row>
    <row r="93" spans="1:4" ht="18" customHeight="1" x14ac:dyDescent="0.2">
      <c r="A93" s="31">
        <v>72</v>
      </c>
      <c r="B93" s="27">
        <v>30</v>
      </c>
      <c r="C93" s="28">
        <v>26</v>
      </c>
      <c r="D93" s="29">
        <v>56</v>
      </c>
    </row>
    <row r="94" spans="1:4" ht="18" customHeight="1" x14ac:dyDescent="0.2">
      <c r="A94" s="31">
        <v>73</v>
      </c>
      <c r="B94" s="27">
        <v>11</v>
      </c>
      <c r="C94" s="28">
        <v>17</v>
      </c>
      <c r="D94" s="29">
        <v>28</v>
      </c>
    </row>
    <row r="95" spans="1:4" ht="18" customHeight="1" x14ac:dyDescent="0.2">
      <c r="A95" s="31">
        <v>74</v>
      </c>
      <c r="B95" s="27">
        <v>7</v>
      </c>
      <c r="C95" s="28">
        <v>8</v>
      </c>
      <c r="D95" s="29">
        <v>15</v>
      </c>
    </row>
    <row r="96" spans="1:4" ht="18" customHeight="1" x14ac:dyDescent="0.2">
      <c r="A96" s="31" t="s">
        <v>64</v>
      </c>
      <c r="B96" s="27">
        <v>99</v>
      </c>
      <c r="C96" s="28">
        <v>91</v>
      </c>
      <c r="D96" s="29">
        <v>190</v>
      </c>
    </row>
    <row r="97" spans="1:4" ht="18" customHeight="1" x14ac:dyDescent="0.2">
      <c r="A97" s="31">
        <v>75</v>
      </c>
      <c r="B97" s="27">
        <v>11</v>
      </c>
      <c r="C97" s="28">
        <v>11</v>
      </c>
      <c r="D97" s="29">
        <v>22</v>
      </c>
    </row>
    <row r="98" spans="1:4" ht="18" customHeight="1" x14ac:dyDescent="0.2">
      <c r="A98" s="31">
        <v>76</v>
      </c>
      <c r="B98" s="27">
        <v>9</v>
      </c>
      <c r="C98" s="28">
        <v>15</v>
      </c>
      <c r="D98" s="29">
        <v>24</v>
      </c>
    </row>
    <row r="99" spans="1:4" ht="18" customHeight="1" x14ac:dyDescent="0.2">
      <c r="A99" s="31">
        <v>77</v>
      </c>
      <c r="B99" s="27">
        <v>18</v>
      </c>
      <c r="C99" s="28">
        <v>10</v>
      </c>
      <c r="D99" s="29">
        <v>28</v>
      </c>
    </row>
    <row r="100" spans="1:4" ht="18" customHeight="1" x14ac:dyDescent="0.2">
      <c r="A100" s="31">
        <v>78</v>
      </c>
      <c r="B100" s="27">
        <v>17</v>
      </c>
      <c r="C100" s="28">
        <v>12</v>
      </c>
      <c r="D100" s="29">
        <v>29</v>
      </c>
    </row>
    <row r="101" spans="1:4" ht="18" customHeight="1" x14ac:dyDescent="0.2">
      <c r="A101" s="31">
        <v>79</v>
      </c>
      <c r="B101" s="27">
        <v>11</v>
      </c>
      <c r="C101" s="28">
        <v>11</v>
      </c>
      <c r="D101" s="29">
        <v>22</v>
      </c>
    </row>
    <row r="102" spans="1:4" ht="18" customHeight="1" x14ac:dyDescent="0.2">
      <c r="A102" s="31" t="s">
        <v>65</v>
      </c>
      <c r="B102" s="27">
        <v>66</v>
      </c>
      <c r="C102" s="28">
        <v>59</v>
      </c>
      <c r="D102" s="29">
        <v>125</v>
      </c>
    </row>
    <row r="103" spans="1:4" ht="18" customHeight="1" x14ac:dyDescent="0.2">
      <c r="A103" s="31">
        <v>80</v>
      </c>
      <c r="B103" s="27">
        <v>8</v>
      </c>
      <c r="C103" s="28">
        <v>19</v>
      </c>
      <c r="D103" s="29">
        <v>27</v>
      </c>
    </row>
    <row r="104" spans="1:4" ht="18" customHeight="1" x14ac:dyDescent="0.2">
      <c r="A104" s="31">
        <v>81</v>
      </c>
      <c r="B104" s="27">
        <v>5</v>
      </c>
      <c r="C104" s="28">
        <v>9</v>
      </c>
      <c r="D104" s="29">
        <v>14</v>
      </c>
    </row>
    <row r="105" spans="1:4" ht="18" customHeight="1" x14ac:dyDescent="0.2">
      <c r="A105" s="31">
        <v>82</v>
      </c>
      <c r="B105" s="27">
        <v>7</v>
      </c>
      <c r="C105" s="28">
        <v>15</v>
      </c>
      <c r="D105" s="29">
        <v>22</v>
      </c>
    </row>
    <row r="106" spans="1:4" ht="18" customHeight="1" x14ac:dyDescent="0.2">
      <c r="A106" s="31">
        <v>83</v>
      </c>
      <c r="B106" s="27">
        <v>11</v>
      </c>
      <c r="C106" s="28">
        <v>10</v>
      </c>
      <c r="D106" s="29">
        <v>21</v>
      </c>
    </row>
    <row r="107" spans="1:4" ht="18" customHeight="1" x14ac:dyDescent="0.2">
      <c r="A107" s="31">
        <v>84</v>
      </c>
      <c r="B107" s="27">
        <v>6</v>
      </c>
      <c r="C107" s="28">
        <v>10</v>
      </c>
      <c r="D107" s="29">
        <v>16</v>
      </c>
    </row>
    <row r="108" spans="1:4" ht="18" customHeight="1" x14ac:dyDescent="0.2">
      <c r="A108" s="31" t="s">
        <v>66</v>
      </c>
      <c r="B108" s="27">
        <v>37</v>
      </c>
      <c r="C108" s="28">
        <v>63</v>
      </c>
      <c r="D108" s="29">
        <v>100</v>
      </c>
    </row>
    <row r="109" spans="1:4" ht="18" customHeight="1" x14ac:dyDescent="0.2">
      <c r="A109" s="31">
        <v>85</v>
      </c>
      <c r="B109" s="27">
        <v>4</v>
      </c>
      <c r="C109" s="28">
        <v>4</v>
      </c>
      <c r="D109" s="29">
        <v>8</v>
      </c>
    </row>
    <row r="110" spans="1:4" ht="18" customHeight="1" x14ac:dyDescent="0.2">
      <c r="A110" s="31">
        <v>86</v>
      </c>
      <c r="B110" s="27">
        <v>4</v>
      </c>
      <c r="C110" s="28">
        <v>14</v>
      </c>
      <c r="D110" s="29">
        <v>18</v>
      </c>
    </row>
    <row r="111" spans="1:4" ht="18" customHeight="1" x14ac:dyDescent="0.2">
      <c r="A111" s="31">
        <v>87</v>
      </c>
      <c r="B111" s="27">
        <v>2</v>
      </c>
      <c r="C111" s="28">
        <v>12</v>
      </c>
      <c r="D111" s="29">
        <v>14</v>
      </c>
    </row>
    <row r="112" spans="1:4" ht="18" customHeight="1" x14ac:dyDescent="0.2">
      <c r="A112" s="31">
        <v>88</v>
      </c>
      <c r="B112" s="27">
        <v>3</v>
      </c>
      <c r="C112" s="28">
        <v>7</v>
      </c>
      <c r="D112" s="29">
        <v>10</v>
      </c>
    </row>
    <row r="113" spans="1:4" ht="18" customHeight="1" x14ac:dyDescent="0.2">
      <c r="A113" s="31">
        <v>89</v>
      </c>
      <c r="B113" s="27">
        <v>3</v>
      </c>
      <c r="C113" s="28">
        <v>11</v>
      </c>
      <c r="D113" s="29">
        <v>14</v>
      </c>
    </row>
    <row r="114" spans="1:4" ht="18" customHeight="1" x14ac:dyDescent="0.2">
      <c r="A114" s="31" t="s">
        <v>67</v>
      </c>
      <c r="B114" s="27">
        <v>16</v>
      </c>
      <c r="C114" s="28">
        <v>48</v>
      </c>
      <c r="D114" s="29">
        <v>64</v>
      </c>
    </row>
    <row r="115" spans="1:4" ht="18" customHeight="1" x14ac:dyDescent="0.2">
      <c r="A115" s="31">
        <v>90</v>
      </c>
      <c r="B115" s="27">
        <v>4</v>
      </c>
      <c r="C115" s="28">
        <v>10</v>
      </c>
      <c r="D115" s="29">
        <v>14</v>
      </c>
    </row>
    <row r="116" spans="1:4" ht="18" customHeight="1" x14ac:dyDescent="0.2">
      <c r="A116" s="31">
        <v>91</v>
      </c>
      <c r="B116" s="27">
        <v>3</v>
      </c>
      <c r="C116" s="28">
        <v>7</v>
      </c>
      <c r="D116" s="29">
        <v>10</v>
      </c>
    </row>
    <row r="117" spans="1:4" ht="18" customHeight="1" x14ac:dyDescent="0.2">
      <c r="A117" s="31">
        <v>92</v>
      </c>
      <c r="B117" s="27">
        <v>1</v>
      </c>
      <c r="C117" s="28">
        <v>5</v>
      </c>
      <c r="D117" s="29">
        <v>6</v>
      </c>
    </row>
    <row r="118" spans="1:4" ht="18" customHeight="1" x14ac:dyDescent="0.2">
      <c r="A118" s="31">
        <v>93</v>
      </c>
      <c r="B118" s="27">
        <v>4</v>
      </c>
      <c r="C118" s="28">
        <v>5</v>
      </c>
      <c r="D118" s="29">
        <v>9</v>
      </c>
    </row>
    <row r="119" spans="1:4" ht="18" customHeight="1" x14ac:dyDescent="0.2">
      <c r="A119" s="31">
        <v>94</v>
      </c>
      <c r="B119" s="27">
        <v>3</v>
      </c>
      <c r="C119" s="28">
        <v>5</v>
      </c>
      <c r="D119" s="29">
        <v>8</v>
      </c>
    </row>
    <row r="120" spans="1:4" ht="18" customHeight="1" x14ac:dyDescent="0.2">
      <c r="A120" s="31" t="s">
        <v>68</v>
      </c>
      <c r="B120" s="27">
        <v>15</v>
      </c>
      <c r="C120" s="28">
        <v>32</v>
      </c>
      <c r="D120" s="29">
        <v>47</v>
      </c>
    </row>
    <row r="121" spans="1:4" ht="18" customHeight="1" x14ac:dyDescent="0.2">
      <c r="A121" s="31">
        <v>95</v>
      </c>
      <c r="B121" s="27">
        <v>0</v>
      </c>
      <c r="C121" s="28">
        <v>6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9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307</v>
      </c>
      <c r="C130" s="5">
        <v>398</v>
      </c>
      <c r="D130" s="6">
        <v>705</v>
      </c>
    </row>
    <row r="131" spans="1:4" ht="18" customHeight="1" x14ac:dyDescent="0.2">
      <c r="A131" s="33" t="s">
        <v>47</v>
      </c>
      <c r="B131" s="7">
        <v>1107</v>
      </c>
      <c r="C131" s="8">
        <v>1169</v>
      </c>
      <c r="D131" s="9">
        <v>227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8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7</v>
      </c>
      <c r="C5" s="37">
        <v>16</v>
      </c>
      <c r="D5" s="39">
        <v>33</v>
      </c>
    </row>
    <row r="6" spans="1:4" ht="18" customHeight="1" x14ac:dyDescent="0.2">
      <c r="A6" s="31">
        <v>1</v>
      </c>
      <c r="B6" s="35">
        <v>21</v>
      </c>
      <c r="C6" s="28">
        <v>19</v>
      </c>
      <c r="D6" s="29">
        <v>40</v>
      </c>
    </row>
    <row r="7" spans="1:4" ht="18" customHeight="1" x14ac:dyDescent="0.2">
      <c r="A7" s="31">
        <v>2</v>
      </c>
      <c r="B7" s="35">
        <v>25</v>
      </c>
      <c r="C7" s="28">
        <v>19</v>
      </c>
      <c r="D7" s="29">
        <v>44</v>
      </c>
    </row>
    <row r="8" spans="1:4" ht="18" customHeight="1" x14ac:dyDescent="0.2">
      <c r="A8" s="31">
        <v>3</v>
      </c>
      <c r="B8" s="35">
        <v>8</v>
      </c>
      <c r="C8" s="28">
        <v>11</v>
      </c>
      <c r="D8" s="29">
        <v>19</v>
      </c>
    </row>
    <row r="9" spans="1:4" ht="18" customHeight="1" x14ac:dyDescent="0.2">
      <c r="A9" s="31">
        <v>4</v>
      </c>
      <c r="B9" s="36">
        <v>18</v>
      </c>
      <c r="C9" s="38">
        <v>14</v>
      </c>
      <c r="D9" s="40">
        <v>32</v>
      </c>
    </row>
    <row r="10" spans="1:4" ht="18" customHeight="1" x14ac:dyDescent="0.2">
      <c r="A10" s="31" t="s">
        <v>48</v>
      </c>
      <c r="B10" s="27">
        <v>89</v>
      </c>
      <c r="C10" s="28">
        <v>79</v>
      </c>
      <c r="D10" s="29">
        <v>168</v>
      </c>
    </row>
    <row r="11" spans="1:4" ht="18" customHeight="1" x14ac:dyDescent="0.2">
      <c r="A11" s="31">
        <v>5</v>
      </c>
      <c r="B11" s="35">
        <v>19</v>
      </c>
      <c r="C11" s="28">
        <v>14</v>
      </c>
      <c r="D11" s="29">
        <v>33</v>
      </c>
    </row>
    <row r="12" spans="1:4" ht="18" customHeight="1" x14ac:dyDescent="0.2">
      <c r="A12" s="31">
        <v>6</v>
      </c>
      <c r="B12" s="35">
        <v>21</v>
      </c>
      <c r="C12" s="28">
        <v>13</v>
      </c>
      <c r="D12" s="29">
        <v>34</v>
      </c>
    </row>
    <row r="13" spans="1:4" ht="18" customHeight="1" x14ac:dyDescent="0.2">
      <c r="A13" s="31">
        <v>7</v>
      </c>
      <c r="B13" s="35">
        <v>17</v>
      </c>
      <c r="C13" s="28">
        <v>14</v>
      </c>
      <c r="D13" s="29">
        <v>31</v>
      </c>
    </row>
    <row r="14" spans="1:4" ht="18" customHeight="1" x14ac:dyDescent="0.2">
      <c r="A14" s="31">
        <v>8</v>
      </c>
      <c r="B14" s="35">
        <v>10</v>
      </c>
      <c r="C14" s="28">
        <v>14</v>
      </c>
      <c r="D14" s="29">
        <v>24</v>
      </c>
    </row>
    <row r="15" spans="1:4" ht="18" customHeight="1" x14ac:dyDescent="0.2">
      <c r="A15" s="31">
        <v>9</v>
      </c>
      <c r="B15" s="35">
        <v>14</v>
      </c>
      <c r="C15" s="28">
        <v>16</v>
      </c>
      <c r="D15" s="29">
        <v>30</v>
      </c>
    </row>
    <row r="16" spans="1:4" ht="18" customHeight="1" x14ac:dyDescent="0.2">
      <c r="A16" s="31" t="s">
        <v>49</v>
      </c>
      <c r="B16" s="27">
        <v>81</v>
      </c>
      <c r="C16" s="28">
        <v>71</v>
      </c>
      <c r="D16" s="29">
        <v>152</v>
      </c>
    </row>
    <row r="17" spans="1:4" ht="18" customHeight="1" x14ac:dyDescent="0.2">
      <c r="A17" s="31">
        <v>10</v>
      </c>
      <c r="B17" s="27">
        <v>14</v>
      </c>
      <c r="C17" s="28">
        <v>21</v>
      </c>
      <c r="D17" s="29">
        <v>35</v>
      </c>
    </row>
    <row r="18" spans="1:4" ht="18" customHeight="1" x14ac:dyDescent="0.2">
      <c r="A18" s="31">
        <v>11</v>
      </c>
      <c r="B18" s="27">
        <v>16</v>
      </c>
      <c r="C18" s="28">
        <v>15</v>
      </c>
      <c r="D18" s="29">
        <v>31</v>
      </c>
    </row>
    <row r="19" spans="1:4" ht="18" customHeight="1" x14ac:dyDescent="0.2">
      <c r="A19" s="31">
        <v>12</v>
      </c>
      <c r="B19" s="27">
        <v>15</v>
      </c>
      <c r="C19" s="28">
        <v>14</v>
      </c>
      <c r="D19" s="29">
        <v>29</v>
      </c>
    </row>
    <row r="20" spans="1:4" ht="18" customHeight="1" x14ac:dyDescent="0.2">
      <c r="A20" s="31">
        <v>13</v>
      </c>
      <c r="B20" s="27">
        <v>17</v>
      </c>
      <c r="C20" s="28">
        <v>13</v>
      </c>
      <c r="D20" s="29">
        <v>30</v>
      </c>
    </row>
    <row r="21" spans="1:4" ht="18" customHeight="1" x14ac:dyDescent="0.2">
      <c r="A21" s="31">
        <v>14</v>
      </c>
      <c r="B21" s="27">
        <v>13</v>
      </c>
      <c r="C21" s="28">
        <v>14</v>
      </c>
      <c r="D21" s="29">
        <v>27</v>
      </c>
    </row>
    <row r="22" spans="1:4" ht="18" customHeight="1" x14ac:dyDescent="0.2">
      <c r="A22" s="31" t="s">
        <v>50</v>
      </c>
      <c r="B22" s="27">
        <v>75</v>
      </c>
      <c r="C22" s="28">
        <v>77</v>
      </c>
      <c r="D22" s="29">
        <v>152</v>
      </c>
    </row>
    <row r="23" spans="1:4" ht="18" customHeight="1" x14ac:dyDescent="0.2">
      <c r="A23" s="31" t="s">
        <v>51</v>
      </c>
      <c r="B23" s="27">
        <v>245</v>
      </c>
      <c r="C23" s="28">
        <v>227</v>
      </c>
      <c r="D23" s="29">
        <v>472</v>
      </c>
    </row>
    <row r="24" spans="1:4" ht="18" customHeight="1" x14ac:dyDescent="0.2">
      <c r="A24" s="31">
        <v>15</v>
      </c>
      <c r="B24" s="27">
        <v>20</v>
      </c>
      <c r="C24" s="28">
        <v>7</v>
      </c>
      <c r="D24" s="29">
        <v>27</v>
      </c>
    </row>
    <row r="25" spans="1:4" ht="18" customHeight="1" x14ac:dyDescent="0.2">
      <c r="A25" s="31">
        <v>16</v>
      </c>
      <c r="B25" s="27">
        <v>16</v>
      </c>
      <c r="C25" s="28">
        <v>14</v>
      </c>
      <c r="D25" s="29">
        <v>30</v>
      </c>
    </row>
    <row r="26" spans="1:4" ht="18" customHeight="1" x14ac:dyDescent="0.2">
      <c r="A26" s="31">
        <v>17</v>
      </c>
      <c r="B26" s="27">
        <v>21</v>
      </c>
      <c r="C26" s="28">
        <v>14</v>
      </c>
      <c r="D26" s="29">
        <v>35</v>
      </c>
    </row>
    <row r="27" spans="1:4" ht="18" customHeight="1" x14ac:dyDescent="0.2">
      <c r="A27" s="31">
        <v>18</v>
      </c>
      <c r="B27" s="27">
        <v>20</v>
      </c>
      <c r="C27" s="28">
        <v>18</v>
      </c>
      <c r="D27" s="29">
        <v>38</v>
      </c>
    </row>
    <row r="28" spans="1:4" ht="18" customHeight="1" x14ac:dyDescent="0.2">
      <c r="A28" s="31">
        <v>19</v>
      </c>
      <c r="B28" s="27">
        <v>17</v>
      </c>
      <c r="C28" s="28">
        <v>9</v>
      </c>
      <c r="D28" s="29">
        <v>26</v>
      </c>
    </row>
    <row r="29" spans="1:4" ht="18" customHeight="1" x14ac:dyDescent="0.2">
      <c r="A29" s="31" t="s">
        <v>52</v>
      </c>
      <c r="B29" s="27">
        <v>94</v>
      </c>
      <c r="C29" s="28">
        <v>62</v>
      </c>
      <c r="D29" s="29">
        <v>156</v>
      </c>
    </row>
    <row r="30" spans="1:4" ht="18" customHeight="1" x14ac:dyDescent="0.2">
      <c r="A30" s="31">
        <v>20</v>
      </c>
      <c r="B30" s="27">
        <v>6</v>
      </c>
      <c r="C30" s="28">
        <v>16</v>
      </c>
      <c r="D30" s="29">
        <v>22</v>
      </c>
    </row>
    <row r="31" spans="1:4" ht="18" customHeight="1" x14ac:dyDescent="0.2">
      <c r="A31" s="31">
        <v>21</v>
      </c>
      <c r="B31" s="27">
        <v>7</v>
      </c>
      <c r="C31" s="28">
        <v>15</v>
      </c>
      <c r="D31" s="29">
        <v>22</v>
      </c>
    </row>
    <row r="32" spans="1:4" ht="18" customHeight="1" x14ac:dyDescent="0.2">
      <c r="A32" s="31">
        <v>22</v>
      </c>
      <c r="B32" s="27">
        <v>6</v>
      </c>
      <c r="C32" s="28">
        <v>10</v>
      </c>
      <c r="D32" s="29">
        <v>16</v>
      </c>
    </row>
    <row r="33" spans="1:4" ht="18" customHeight="1" x14ac:dyDescent="0.2">
      <c r="A33" s="31">
        <v>23</v>
      </c>
      <c r="B33" s="27">
        <v>16</v>
      </c>
      <c r="C33" s="28">
        <v>17</v>
      </c>
      <c r="D33" s="29">
        <v>33</v>
      </c>
    </row>
    <row r="34" spans="1:4" ht="18" customHeight="1" x14ac:dyDescent="0.2">
      <c r="A34" s="31">
        <v>24</v>
      </c>
      <c r="B34" s="27">
        <v>10</v>
      </c>
      <c r="C34" s="28">
        <v>18</v>
      </c>
      <c r="D34" s="29">
        <v>28</v>
      </c>
    </row>
    <row r="35" spans="1:4" ht="18" customHeight="1" x14ac:dyDescent="0.2">
      <c r="A35" s="31" t="s">
        <v>53</v>
      </c>
      <c r="B35" s="27">
        <v>45</v>
      </c>
      <c r="C35" s="28">
        <v>76</v>
      </c>
      <c r="D35" s="29">
        <v>121</v>
      </c>
    </row>
    <row r="36" spans="1:4" ht="18" customHeight="1" x14ac:dyDescent="0.2">
      <c r="A36" s="31">
        <v>25</v>
      </c>
      <c r="B36" s="27">
        <v>28</v>
      </c>
      <c r="C36" s="28">
        <v>21</v>
      </c>
      <c r="D36" s="29">
        <v>49</v>
      </c>
    </row>
    <row r="37" spans="1:4" ht="18" customHeight="1" x14ac:dyDescent="0.2">
      <c r="A37" s="31">
        <v>26</v>
      </c>
      <c r="B37" s="27">
        <v>18</v>
      </c>
      <c r="C37" s="28">
        <v>21</v>
      </c>
      <c r="D37" s="29">
        <v>39</v>
      </c>
    </row>
    <row r="38" spans="1:4" ht="18" customHeight="1" x14ac:dyDescent="0.2">
      <c r="A38" s="31">
        <v>27</v>
      </c>
      <c r="B38" s="27">
        <v>18</v>
      </c>
      <c r="C38" s="28">
        <v>22</v>
      </c>
      <c r="D38" s="29">
        <v>40</v>
      </c>
    </row>
    <row r="39" spans="1:4" ht="18" customHeight="1" x14ac:dyDescent="0.2">
      <c r="A39" s="31">
        <v>28</v>
      </c>
      <c r="B39" s="27">
        <v>14</v>
      </c>
      <c r="C39" s="28">
        <v>24</v>
      </c>
      <c r="D39" s="29">
        <v>38</v>
      </c>
    </row>
    <row r="40" spans="1:4" ht="18" customHeight="1" x14ac:dyDescent="0.2">
      <c r="A40" s="31">
        <v>29</v>
      </c>
      <c r="B40" s="27">
        <v>16</v>
      </c>
      <c r="C40" s="28">
        <v>16</v>
      </c>
      <c r="D40" s="29">
        <v>32</v>
      </c>
    </row>
    <row r="41" spans="1:4" ht="18" customHeight="1" x14ac:dyDescent="0.2">
      <c r="A41" s="31" t="s">
        <v>54</v>
      </c>
      <c r="B41" s="27">
        <v>94</v>
      </c>
      <c r="C41" s="28">
        <v>104</v>
      </c>
      <c r="D41" s="29">
        <v>198</v>
      </c>
    </row>
    <row r="42" spans="1:4" ht="18" customHeight="1" x14ac:dyDescent="0.2">
      <c r="A42" s="31">
        <v>30</v>
      </c>
      <c r="B42" s="27">
        <v>23</v>
      </c>
      <c r="C42" s="28">
        <v>21</v>
      </c>
      <c r="D42" s="29">
        <v>44</v>
      </c>
    </row>
    <row r="43" spans="1:4" ht="18" customHeight="1" x14ac:dyDescent="0.2">
      <c r="A43" s="31">
        <v>31</v>
      </c>
      <c r="B43" s="27">
        <v>24</v>
      </c>
      <c r="C43" s="28">
        <v>15</v>
      </c>
      <c r="D43" s="29">
        <v>39</v>
      </c>
    </row>
    <row r="44" spans="1:4" ht="18" customHeight="1" x14ac:dyDescent="0.2">
      <c r="A44" s="31">
        <v>32</v>
      </c>
      <c r="B44" s="27">
        <v>17</v>
      </c>
      <c r="C44" s="28">
        <v>22</v>
      </c>
      <c r="D44" s="29">
        <v>39</v>
      </c>
    </row>
    <row r="45" spans="1:4" ht="18" customHeight="1" x14ac:dyDescent="0.2">
      <c r="A45" s="31">
        <v>33</v>
      </c>
      <c r="B45" s="27">
        <v>27</v>
      </c>
      <c r="C45" s="28">
        <v>22</v>
      </c>
      <c r="D45" s="29">
        <v>49</v>
      </c>
    </row>
    <row r="46" spans="1:4" ht="18" customHeight="1" x14ac:dyDescent="0.2">
      <c r="A46" s="31">
        <v>34</v>
      </c>
      <c r="B46" s="27">
        <v>23</v>
      </c>
      <c r="C46" s="28">
        <v>24</v>
      </c>
      <c r="D46" s="29">
        <v>47</v>
      </c>
    </row>
    <row r="47" spans="1:4" ht="18" customHeight="1" x14ac:dyDescent="0.2">
      <c r="A47" s="31" t="s">
        <v>55</v>
      </c>
      <c r="B47" s="27">
        <v>114</v>
      </c>
      <c r="C47" s="28">
        <v>104</v>
      </c>
      <c r="D47" s="29">
        <v>218</v>
      </c>
    </row>
    <row r="48" spans="1:4" ht="18" customHeight="1" x14ac:dyDescent="0.2">
      <c r="A48" s="31">
        <v>35</v>
      </c>
      <c r="B48" s="27">
        <v>19</v>
      </c>
      <c r="C48" s="28">
        <v>29</v>
      </c>
      <c r="D48" s="29">
        <v>48</v>
      </c>
    </row>
    <row r="49" spans="1:4" ht="18" customHeight="1" x14ac:dyDescent="0.2">
      <c r="A49" s="31">
        <v>36</v>
      </c>
      <c r="B49" s="27">
        <v>23</v>
      </c>
      <c r="C49" s="28">
        <v>11</v>
      </c>
      <c r="D49" s="29">
        <v>34</v>
      </c>
    </row>
    <row r="50" spans="1:4" ht="18" customHeight="1" x14ac:dyDescent="0.2">
      <c r="A50" s="31">
        <v>37</v>
      </c>
      <c r="B50" s="27">
        <v>28</v>
      </c>
      <c r="C50" s="28">
        <v>19</v>
      </c>
      <c r="D50" s="29">
        <v>47</v>
      </c>
    </row>
    <row r="51" spans="1:4" ht="18" customHeight="1" x14ac:dyDescent="0.2">
      <c r="A51" s="31">
        <v>38</v>
      </c>
      <c r="B51" s="27">
        <v>20</v>
      </c>
      <c r="C51" s="28">
        <v>30</v>
      </c>
      <c r="D51" s="29">
        <v>50</v>
      </c>
    </row>
    <row r="52" spans="1:4" ht="18" customHeight="1" x14ac:dyDescent="0.2">
      <c r="A52" s="31">
        <v>39</v>
      </c>
      <c r="B52" s="27">
        <v>26</v>
      </c>
      <c r="C52" s="28">
        <v>17</v>
      </c>
      <c r="D52" s="29">
        <v>43</v>
      </c>
    </row>
    <row r="53" spans="1:4" ht="18" customHeight="1" x14ac:dyDescent="0.2">
      <c r="A53" s="31" t="s">
        <v>56</v>
      </c>
      <c r="B53" s="27">
        <v>116</v>
      </c>
      <c r="C53" s="28">
        <v>106</v>
      </c>
      <c r="D53" s="29">
        <v>222</v>
      </c>
    </row>
    <row r="54" spans="1:4" ht="18" customHeight="1" x14ac:dyDescent="0.2">
      <c r="A54" s="31">
        <v>40</v>
      </c>
      <c r="B54" s="27">
        <v>23</v>
      </c>
      <c r="C54" s="28">
        <v>30</v>
      </c>
      <c r="D54" s="29">
        <v>53</v>
      </c>
    </row>
    <row r="55" spans="1:4" ht="18" customHeight="1" x14ac:dyDescent="0.2">
      <c r="A55" s="31">
        <v>41</v>
      </c>
      <c r="B55" s="27">
        <v>31</v>
      </c>
      <c r="C55" s="28">
        <v>23</v>
      </c>
      <c r="D55" s="29">
        <v>54</v>
      </c>
    </row>
    <row r="56" spans="1:4" ht="18" customHeight="1" x14ac:dyDescent="0.2">
      <c r="A56" s="31">
        <v>42</v>
      </c>
      <c r="B56" s="27">
        <v>44</v>
      </c>
      <c r="C56" s="28">
        <v>26</v>
      </c>
      <c r="D56" s="29">
        <v>70</v>
      </c>
    </row>
    <row r="57" spans="1:4" ht="18" customHeight="1" x14ac:dyDescent="0.2">
      <c r="A57" s="31">
        <v>43</v>
      </c>
      <c r="B57" s="27">
        <v>27</v>
      </c>
      <c r="C57" s="28">
        <v>22</v>
      </c>
      <c r="D57" s="29">
        <v>49</v>
      </c>
    </row>
    <row r="58" spans="1:4" ht="18" customHeight="1" x14ac:dyDescent="0.2">
      <c r="A58" s="31">
        <v>44</v>
      </c>
      <c r="B58" s="27">
        <v>35</v>
      </c>
      <c r="C58" s="28">
        <v>28</v>
      </c>
      <c r="D58" s="29">
        <v>63</v>
      </c>
    </row>
    <row r="59" spans="1:4" ht="18" customHeight="1" x14ac:dyDescent="0.2">
      <c r="A59" s="31" t="s">
        <v>57</v>
      </c>
      <c r="B59" s="27">
        <v>160</v>
      </c>
      <c r="C59" s="28">
        <v>129</v>
      </c>
      <c r="D59" s="29">
        <v>289</v>
      </c>
    </row>
    <row r="60" spans="1:4" ht="18" customHeight="1" x14ac:dyDescent="0.2">
      <c r="A60" s="31">
        <v>45</v>
      </c>
      <c r="B60" s="27">
        <v>29</v>
      </c>
      <c r="C60" s="28">
        <v>34</v>
      </c>
      <c r="D60" s="29">
        <v>63</v>
      </c>
    </row>
    <row r="61" spans="1:4" ht="18" customHeight="1" x14ac:dyDescent="0.2">
      <c r="A61" s="31">
        <v>46</v>
      </c>
      <c r="B61" s="27">
        <v>37</v>
      </c>
      <c r="C61" s="28">
        <v>34</v>
      </c>
      <c r="D61" s="29">
        <v>71</v>
      </c>
    </row>
    <row r="62" spans="1:4" ht="18" customHeight="1" x14ac:dyDescent="0.2">
      <c r="A62" s="31">
        <v>47</v>
      </c>
      <c r="B62" s="27">
        <v>21</v>
      </c>
      <c r="C62" s="28">
        <v>14</v>
      </c>
      <c r="D62" s="29">
        <v>35</v>
      </c>
    </row>
    <row r="63" spans="1:4" ht="18" customHeight="1" x14ac:dyDescent="0.2">
      <c r="A63" s="31">
        <v>48</v>
      </c>
      <c r="B63" s="27">
        <v>22</v>
      </c>
      <c r="C63" s="28">
        <v>17</v>
      </c>
      <c r="D63" s="29">
        <v>39</v>
      </c>
    </row>
    <row r="64" spans="1:4" ht="18" customHeight="1" x14ac:dyDescent="0.2">
      <c r="A64" s="31">
        <v>49</v>
      </c>
      <c r="B64" s="27">
        <v>11</v>
      </c>
      <c r="C64" s="28">
        <v>25</v>
      </c>
      <c r="D64" s="29">
        <v>36</v>
      </c>
    </row>
    <row r="65" spans="1:4" ht="18" customHeight="1" x14ac:dyDescent="0.2">
      <c r="A65" s="31" t="s">
        <v>58</v>
      </c>
      <c r="B65" s="27">
        <v>120</v>
      </c>
      <c r="C65" s="28">
        <v>124</v>
      </c>
      <c r="D65" s="29">
        <v>244</v>
      </c>
    </row>
    <row r="66" spans="1:4" ht="18" customHeight="1" x14ac:dyDescent="0.2">
      <c r="A66" s="31">
        <v>50</v>
      </c>
      <c r="B66" s="27">
        <v>25</v>
      </c>
      <c r="C66" s="28">
        <v>22</v>
      </c>
      <c r="D66" s="29">
        <v>47</v>
      </c>
    </row>
    <row r="67" spans="1:4" ht="18" customHeight="1" x14ac:dyDescent="0.2">
      <c r="A67" s="31">
        <v>51</v>
      </c>
      <c r="B67" s="27">
        <v>17</v>
      </c>
      <c r="C67" s="28">
        <v>22</v>
      </c>
      <c r="D67" s="29">
        <v>39</v>
      </c>
    </row>
    <row r="68" spans="1:4" ht="18" customHeight="1" x14ac:dyDescent="0.2">
      <c r="A68" s="31">
        <v>52</v>
      </c>
      <c r="B68" s="27">
        <v>12</v>
      </c>
      <c r="C68" s="28">
        <v>18</v>
      </c>
      <c r="D68" s="29">
        <v>30</v>
      </c>
    </row>
    <row r="69" spans="1:4" ht="18" customHeight="1" x14ac:dyDescent="0.2">
      <c r="A69" s="31">
        <v>53</v>
      </c>
      <c r="B69" s="27">
        <v>24</v>
      </c>
      <c r="C69" s="28">
        <v>12</v>
      </c>
      <c r="D69" s="29">
        <v>36</v>
      </c>
    </row>
    <row r="70" spans="1:4" ht="18" customHeight="1" x14ac:dyDescent="0.2">
      <c r="A70" s="31">
        <v>54</v>
      </c>
      <c r="B70" s="27">
        <v>16</v>
      </c>
      <c r="C70" s="28">
        <v>20</v>
      </c>
      <c r="D70" s="29">
        <v>36</v>
      </c>
    </row>
    <row r="71" spans="1:4" ht="18" customHeight="1" x14ac:dyDescent="0.2">
      <c r="A71" s="31" t="s">
        <v>59</v>
      </c>
      <c r="B71" s="27">
        <v>94</v>
      </c>
      <c r="C71" s="28">
        <v>94</v>
      </c>
      <c r="D71" s="29">
        <v>188</v>
      </c>
    </row>
    <row r="72" spans="1:4" ht="18" customHeight="1" x14ac:dyDescent="0.2">
      <c r="A72" s="31">
        <v>55</v>
      </c>
      <c r="B72" s="27">
        <v>19</v>
      </c>
      <c r="C72" s="28">
        <v>15</v>
      </c>
      <c r="D72" s="29">
        <v>34</v>
      </c>
    </row>
    <row r="73" spans="1:4" ht="18" customHeight="1" x14ac:dyDescent="0.2">
      <c r="A73" s="31">
        <v>56</v>
      </c>
      <c r="B73" s="27">
        <v>15</v>
      </c>
      <c r="C73" s="28">
        <v>19</v>
      </c>
      <c r="D73" s="29">
        <v>34</v>
      </c>
    </row>
    <row r="74" spans="1:4" ht="18" customHeight="1" x14ac:dyDescent="0.2">
      <c r="A74" s="31">
        <v>57</v>
      </c>
      <c r="B74" s="27">
        <v>24</v>
      </c>
      <c r="C74" s="28">
        <v>21</v>
      </c>
      <c r="D74" s="29">
        <v>45</v>
      </c>
    </row>
    <row r="75" spans="1:4" ht="18" customHeight="1" x14ac:dyDescent="0.2">
      <c r="A75" s="31">
        <v>58</v>
      </c>
      <c r="B75" s="27">
        <v>13</v>
      </c>
      <c r="C75" s="28">
        <v>17</v>
      </c>
      <c r="D75" s="29">
        <v>30</v>
      </c>
    </row>
    <row r="76" spans="1:4" ht="18" customHeight="1" x14ac:dyDescent="0.2">
      <c r="A76" s="31">
        <v>59</v>
      </c>
      <c r="B76" s="27">
        <v>19</v>
      </c>
      <c r="C76" s="28">
        <v>23</v>
      </c>
      <c r="D76" s="29">
        <v>42</v>
      </c>
    </row>
    <row r="77" spans="1:4" ht="18" customHeight="1" x14ac:dyDescent="0.2">
      <c r="A77" s="31" t="s">
        <v>60</v>
      </c>
      <c r="B77" s="27">
        <v>90</v>
      </c>
      <c r="C77" s="28">
        <v>95</v>
      </c>
      <c r="D77" s="29">
        <v>185</v>
      </c>
    </row>
    <row r="78" spans="1:4" ht="18" customHeight="1" x14ac:dyDescent="0.2">
      <c r="A78" s="31">
        <v>60</v>
      </c>
      <c r="B78" s="27">
        <v>14</v>
      </c>
      <c r="C78" s="28">
        <v>23</v>
      </c>
      <c r="D78" s="29">
        <v>37</v>
      </c>
    </row>
    <row r="79" spans="1:4" ht="18" customHeight="1" x14ac:dyDescent="0.2">
      <c r="A79" s="31">
        <v>61</v>
      </c>
      <c r="B79" s="27">
        <v>13</v>
      </c>
      <c r="C79" s="28">
        <v>16</v>
      </c>
      <c r="D79" s="29">
        <v>29</v>
      </c>
    </row>
    <row r="80" spans="1:4" ht="18" customHeight="1" x14ac:dyDescent="0.2">
      <c r="A80" s="31">
        <v>62</v>
      </c>
      <c r="B80" s="27">
        <v>13</v>
      </c>
      <c r="C80" s="28">
        <v>35</v>
      </c>
      <c r="D80" s="29">
        <v>48</v>
      </c>
    </row>
    <row r="81" spans="1:4" ht="18" customHeight="1" x14ac:dyDescent="0.2">
      <c r="A81" s="31">
        <v>63</v>
      </c>
      <c r="B81" s="27">
        <v>23</v>
      </c>
      <c r="C81" s="28">
        <v>19</v>
      </c>
      <c r="D81" s="29">
        <v>42</v>
      </c>
    </row>
    <row r="82" spans="1:4" ht="18" customHeight="1" x14ac:dyDescent="0.2">
      <c r="A82" s="31">
        <v>64</v>
      </c>
      <c r="B82" s="27">
        <v>19</v>
      </c>
      <c r="C82" s="28">
        <v>22</v>
      </c>
      <c r="D82" s="29">
        <v>41</v>
      </c>
    </row>
    <row r="83" spans="1:4" ht="18" customHeight="1" x14ac:dyDescent="0.2">
      <c r="A83" s="31" t="s">
        <v>61</v>
      </c>
      <c r="B83" s="27">
        <v>82</v>
      </c>
      <c r="C83" s="28">
        <v>115</v>
      </c>
      <c r="D83" s="29">
        <v>197</v>
      </c>
    </row>
    <row r="84" spans="1:4" ht="18" customHeight="1" x14ac:dyDescent="0.2">
      <c r="A84" s="31" t="s">
        <v>62</v>
      </c>
      <c r="B84" s="27">
        <v>1009</v>
      </c>
      <c r="C84" s="28">
        <v>1009</v>
      </c>
      <c r="D84" s="29">
        <v>2018</v>
      </c>
    </row>
    <row r="85" spans="1:4" ht="18" customHeight="1" x14ac:dyDescent="0.2">
      <c r="A85" s="31">
        <v>65</v>
      </c>
      <c r="B85" s="27">
        <v>25</v>
      </c>
      <c r="C85" s="28">
        <v>27</v>
      </c>
      <c r="D85" s="29">
        <v>52</v>
      </c>
    </row>
    <row r="86" spans="1:4" ht="18" customHeight="1" x14ac:dyDescent="0.2">
      <c r="A86" s="31">
        <v>66</v>
      </c>
      <c r="B86" s="27">
        <v>25</v>
      </c>
      <c r="C86" s="28">
        <v>26</v>
      </c>
      <c r="D86" s="29">
        <v>51</v>
      </c>
    </row>
    <row r="87" spans="1:4" ht="18" customHeight="1" x14ac:dyDescent="0.2">
      <c r="A87" s="31">
        <v>67</v>
      </c>
      <c r="B87" s="27">
        <v>33</v>
      </c>
      <c r="C87" s="28">
        <v>28</v>
      </c>
      <c r="D87" s="29">
        <v>61</v>
      </c>
    </row>
    <row r="88" spans="1:4" ht="18" customHeight="1" x14ac:dyDescent="0.2">
      <c r="A88" s="31">
        <v>68</v>
      </c>
      <c r="B88" s="27">
        <v>24</v>
      </c>
      <c r="C88" s="28">
        <v>44</v>
      </c>
      <c r="D88" s="29">
        <v>68</v>
      </c>
    </row>
    <row r="89" spans="1:4" ht="18" customHeight="1" x14ac:dyDescent="0.2">
      <c r="A89" s="31">
        <v>69</v>
      </c>
      <c r="B89" s="27">
        <v>34</v>
      </c>
      <c r="C89" s="28">
        <v>27</v>
      </c>
      <c r="D89" s="29">
        <v>61</v>
      </c>
    </row>
    <row r="90" spans="1:4" ht="18" customHeight="1" x14ac:dyDescent="0.2">
      <c r="A90" s="31" t="s">
        <v>63</v>
      </c>
      <c r="B90" s="27">
        <v>141</v>
      </c>
      <c r="C90" s="28">
        <v>152</v>
      </c>
      <c r="D90" s="29">
        <v>293</v>
      </c>
    </row>
    <row r="91" spans="1:4" ht="18" customHeight="1" x14ac:dyDescent="0.2">
      <c r="A91" s="31">
        <v>70</v>
      </c>
      <c r="B91" s="27">
        <v>35</v>
      </c>
      <c r="C91" s="28">
        <v>33</v>
      </c>
      <c r="D91" s="29">
        <v>68</v>
      </c>
    </row>
    <row r="92" spans="1:4" ht="18" customHeight="1" x14ac:dyDescent="0.2">
      <c r="A92" s="31">
        <v>71</v>
      </c>
      <c r="B92" s="27">
        <v>41</v>
      </c>
      <c r="C92" s="28">
        <v>43</v>
      </c>
      <c r="D92" s="29">
        <v>84</v>
      </c>
    </row>
    <row r="93" spans="1:4" ht="18" customHeight="1" x14ac:dyDescent="0.2">
      <c r="A93" s="31">
        <v>72</v>
      </c>
      <c r="B93" s="27">
        <v>33</v>
      </c>
      <c r="C93" s="28">
        <v>29</v>
      </c>
      <c r="D93" s="29">
        <v>62</v>
      </c>
    </row>
    <row r="94" spans="1:4" ht="18" customHeight="1" x14ac:dyDescent="0.2">
      <c r="A94" s="31">
        <v>73</v>
      </c>
      <c r="B94" s="27">
        <v>30</v>
      </c>
      <c r="C94" s="28">
        <v>32</v>
      </c>
      <c r="D94" s="29">
        <v>62</v>
      </c>
    </row>
    <row r="95" spans="1:4" ht="18" customHeight="1" x14ac:dyDescent="0.2">
      <c r="A95" s="31">
        <v>74</v>
      </c>
      <c r="B95" s="27">
        <v>11</v>
      </c>
      <c r="C95" s="28">
        <v>15</v>
      </c>
      <c r="D95" s="29">
        <v>26</v>
      </c>
    </row>
    <row r="96" spans="1:4" ht="18" customHeight="1" x14ac:dyDescent="0.2">
      <c r="A96" s="31" t="s">
        <v>64</v>
      </c>
      <c r="B96" s="27">
        <v>150</v>
      </c>
      <c r="C96" s="28">
        <v>152</v>
      </c>
      <c r="D96" s="29">
        <v>302</v>
      </c>
    </row>
    <row r="97" spans="1:4" ht="18" customHeight="1" x14ac:dyDescent="0.2">
      <c r="A97" s="31">
        <v>75</v>
      </c>
      <c r="B97" s="27">
        <v>21</v>
      </c>
      <c r="C97" s="28">
        <v>16</v>
      </c>
      <c r="D97" s="29">
        <v>37</v>
      </c>
    </row>
    <row r="98" spans="1:4" ht="18" customHeight="1" x14ac:dyDescent="0.2">
      <c r="A98" s="31">
        <v>76</v>
      </c>
      <c r="B98" s="27">
        <v>22</v>
      </c>
      <c r="C98" s="28">
        <v>20</v>
      </c>
      <c r="D98" s="29">
        <v>42</v>
      </c>
    </row>
    <row r="99" spans="1:4" ht="18" customHeight="1" x14ac:dyDescent="0.2">
      <c r="A99" s="31">
        <v>77</v>
      </c>
      <c r="B99" s="27">
        <v>19</v>
      </c>
      <c r="C99" s="28">
        <v>20</v>
      </c>
      <c r="D99" s="29">
        <v>39</v>
      </c>
    </row>
    <row r="100" spans="1:4" ht="18" customHeight="1" x14ac:dyDescent="0.2">
      <c r="A100" s="31">
        <v>78</v>
      </c>
      <c r="B100" s="27">
        <v>18</v>
      </c>
      <c r="C100" s="28">
        <v>16</v>
      </c>
      <c r="D100" s="29">
        <v>34</v>
      </c>
    </row>
    <row r="101" spans="1:4" ht="18" customHeight="1" x14ac:dyDescent="0.2">
      <c r="A101" s="31">
        <v>79</v>
      </c>
      <c r="B101" s="27">
        <v>19</v>
      </c>
      <c r="C101" s="28">
        <v>15</v>
      </c>
      <c r="D101" s="29">
        <v>34</v>
      </c>
    </row>
    <row r="102" spans="1:4" ht="18" customHeight="1" x14ac:dyDescent="0.2">
      <c r="A102" s="31" t="s">
        <v>65</v>
      </c>
      <c r="B102" s="27">
        <v>99</v>
      </c>
      <c r="C102" s="28">
        <v>87</v>
      </c>
      <c r="D102" s="29">
        <v>186</v>
      </c>
    </row>
    <row r="103" spans="1:4" ht="18" customHeight="1" x14ac:dyDescent="0.2">
      <c r="A103" s="31">
        <v>80</v>
      </c>
      <c r="B103" s="27">
        <v>11</v>
      </c>
      <c r="C103" s="28">
        <v>18</v>
      </c>
      <c r="D103" s="29">
        <v>29</v>
      </c>
    </row>
    <row r="104" spans="1:4" ht="18" customHeight="1" x14ac:dyDescent="0.2">
      <c r="A104" s="31">
        <v>81</v>
      </c>
      <c r="B104" s="27">
        <v>6</v>
      </c>
      <c r="C104" s="28">
        <v>16</v>
      </c>
      <c r="D104" s="29">
        <v>22</v>
      </c>
    </row>
    <row r="105" spans="1:4" ht="18" customHeight="1" x14ac:dyDescent="0.2">
      <c r="A105" s="31">
        <v>82</v>
      </c>
      <c r="B105" s="27">
        <v>14</v>
      </c>
      <c r="C105" s="28">
        <v>6</v>
      </c>
      <c r="D105" s="29">
        <v>20</v>
      </c>
    </row>
    <row r="106" spans="1:4" ht="18" customHeight="1" x14ac:dyDescent="0.2">
      <c r="A106" s="31">
        <v>83</v>
      </c>
      <c r="B106" s="27">
        <v>6</v>
      </c>
      <c r="C106" s="28">
        <v>15</v>
      </c>
      <c r="D106" s="29">
        <v>21</v>
      </c>
    </row>
    <row r="107" spans="1:4" ht="18" customHeight="1" x14ac:dyDescent="0.2">
      <c r="A107" s="31">
        <v>84</v>
      </c>
      <c r="B107" s="27">
        <v>7</v>
      </c>
      <c r="C107" s="28">
        <v>12</v>
      </c>
      <c r="D107" s="29">
        <v>19</v>
      </c>
    </row>
    <row r="108" spans="1:4" ht="18" customHeight="1" x14ac:dyDescent="0.2">
      <c r="A108" s="31" t="s">
        <v>66</v>
      </c>
      <c r="B108" s="27">
        <v>44</v>
      </c>
      <c r="C108" s="28">
        <v>67</v>
      </c>
      <c r="D108" s="29">
        <v>111</v>
      </c>
    </row>
    <row r="109" spans="1:4" ht="18" customHeight="1" x14ac:dyDescent="0.2">
      <c r="A109" s="31">
        <v>85</v>
      </c>
      <c r="B109" s="27">
        <v>9</v>
      </c>
      <c r="C109" s="28">
        <v>14</v>
      </c>
      <c r="D109" s="29">
        <v>23</v>
      </c>
    </row>
    <row r="110" spans="1:4" ht="18" customHeight="1" x14ac:dyDescent="0.2">
      <c r="A110" s="31">
        <v>86</v>
      </c>
      <c r="B110" s="27">
        <v>2</v>
      </c>
      <c r="C110" s="28">
        <v>13</v>
      </c>
      <c r="D110" s="29">
        <v>15</v>
      </c>
    </row>
    <row r="111" spans="1:4" ht="18" customHeight="1" x14ac:dyDescent="0.2">
      <c r="A111" s="31">
        <v>87</v>
      </c>
      <c r="B111" s="27">
        <v>0</v>
      </c>
      <c r="C111" s="28">
        <v>9</v>
      </c>
      <c r="D111" s="29">
        <v>9</v>
      </c>
    </row>
    <row r="112" spans="1:4" ht="18" customHeight="1" x14ac:dyDescent="0.2">
      <c r="A112" s="31">
        <v>88</v>
      </c>
      <c r="B112" s="27">
        <v>4</v>
      </c>
      <c r="C112" s="28">
        <v>10</v>
      </c>
      <c r="D112" s="29">
        <v>14</v>
      </c>
    </row>
    <row r="113" spans="1:4" ht="18" customHeight="1" x14ac:dyDescent="0.2">
      <c r="A113" s="31">
        <v>89</v>
      </c>
      <c r="B113" s="27">
        <v>5</v>
      </c>
      <c r="C113" s="28">
        <v>9</v>
      </c>
      <c r="D113" s="29">
        <v>14</v>
      </c>
    </row>
    <row r="114" spans="1:4" ht="18" customHeight="1" x14ac:dyDescent="0.2">
      <c r="A114" s="31" t="s">
        <v>67</v>
      </c>
      <c r="B114" s="27">
        <v>20</v>
      </c>
      <c r="C114" s="28">
        <v>55</v>
      </c>
      <c r="D114" s="29">
        <v>75</v>
      </c>
    </row>
    <row r="115" spans="1:4" ht="18" customHeight="1" x14ac:dyDescent="0.2">
      <c r="A115" s="31">
        <v>90</v>
      </c>
      <c r="B115" s="27">
        <v>2</v>
      </c>
      <c r="C115" s="28">
        <v>11</v>
      </c>
      <c r="D115" s="29">
        <v>13</v>
      </c>
    </row>
    <row r="116" spans="1:4" ht="18" customHeight="1" x14ac:dyDescent="0.2">
      <c r="A116" s="31">
        <v>91</v>
      </c>
      <c r="B116" s="27">
        <v>8</v>
      </c>
      <c r="C116" s="28">
        <v>9</v>
      </c>
      <c r="D116" s="29">
        <v>17</v>
      </c>
    </row>
    <row r="117" spans="1:4" ht="18" customHeight="1" x14ac:dyDescent="0.2">
      <c r="A117" s="31">
        <v>92</v>
      </c>
      <c r="B117" s="27">
        <v>3</v>
      </c>
      <c r="C117" s="28">
        <v>4</v>
      </c>
      <c r="D117" s="29">
        <v>7</v>
      </c>
    </row>
    <row r="118" spans="1:4" ht="18" customHeight="1" x14ac:dyDescent="0.2">
      <c r="A118" s="31">
        <v>93</v>
      </c>
      <c r="B118" s="27">
        <v>2</v>
      </c>
      <c r="C118" s="28">
        <v>5</v>
      </c>
      <c r="D118" s="29">
        <v>7</v>
      </c>
    </row>
    <row r="119" spans="1:4" ht="18" customHeight="1" x14ac:dyDescent="0.2">
      <c r="A119" s="31">
        <v>94</v>
      </c>
      <c r="B119" s="27">
        <v>1</v>
      </c>
      <c r="C119" s="28">
        <v>10</v>
      </c>
      <c r="D119" s="29">
        <v>11</v>
      </c>
    </row>
    <row r="120" spans="1:4" ht="18" customHeight="1" x14ac:dyDescent="0.2">
      <c r="A120" s="31" t="s">
        <v>68</v>
      </c>
      <c r="B120" s="27">
        <v>16</v>
      </c>
      <c r="C120" s="28">
        <v>39</v>
      </c>
      <c r="D120" s="29">
        <v>55</v>
      </c>
    </row>
    <row r="121" spans="1:4" ht="18" customHeight="1" x14ac:dyDescent="0.2">
      <c r="A121" s="31">
        <v>95</v>
      </c>
      <c r="B121" s="27">
        <v>2</v>
      </c>
      <c r="C121" s="28">
        <v>3</v>
      </c>
      <c r="D121" s="29">
        <v>5</v>
      </c>
    </row>
    <row r="122" spans="1:4" ht="18" customHeight="1" x14ac:dyDescent="0.2">
      <c r="A122" s="31">
        <v>96</v>
      </c>
      <c r="B122" s="27">
        <v>1</v>
      </c>
      <c r="C122" s="28">
        <v>0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4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1</v>
      </c>
      <c r="D129" s="29">
        <v>2</v>
      </c>
    </row>
    <row r="130" spans="1:4" ht="18" customHeight="1" x14ac:dyDescent="0.2">
      <c r="A130" s="31" t="s">
        <v>72</v>
      </c>
      <c r="B130" s="4">
        <v>474</v>
      </c>
      <c r="C130" s="5">
        <v>557</v>
      </c>
      <c r="D130" s="6">
        <v>1031</v>
      </c>
    </row>
    <row r="131" spans="1:4" ht="18" customHeight="1" x14ac:dyDescent="0.2">
      <c r="A131" s="33" t="s">
        <v>47</v>
      </c>
      <c r="B131" s="7">
        <v>1728</v>
      </c>
      <c r="C131" s="8">
        <v>1793</v>
      </c>
      <c r="D131" s="9">
        <v>352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8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0</v>
      </c>
      <c r="C5" s="37">
        <v>9</v>
      </c>
      <c r="D5" s="39">
        <v>19</v>
      </c>
    </row>
    <row r="6" spans="1:4" ht="18" customHeight="1" x14ac:dyDescent="0.2">
      <c r="A6" s="31">
        <v>1</v>
      </c>
      <c r="B6" s="35">
        <v>10</v>
      </c>
      <c r="C6" s="28">
        <v>11</v>
      </c>
      <c r="D6" s="29">
        <v>21</v>
      </c>
    </row>
    <row r="7" spans="1:4" ht="18" customHeight="1" x14ac:dyDescent="0.2">
      <c r="A7" s="31">
        <v>2</v>
      </c>
      <c r="B7" s="35">
        <v>11</v>
      </c>
      <c r="C7" s="28">
        <v>12</v>
      </c>
      <c r="D7" s="29">
        <v>23</v>
      </c>
    </row>
    <row r="8" spans="1:4" ht="18" customHeight="1" x14ac:dyDescent="0.2">
      <c r="A8" s="31">
        <v>3</v>
      </c>
      <c r="B8" s="35">
        <v>11</v>
      </c>
      <c r="C8" s="28">
        <v>16</v>
      </c>
      <c r="D8" s="29">
        <v>27</v>
      </c>
    </row>
    <row r="9" spans="1:4" ht="18" customHeight="1" x14ac:dyDescent="0.2">
      <c r="A9" s="31">
        <v>4</v>
      </c>
      <c r="B9" s="36">
        <v>15</v>
      </c>
      <c r="C9" s="38">
        <v>15</v>
      </c>
      <c r="D9" s="40">
        <v>30</v>
      </c>
    </row>
    <row r="10" spans="1:4" ht="18" customHeight="1" x14ac:dyDescent="0.2">
      <c r="A10" s="31" t="s">
        <v>48</v>
      </c>
      <c r="B10" s="27">
        <v>57</v>
      </c>
      <c r="C10" s="28">
        <v>63</v>
      </c>
      <c r="D10" s="29">
        <v>120</v>
      </c>
    </row>
    <row r="11" spans="1:4" ht="18" customHeight="1" x14ac:dyDescent="0.2">
      <c r="A11" s="31">
        <v>5</v>
      </c>
      <c r="B11" s="35">
        <v>19</v>
      </c>
      <c r="C11" s="28">
        <v>10</v>
      </c>
      <c r="D11" s="29">
        <v>29</v>
      </c>
    </row>
    <row r="12" spans="1:4" ht="18" customHeight="1" x14ac:dyDescent="0.2">
      <c r="A12" s="31">
        <v>6</v>
      </c>
      <c r="B12" s="35">
        <v>11</v>
      </c>
      <c r="C12" s="28">
        <v>20</v>
      </c>
      <c r="D12" s="29">
        <v>31</v>
      </c>
    </row>
    <row r="13" spans="1:4" ht="18" customHeight="1" x14ac:dyDescent="0.2">
      <c r="A13" s="31">
        <v>7</v>
      </c>
      <c r="B13" s="35">
        <v>19</v>
      </c>
      <c r="C13" s="28">
        <v>19</v>
      </c>
      <c r="D13" s="29">
        <v>38</v>
      </c>
    </row>
    <row r="14" spans="1:4" ht="18" customHeight="1" x14ac:dyDescent="0.2">
      <c r="A14" s="31">
        <v>8</v>
      </c>
      <c r="B14" s="35">
        <v>19</v>
      </c>
      <c r="C14" s="28">
        <v>17</v>
      </c>
      <c r="D14" s="29">
        <v>36</v>
      </c>
    </row>
    <row r="15" spans="1:4" ht="18" customHeight="1" x14ac:dyDescent="0.2">
      <c r="A15" s="31">
        <v>9</v>
      </c>
      <c r="B15" s="35">
        <v>13</v>
      </c>
      <c r="C15" s="28">
        <v>16</v>
      </c>
      <c r="D15" s="29">
        <v>29</v>
      </c>
    </row>
    <row r="16" spans="1:4" ht="18" customHeight="1" x14ac:dyDescent="0.2">
      <c r="A16" s="31" t="s">
        <v>49</v>
      </c>
      <c r="B16" s="27">
        <v>81</v>
      </c>
      <c r="C16" s="28">
        <v>82</v>
      </c>
      <c r="D16" s="29">
        <v>163</v>
      </c>
    </row>
    <row r="17" spans="1:4" ht="18" customHeight="1" x14ac:dyDescent="0.2">
      <c r="A17" s="31">
        <v>10</v>
      </c>
      <c r="B17" s="27">
        <v>22</v>
      </c>
      <c r="C17" s="28">
        <v>18</v>
      </c>
      <c r="D17" s="29">
        <v>40</v>
      </c>
    </row>
    <row r="18" spans="1:4" ht="18" customHeight="1" x14ac:dyDescent="0.2">
      <c r="A18" s="31">
        <v>11</v>
      </c>
      <c r="B18" s="27">
        <v>23</v>
      </c>
      <c r="C18" s="28">
        <v>14</v>
      </c>
      <c r="D18" s="29">
        <v>37</v>
      </c>
    </row>
    <row r="19" spans="1:4" ht="18" customHeight="1" x14ac:dyDescent="0.2">
      <c r="A19" s="31">
        <v>12</v>
      </c>
      <c r="B19" s="27">
        <v>18</v>
      </c>
      <c r="C19" s="28">
        <v>13</v>
      </c>
      <c r="D19" s="29">
        <v>31</v>
      </c>
    </row>
    <row r="20" spans="1:4" ht="18" customHeight="1" x14ac:dyDescent="0.2">
      <c r="A20" s="31">
        <v>13</v>
      </c>
      <c r="B20" s="27">
        <v>20</v>
      </c>
      <c r="C20" s="28">
        <v>14</v>
      </c>
      <c r="D20" s="29">
        <v>34</v>
      </c>
    </row>
    <row r="21" spans="1:4" ht="18" customHeight="1" x14ac:dyDescent="0.2">
      <c r="A21" s="31">
        <v>14</v>
      </c>
      <c r="B21" s="27">
        <v>19</v>
      </c>
      <c r="C21" s="28">
        <v>9</v>
      </c>
      <c r="D21" s="29">
        <v>28</v>
      </c>
    </row>
    <row r="22" spans="1:4" ht="18" customHeight="1" x14ac:dyDescent="0.2">
      <c r="A22" s="31" t="s">
        <v>50</v>
      </c>
      <c r="B22" s="27">
        <v>102</v>
      </c>
      <c r="C22" s="28">
        <v>68</v>
      </c>
      <c r="D22" s="29">
        <v>170</v>
      </c>
    </row>
    <row r="23" spans="1:4" ht="18" customHeight="1" x14ac:dyDescent="0.2">
      <c r="A23" s="31" t="s">
        <v>51</v>
      </c>
      <c r="B23" s="27">
        <v>240</v>
      </c>
      <c r="C23" s="28">
        <v>213</v>
      </c>
      <c r="D23" s="29">
        <v>453</v>
      </c>
    </row>
    <row r="24" spans="1:4" ht="18" customHeight="1" x14ac:dyDescent="0.2">
      <c r="A24" s="31">
        <v>15</v>
      </c>
      <c r="B24" s="27">
        <v>27</v>
      </c>
      <c r="C24" s="28">
        <v>24</v>
      </c>
      <c r="D24" s="29">
        <v>51</v>
      </c>
    </row>
    <row r="25" spans="1:4" ht="18" customHeight="1" x14ac:dyDescent="0.2">
      <c r="A25" s="31">
        <v>16</v>
      </c>
      <c r="B25" s="27">
        <v>24</v>
      </c>
      <c r="C25" s="28">
        <v>13</v>
      </c>
      <c r="D25" s="29">
        <v>37</v>
      </c>
    </row>
    <row r="26" spans="1:4" ht="18" customHeight="1" x14ac:dyDescent="0.2">
      <c r="A26" s="31">
        <v>17</v>
      </c>
      <c r="B26" s="27">
        <v>14</v>
      </c>
      <c r="C26" s="28">
        <v>12</v>
      </c>
      <c r="D26" s="29">
        <v>26</v>
      </c>
    </row>
    <row r="27" spans="1:4" ht="18" customHeight="1" x14ac:dyDescent="0.2">
      <c r="A27" s="31">
        <v>18</v>
      </c>
      <c r="B27" s="27">
        <v>14</v>
      </c>
      <c r="C27" s="28">
        <v>28</v>
      </c>
      <c r="D27" s="29">
        <v>42</v>
      </c>
    </row>
    <row r="28" spans="1:4" ht="18" customHeight="1" x14ac:dyDescent="0.2">
      <c r="A28" s="31">
        <v>19</v>
      </c>
      <c r="B28" s="27">
        <v>19</v>
      </c>
      <c r="C28" s="28">
        <v>19</v>
      </c>
      <c r="D28" s="29">
        <v>38</v>
      </c>
    </row>
    <row r="29" spans="1:4" ht="18" customHeight="1" x14ac:dyDescent="0.2">
      <c r="A29" s="31" t="s">
        <v>52</v>
      </c>
      <c r="B29" s="27">
        <v>98</v>
      </c>
      <c r="C29" s="28">
        <v>96</v>
      </c>
      <c r="D29" s="29">
        <v>194</v>
      </c>
    </row>
    <row r="30" spans="1:4" ht="18" customHeight="1" x14ac:dyDescent="0.2">
      <c r="A30" s="31">
        <v>20</v>
      </c>
      <c r="B30" s="27">
        <v>19</v>
      </c>
      <c r="C30" s="28">
        <v>24</v>
      </c>
      <c r="D30" s="29">
        <v>43</v>
      </c>
    </row>
    <row r="31" spans="1:4" ht="18" customHeight="1" x14ac:dyDescent="0.2">
      <c r="A31" s="31">
        <v>21</v>
      </c>
      <c r="B31" s="27">
        <v>10</v>
      </c>
      <c r="C31" s="28">
        <v>17</v>
      </c>
      <c r="D31" s="29">
        <v>27</v>
      </c>
    </row>
    <row r="32" spans="1:4" ht="18" customHeight="1" x14ac:dyDescent="0.2">
      <c r="A32" s="31">
        <v>22</v>
      </c>
      <c r="B32" s="27">
        <v>17</v>
      </c>
      <c r="C32" s="28">
        <v>20</v>
      </c>
      <c r="D32" s="29">
        <v>37</v>
      </c>
    </row>
    <row r="33" spans="1:4" ht="18" customHeight="1" x14ac:dyDescent="0.2">
      <c r="A33" s="31">
        <v>23</v>
      </c>
      <c r="B33" s="27">
        <v>14</v>
      </c>
      <c r="C33" s="28">
        <v>17</v>
      </c>
      <c r="D33" s="29">
        <v>31</v>
      </c>
    </row>
    <row r="34" spans="1:4" ht="18" customHeight="1" x14ac:dyDescent="0.2">
      <c r="A34" s="31">
        <v>24</v>
      </c>
      <c r="B34" s="27">
        <v>11</v>
      </c>
      <c r="C34" s="28">
        <v>12</v>
      </c>
      <c r="D34" s="29">
        <v>23</v>
      </c>
    </row>
    <row r="35" spans="1:4" ht="18" customHeight="1" x14ac:dyDescent="0.2">
      <c r="A35" s="31" t="s">
        <v>53</v>
      </c>
      <c r="B35" s="27">
        <v>71</v>
      </c>
      <c r="C35" s="28">
        <v>90</v>
      </c>
      <c r="D35" s="29">
        <v>161</v>
      </c>
    </row>
    <row r="36" spans="1:4" ht="18" customHeight="1" x14ac:dyDescent="0.2">
      <c r="A36" s="31">
        <v>25</v>
      </c>
      <c r="B36" s="27">
        <v>19</v>
      </c>
      <c r="C36" s="28">
        <v>19</v>
      </c>
      <c r="D36" s="29">
        <v>38</v>
      </c>
    </row>
    <row r="37" spans="1:4" ht="18" customHeight="1" x14ac:dyDescent="0.2">
      <c r="A37" s="31">
        <v>26</v>
      </c>
      <c r="B37" s="27">
        <v>15</v>
      </c>
      <c r="C37" s="28">
        <v>11</v>
      </c>
      <c r="D37" s="29">
        <v>26</v>
      </c>
    </row>
    <row r="38" spans="1:4" ht="18" customHeight="1" x14ac:dyDescent="0.2">
      <c r="A38" s="31">
        <v>27</v>
      </c>
      <c r="B38" s="27">
        <v>19</v>
      </c>
      <c r="C38" s="28">
        <v>5</v>
      </c>
      <c r="D38" s="29">
        <v>24</v>
      </c>
    </row>
    <row r="39" spans="1:4" ht="18" customHeight="1" x14ac:dyDescent="0.2">
      <c r="A39" s="31">
        <v>28</v>
      </c>
      <c r="B39" s="27">
        <v>14</v>
      </c>
      <c r="C39" s="28">
        <v>20</v>
      </c>
      <c r="D39" s="29">
        <v>34</v>
      </c>
    </row>
    <row r="40" spans="1:4" ht="18" customHeight="1" x14ac:dyDescent="0.2">
      <c r="A40" s="31">
        <v>29</v>
      </c>
      <c r="B40" s="27">
        <v>19</v>
      </c>
      <c r="C40" s="28">
        <v>15</v>
      </c>
      <c r="D40" s="29">
        <v>34</v>
      </c>
    </row>
    <row r="41" spans="1:4" ht="18" customHeight="1" x14ac:dyDescent="0.2">
      <c r="A41" s="31" t="s">
        <v>54</v>
      </c>
      <c r="B41" s="27">
        <v>86</v>
      </c>
      <c r="C41" s="28">
        <v>70</v>
      </c>
      <c r="D41" s="29">
        <v>156</v>
      </c>
    </row>
    <row r="42" spans="1:4" ht="18" customHeight="1" x14ac:dyDescent="0.2">
      <c r="A42" s="31">
        <v>30</v>
      </c>
      <c r="B42" s="27">
        <v>16</v>
      </c>
      <c r="C42" s="28">
        <v>11</v>
      </c>
      <c r="D42" s="29">
        <v>27</v>
      </c>
    </row>
    <row r="43" spans="1:4" ht="18" customHeight="1" x14ac:dyDescent="0.2">
      <c r="A43" s="31">
        <v>31</v>
      </c>
      <c r="B43" s="27">
        <v>17</v>
      </c>
      <c r="C43" s="28">
        <v>17</v>
      </c>
      <c r="D43" s="29">
        <v>34</v>
      </c>
    </row>
    <row r="44" spans="1:4" ht="18" customHeight="1" x14ac:dyDescent="0.2">
      <c r="A44" s="31">
        <v>32</v>
      </c>
      <c r="B44" s="27">
        <v>20</v>
      </c>
      <c r="C44" s="28">
        <v>16</v>
      </c>
      <c r="D44" s="29">
        <v>36</v>
      </c>
    </row>
    <row r="45" spans="1:4" ht="18" customHeight="1" x14ac:dyDescent="0.2">
      <c r="A45" s="31">
        <v>33</v>
      </c>
      <c r="B45" s="27">
        <v>22</v>
      </c>
      <c r="C45" s="28">
        <v>19</v>
      </c>
      <c r="D45" s="29">
        <v>41</v>
      </c>
    </row>
    <row r="46" spans="1:4" ht="18" customHeight="1" x14ac:dyDescent="0.2">
      <c r="A46" s="31">
        <v>34</v>
      </c>
      <c r="B46" s="27">
        <v>27</v>
      </c>
      <c r="C46" s="28">
        <v>19</v>
      </c>
      <c r="D46" s="29">
        <v>46</v>
      </c>
    </row>
    <row r="47" spans="1:4" ht="18" customHeight="1" x14ac:dyDescent="0.2">
      <c r="A47" s="31" t="s">
        <v>55</v>
      </c>
      <c r="B47" s="27">
        <v>102</v>
      </c>
      <c r="C47" s="28">
        <v>82</v>
      </c>
      <c r="D47" s="29">
        <v>184</v>
      </c>
    </row>
    <row r="48" spans="1:4" ht="18" customHeight="1" x14ac:dyDescent="0.2">
      <c r="A48" s="31">
        <v>35</v>
      </c>
      <c r="B48" s="27">
        <v>22</v>
      </c>
      <c r="C48" s="28">
        <v>19</v>
      </c>
      <c r="D48" s="29">
        <v>41</v>
      </c>
    </row>
    <row r="49" spans="1:4" ht="18" customHeight="1" x14ac:dyDescent="0.2">
      <c r="A49" s="31">
        <v>36</v>
      </c>
      <c r="B49" s="27">
        <v>20</v>
      </c>
      <c r="C49" s="28">
        <v>15</v>
      </c>
      <c r="D49" s="29">
        <v>35</v>
      </c>
    </row>
    <row r="50" spans="1:4" ht="18" customHeight="1" x14ac:dyDescent="0.2">
      <c r="A50" s="31">
        <v>37</v>
      </c>
      <c r="B50" s="27">
        <v>19</v>
      </c>
      <c r="C50" s="28">
        <v>23</v>
      </c>
      <c r="D50" s="29">
        <v>42</v>
      </c>
    </row>
    <row r="51" spans="1:4" ht="18" customHeight="1" x14ac:dyDescent="0.2">
      <c r="A51" s="31">
        <v>38</v>
      </c>
      <c r="B51" s="27">
        <v>20</v>
      </c>
      <c r="C51" s="28">
        <v>22</v>
      </c>
      <c r="D51" s="29">
        <v>42</v>
      </c>
    </row>
    <row r="52" spans="1:4" ht="18" customHeight="1" x14ac:dyDescent="0.2">
      <c r="A52" s="31">
        <v>39</v>
      </c>
      <c r="B52" s="27">
        <v>23</v>
      </c>
      <c r="C52" s="28">
        <v>14</v>
      </c>
      <c r="D52" s="29">
        <v>37</v>
      </c>
    </row>
    <row r="53" spans="1:4" ht="18" customHeight="1" x14ac:dyDescent="0.2">
      <c r="A53" s="31" t="s">
        <v>56</v>
      </c>
      <c r="B53" s="27">
        <v>104</v>
      </c>
      <c r="C53" s="28">
        <v>93</v>
      </c>
      <c r="D53" s="29">
        <v>197</v>
      </c>
    </row>
    <row r="54" spans="1:4" ht="18" customHeight="1" x14ac:dyDescent="0.2">
      <c r="A54" s="31">
        <v>40</v>
      </c>
      <c r="B54" s="27">
        <v>24</v>
      </c>
      <c r="C54" s="28">
        <v>30</v>
      </c>
      <c r="D54" s="29">
        <v>54</v>
      </c>
    </row>
    <row r="55" spans="1:4" ht="18" customHeight="1" x14ac:dyDescent="0.2">
      <c r="A55" s="31">
        <v>41</v>
      </c>
      <c r="B55" s="27">
        <v>27</v>
      </c>
      <c r="C55" s="28">
        <v>23</v>
      </c>
      <c r="D55" s="29">
        <v>50</v>
      </c>
    </row>
    <row r="56" spans="1:4" ht="18" customHeight="1" x14ac:dyDescent="0.2">
      <c r="A56" s="31">
        <v>42</v>
      </c>
      <c r="B56" s="27">
        <v>22</v>
      </c>
      <c r="C56" s="28">
        <v>23</v>
      </c>
      <c r="D56" s="29">
        <v>45</v>
      </c>
    </row>
    <row r="57" spans="1:4" ht="18" customHeight="1" x14ac:dyDescent="0.2">
      <c r="A57" s="31">
        <v>43</v>
      </c>
      <c r="B57" s="27">
        <v>19</v>
      </c>
      <c r="C57" s="28">
        <v>22</v>
      </c>
      <c r="D57" s="29">
        <v>41</v>
      </c>
    </row>
    <row r="58" spans="1:4" ht="18" customHeight="1" x14ac:dyDescent="0.2">
      <c r="A58" s="31">
        <v>44</v>
      </c>
      <c r="B58" s="27">
        <v>27</v>
      </c>
      <c r="C58" s="28">
        <v>23</v>
      </c>
      <c r="D58" s="29">
        <v>50</v>
      </c>
    </row>
    <row r="59" spans="1:4" ht="18" customHeight="1" x14ac:dyDescent="0.2">
      <c r="A59" s="31" t="s">
        <v>57</v>
      </c>
      <c r="B59" s="27">
        <v>119</v>
      </c>
      <c r="C59" s="28">
        <v>121</v>
      </c>
      <c r="D59" s="29">
        <v>240</v>
      </c>
    </row>
    <row r="60" spans="1:4" ht="18" customHeight="1" x14ac:dyDescent="0.2">
      <c r="A60" s="31">
        <v>45</v>
      </c>
      <c r="B60" s="27">
        <v>26</v>
      </c>
      <c r="C60" s="28">
        <v>40</v>
      </c>
      <c r="D60" s="29">
        <v>66</v>
      </c>
    </row>
    <row r="61" spans="1:4" ht="18" customHeight="1" x14ac:dyDescent="0.2">
      <c r="A61" s="31">
        <v>46</v>
      </c>
      <c r="B61" s="27">
        <v>33</v>
      </c>
      <c r="C61" s="28">
        <v>35</v>
      </c>
      <c r="D61" s="29">
        <v>68</v>
      </c>
    </row>
    <row r="62" spans="1:4" ht="18" customHeight="1" x14ac:dyDescent="0.2">
      <c r="A62" s="31">
        <v>47</v>
      </c>
      <c r="B62" s="27">
        <v>21</v>
      </c>
      <c r="C62" s="28">
        <v>29</v>
      </c>
      <c r="D62" s="29">
        <v>50</v>
      </c>
    </row>
    <row r="63" spans="1:4" ht="18" customHeight="1" x14ac:dyDescent="0.2">
      <c r="A63" s="31">
        <v>48</v>
      </c>
      <c r="B63" s="27">
        <v>34</v>
      </c>
      <c r="C63" s="28">
        <v>27</v>
      </c>
      <c r="D63" s="29">
        <v>61</v>
      </c>
    </row>
    <row r="64" spans="1:4" ht="18" customHeight="1" x14ac:dyDescent="0.2">
      <c r="A64" s="31">
        <v>49</v>
      </c>
      <c r="B64" s="27">
        <v>18</v>
      </c>
      <c r="C64" s="28">
        <v>22</v>
      </c>
      <c r="D64" s="29">
        <v>40</v>
      </c>
    </row>
    <row r="65" spans="1:4" ht="18" customHeight="1" x14ac:dyDescent="0.2">
      <c r="A65" s="31" t="s">
        <v>58</v>
      </c>
      <c r="B65" s="27">
        <v>132</v>
      </c>
      <c r="C65" s="28">
        <v>153</v>
      </c>
      <c r="D65" s="29">
        <v>285</v>
      </c>
    </row>
    <row r="66" spans="1:4" ht="18" customHeight="1" x14ac:dyDescent="0.2">
      <c r="A66" s="31">
        <v>50</v>
      </c>
      <c r="B66" s="27">
        <v>30</v>
      </c>
      <c r="C66" s="28">
        <v>28</v>
      </c>
      <c r="D66" s="29">
        <v>58</v>
      </c>
    </row>
    <row r="67" spans="1:4" ht="18" customHeight="1" x14ac:dyDescent="0.2">
      <c r="A67" s="31">
        <v>51</v>
      </c>
      <c r="B67" s="27">
        <v>35</v>
      </c>
      <c r="C67" s="28">
        <v>28</v>
      </c>
      <c r="D67" s="29">
        <v>63</v>
      </c>
    </row>
    <row r="68" spans="1:4" ht="18" customHeight="1" x14ac:dyDescent="0.2">
      <c r="A68" s="31">
        <v>52</v>
      </c>
      <c r="B68" s="27">
        <v>21</v>
      </c>
      <c r="C68" s="28">
        <v>27</v>
      </c>
      <c r="D68" s="29">
        <v>48</v>
      </c>
    </row>
    <row r="69" spans="1:4" ht="18" customHeight="1" x14ac:dyDescent="0.2">
      <c r="A69" s="31">
        <v>53</v>
      </c>
      <c r="B69" s="27">
        <v>25</v>
      </c>
      <c r="C69" s="28">
        <v>24</v>
      </c>
      <c r="D69" s="29">
        <v>49</v>
      </c>
    </row>
    <row r="70" spans="1:4" ht="18" customHeight="1" x14ac:dyDescent="0.2">
      <c r="A70" s="31">
        <v>54</v>
      </c>
      <c r="B70" s="27">
        <v>30</v>
      </c>
      <c r="C70" s="28">
        <v>30</v>
      </c>
      <c r="D70" s="29">
        <v>60</v>
      </c>
    </row>
    <row r="71" spans="1:4" ht="18" customHeight="1" x14ac:dyDescent="0.2">
      <c r="A71" s="31" t="s">
        <v>59</v>
      </c>
      <c r="B71" s="27">
        <v>141</v>
      </c>
      <c r="C71" s="28">
        <v>137</v>
      </c>
      <c r="D71" s="29">
        <v>278</v>
      </c>
    </row>
    <row r="72" spans="1:4" ht="18" customHeight="1" x14ac:dyDescent="0.2">
      <c r="A72" s="31">
        <v>55</v>
      </c>
      <c r="B72" s="27">
        <v>28</v>
      </c>
      <c r="C72" s="28">
        <v>21</v>
      </c>
      <c r="D72" s="29">
        <v>49</v>
      </c>
    </row>
    <row r="73" spans="1:4" ht="18" customHeight="1" x14ac:dyDescent="0.2">
      <c r="A73" s="31">
        <v>56</v>
      </c>
      <c r="B73" s="27">
        <v>32</v>
      </c>
      <c r="C73" s="28">
        <v>29</v>
      </c>
      <c r="D73" s="29">
        <v>61</v>
      </c>
    </row>
    <row r="74" spans="1:4" ht="18" customHeight="1" x14ac:dyDescent="0.2">
      <c r="A74" s="31">
        <v>57</v>
      </c>
      <c r="B74" s="27">
        <v>21</v>
      </c>
      <c r="C74" s="28">
        <v>34</v>
      </c>
      <c r="D74" s="29">
        <v>55</v>
      </c>
    </row>
    <row r="75" spans="1:4" ht="18" customHeight="1" x14ac:dyDescent="0.2">
      <c r="A75" s="31">
        <v>58</v>
      </c>
      <c r="B75" s="27">
        <v>23</v>
      </c>
      <c r="C75" s="28">
        <v>30</v>
      </c>
      <c r="D75" s="29">
        <v>53</v>
      </c>
    </row>
    <row r="76" spans="1:4" ht="18" customHeight="1" x14ac:dyDescent="0.2">
      <c r="A76" s="31">
        <v>59</v>
      </c>
      <c r="B76" s="27">
        <v>27</v>
      </c>
      <c r="C76" s="28">
        <v>25</v>
      </c>
      <c r="D76" s="29">
        <v>52</v>
      </c>
    </row>
    <row r="77" spans="1:4" ht="18" customHeight="1" x14ac:dyDescent="0.2">
      <c r="A77" s="31" t="s">
        <v>60</v>
      </c>
      <c r="B77" s="27">
        <v>131</v>
      </c>
      <c r="C77" s="28">
        <v>139</v>
      </c>
      <c r="D77" s="29">
        <v>270</v>
      </c>
    </row>
    <row r="78" spans="1:4" ht="18" customHeight="1" x14ac:dyDescent="0.2">
      <c r="A78" s="31">
        <v>60</v>
      </c>
      <c r="B78" s="27">
        <v>24</v>
      </c>
      <c r="C78" s="28">
        <v>15</v>
      </c>
      <c r="D78" s="29">
        <v>39</v>
      </c>
    </row>
    <row r="79" spans="1:4" ht="18" customHeight="1" x14ac:dyDescent="0.2">
      <c r="A79" s="31">
        <v>61</v>
      </c>
      <c r="B79" s="27">
        <v>24</v>
      </c>
      <c r="C79" s="28">
        <v>29</v>
      </c>
      <c r="D79" s="29">
        <v>53</v>
      </c>
    </row>
    <row r="80" spans="1:4" ht="18" customHeight="1" x14ac:dyDescent="0.2">
      <c r="A80" s="31">
        <v>62</v>
      </c>
      <c r="B80" s="27">
        <v>21</v>
      </c>
      <c r="C80" s="28">
        <v>26</v>
      </c>
      <c r="D80" s="29">
        <v>47</v>
      </c>
    </row>
    <row r="81" spans="1:4" ht="18" customHeight="1" x14ac:dyDescent="0.2">
      <c r="A81" s="31">
        <v>63</v>
      </c>
      <c r="B81" s="27">
        <v>20</v>
      </c>
      <c r="C81" s="28">
        <v>29</v>
      </c>
      <c r="D81" s="29">
        <v>49</v>
      </c>
    </row>
    <row r="82" spans="1:4" ht="18" customHeight="1" x14ac:dyDescent="0.2">
      <c r="A82" s="31">
        <v>64</v>
      </c>
      <c r="B82" s="27">
        <v>31</v>
      </c>
      <c r="C82" s="28">
        <v>31</v>
      </c>
      <c r="D82" s="29">
        <v>62</v>
      </c>
    </row>
    <row r="83" spans="1:4" ht="18" customHeight="1" x14ac:dyDescent="0.2">
      <c r="A83" s="31" t="s">
        <v>61</v>
      </c>
      <c r="B83" s="27">
        <v>120</v>
      </c>
      <c r="C83" s="28">
        <v>130</v>
      </c>
      <c r="D83" s="29">
        <v>250</v>
      </c>
    </row>
    <row r="84" spans="1:4" ht="18" customHeight="1" x14ac:dyDescent="0.2">
      <c r="A84" s="31" t="s">
        <v>62</v>
      </c>
      <c r="B84" s="27">
        <v>1104</v>
      </c>
      <c r="C84" s="28">
        <v>1111</v>
      </c>
      <c r="D84" s="29">
        <v>2215</v>
      </c>
    </row>
    <row r="85" spans="1:4" ht="18" customHeight="1" x14ac:dyDescent="0.2">
      <c r="A85" s="31">
        <v>65</v>
      </c>
      <c r="B85" s="27">
        <v>33</v>
      </c>
      <c r="C85" s="28">
        <v>30</v>
      </c>
      <c r="D85" s="29">
        <v>63</v>
      </c>
    </row>
    <row r="86" spans="1:4" ht="18" customHeight="1" x14ac:dyDescent="0.2">
      <c r="A86" s="31">
        <v>66</v>
      </c>
      <c r="B86" s="27">
        <v>23</v>
      </c>
      <c r="C86" s="28">
        <v>27</v>
      </c>
      <c r="D86" s="29">
        <v>50</v>
      </c>
    </row>
    <row r="87" spans="1:4" ht="18" customHeight="1" x14ac:dyDescent="0.2">
      <c r="A87" s="31">
        <v>67</v>
      </c>
      <c r="B87" s="27">
        <v>20</v>
      </c>
      <c r="C87" s="28">
        <v>32</v>
      </c>
      <c r="D87" s="29">
        <v>52</v>
      </c>
    </row>
    <row r="88" spans="1:4" ht="18" customHeight="1" x14ac:dyDescent="0.2">
      <c r="A88" s="31">
        <v>68</v>
      </c>
      <c r="B88" s="27">
        <v>35</v>
      </c>
      <c r="C88" s="28">
        <v>25</v>
      </c>
      <c r="D88" s="29">
        <v>60</v>
      </c>
    </row>
    <row r="89" spans="1:4" ht="18" customHeight="1" x14ac:dyDescent="0.2">
      <c r="A89" s="31">
        <v>69</v>
      </c>
      <c r="B89" s="27">
        <v>35</v>
      </c>
      <c r="C89" s="28">
        <v>28</v>
      </c>
      <c r="D89" s="29">
        <v>63</v>
      </c>
    </row>
    <row r="90" spans="1:4" ht="18" customHeight="1" x14ac:dyDescent="0.2">
      <c r="A90" s="31" t="s">
        <v>63</v>
      </c>
      <c r="B90" s="27">
        <v>146</v>
      </c>
      <c r="C90" s="28">
        <v>142</v>
      </c>
      <c r="D90" s="29">
        <v>288</v>
      </c>
    </row>
    <row r="91" spans="1:4" ht="18" customHeight="1" x14ac:dyDescent="0.2">
      <c r="A91" s="31">
        <v>70</v>
      </c>
      <c r="B91" s="27">
        <v>22</v>
      </c>
      <c r="C91" s="28">
        <v>39</v>
      </c>
      <c r="D91" s="29">
        <v>61</v>
      </c>
    </row>
    <row r="92" spans="1:4" ht="18" customHeight="1" x14ac:dyDescent="0.2">
      <c r="A92" s="31">
        <v>71</v>
      </c>
      <c r="B92" s="27">
        <v>39</v>
      </c>
      <c r="C92" s="28">
        <v>47</v>
      </c>
      <c r="D92" s="29">
        <v>86</v>
      </c>
    </row>
    <row r="93" spans="1:4" ht="18" customHeight="1" x14ac:dyDescent="0.2">
      <c r="A93" s="31">
        <v>72</v>
      </c>
      <c r="B93" s="27">
        <v>39</v>
      </c>
      <c r="C93" s="28">
        <v>28</v>
      </c>
      <c r="D93" s="29">
        <v>67</v>
      </c>
    </row>
    <row r="94" spans="1:4" ht="18" customHeight="1" x14ac:dyDescent="0.2">
      <c r="A94" s="31">
        <v>73</v>
      </c>
      <c r="B94" s="27">
        <v>41</v>
      </c>
      <c r="C94" s="28">
        <v>33</v>
      </c>
      <c r="D94" s="29">
        <v>74</v>
      </c>
    </row>
    <row r="95" spans="1:4" ht="18" customHeight="1" x14ac:dyDescent="0.2">
      <c r="A95" s="31">
        <v>74</v>
      </c>
      <c r="B95" s="27">
        <v>23</v>
      </c>
      <c r="C95" s="28">
        <v>16</v>
      </c>
      <c r="D95" s="29">
        <v>39</v>
      </c>
    </row>
    <row r="96" spans="1:4" ht="18" customHeight="1" x14ac:dyDescent="0.2">
      <c r="A96" s="31" t="s">
        <v>64</v>
      </c>
      <c r="B96" s="27">
        <v>164</v>
      </c>
      <c r="C96" s="28">
        <v>163</v>
      </c>
      <c r="D96" s="29">
        <v>327</v>
      </c>
    </row>
    <row r="97" spans="1:4" ht="18" customHeight="1" x14ac:dyDescent="0.2">
      <c r="A97" s="31">
        <v>75</v>
      </c>
      <c r="B97" s="27">
        <v>15</v>
      </c>
      <c r="C97" s="28">
        <v>27</v>
      </c>
      <c r="D97" s="29">
        <v>42</v>
      </c>
    </row>
    <row r="98" spans="1:4" ht="18" customHeight="1" x14ac:dyDescent="0.2">
      <c r="A98" s="31">
        <v>76</v>
      </c>
      <c r="B98" s="27">
        <v>27</v>
      </c>
      <c r="C98" s="28">
        <v>31</v>
      </c>
      <c r="D98" s="29">
        <v>58</v>
      </c>
    </row>
    <row r="99" spans="1:4" ht="18" customHeight="1" x14ac:dyDescent="0.2">
      <c r="A99" s="31">
        <v>77</v>
      </c>
      <c r="B99" s="27">
        <v>12</v>
      </c>
      <c r="C99" s="28">
        <v>28</v>
      </c>
      <c r="D99" s="29">
        <v>40</v>
      </c>
    </row>
    <row r="100" spans="1:4" ht="18" customHeight="1" x14ac:dyDescent="0.2">
      <c r="A100" s="31">
        <v>78</v>
      </c>
      <c r="B100" s="27">
        <v>22</v>
      </c>
      <c r="C100" s="28">
        <v>32</v>
      </c>
      <c r="D100" s="29">
        <v>54</v>
      </c>
    </row>
    <row r="101" spans="1:4" ht="18" customHeight="1" x14ac:dyDescent="0.2">
      <c r="A101" s="31">
        <v>79</v>
      </c>
      <c r="B101" s="27">
        <v>20</v>
      </c>
      <c r="C101" s="28">
        <v>24</v>
      </c>
      <c r="D101" s="29">
        <v>44</v>
      </c>
    </row>
    <row r="102" spans="1:4" ht="18" customHeight="1" x14ac:dyDescent="0.2">
      <c r="A102" s="31" t="s">
        <v>65</v>
      </c>
      <c r="B102" s="27">
        <v>96</v>
      </c>
      <c r="C102" s="28">
        <v>142</v>
      </c>
      <c r="D102" s="29">
        <v>238</v>
      </c>
    </row>
    <row r="103" spans="1:4" ht="18" customHeight="1" x14ac:dyDescent="0.2">
      <c r="A103" s="31">
        <v>80</v>
      </c>
      <c r="B103" s="27">
        <v>17</v>
      </c>
      <c r="C103" s="28">
        <v>19</v>
      </c>
      <c r="D103" s="29">
        <v>36</v>
      </c>
    </row>
    <row r="104" spans="1:4" ht="18" customHeight="1" x14ac:dyDescent="0.2">
      <c r="A104" s="31">
        <v>81</v>
      </c>
      <c r="B104" s="27">
        <v>11</v>
      </c>
      <c r="C104" s="28">
        <v>13</v>
      </c>
      <c r="D104" s="29">
        <v>24</v>
      </c>
    </row>
    <row r="105" spans="1:4" ht="18" customHeight="1" x14ac:dyDescent="0.2">
      <c r="A105" s="31">
        <v>82</v>
      </c>
      <c r="B105" s="27">
        <v>10</v>
      </c>
      <c r="C105" s="28">
        <v>15</v>
      </c>
      <c r="D105" s="29">
        <v>25</v>
      </c>
    </row>
    <row r="106" spans="1:4" ht="18" customHeight="1" x14ac:dyDescent="0.2">
      <c r="A106" s="31">
        <v>83</v>
      </c>
      <c r="B106" s="27">
        <v>14</v>
      </c>
      <c r="C106" s="28">
        <v>14</v>
      </c>
      <c r="D106" s="29">
        <v>28</v>
      </c>
    </row>
    <row r="107" spans="1:4" ht="18" customHeight="1" x14ac:dyDescent="0.2">
      <c r="A107" s="31">
        <v>84</v>
      </c>
      <c r="B107" s="27">
        <v>16</v>
      </c>
      <c r="C107" s="28">
        <v>18</v>
      </c>
      <c r="D107" s="29">
        <v>34</v>
      </c>
    </row>
    <row r="108" spans="1:4" ht="18" customHeight="1" x14ac:dyDescent="0.2">
      <c r="A108" s="31" t="s">
        <v>66</v>
      </c>
      <c r="B108" s="27">
        <v>68</v>
      </c>
      <c r="C108" s="28">
        <v>79</v>
      </c>
      <c r="D108" s="29">
        <v>147</v>
      </c>
    </row>
    <row r="109" spans="1:4" ht="18" customHeight="1" x14ac:dyDescent="0.2">
      <c r="A109" s="31">
        <v>85</v>
      </c>
      <c r="B109" s="27">
        <v>5</v>
      </c>
      <c r="C109" s="28">
        <v>17</v>
      </c>
      <c r="D109" s="29">
        <v>22</v>
      </c>
    </row>
    <row r="110" spans="1:4" ht="18" customHeight="1" x14ac:dyDescent="0.2">
      <c r="A110" s="31">
        <v>86</v>
      </c>
      <c r="B110" s="27">
        <v>9</v>
      </c>
      <c r="C110" s="28">
        <v>23</v>
      </c>
      <c r="D110" s="29">
        <v>32</v>
      </c>
    </row>
    <row r="111" spans="1:4" ht="18" customHeight="1" x14ac:dyDescent="0.2">
      <c r="A111" s="31">
        <v>87</v>
      </c>
      <c r="B111" s="27">
        <v>11</v>
      </c>
      <c r="C111" s="28">
        <v>21</v>
      </c>
      <c r="D111" s="29">
        <v>32</v>
      </c>
    </row>
    <row r="112" spans="1:4" ht="18" customHeight="1" x14ac:dyDescent="0.2">
      <c r="A112" s="31">
        <v>88</v>
      </c>
      <c r="B112" s="27">
        <v>4</v>
      </c>
      <c r="C112" s="28">
        <v>18</v>
      </c>
      <c r="D112" s="29">
        <v>22</v>
      </c>
    </row>
    <row r="113" spans="1:4" ht="18" customHeight="1" x14ac:dyDescent="0.2">
      <c r="A113" s="31">
        <v>89</v>
      </c>
      <c r="B113" s="27">
        <v>6</v>
      </c>
      <c r="C113" s="28">
        <v>13</v>
      </c>
      <c r="D113" s="29">
        <v>19</v>
      </c>
    </row>
    <row r="114" spans="1:4" ht="18" customHeight="1" x14ac:dyDescent="0.2">
      <c r="A114" s="31" t="s">
        <v>67</v>
      </c>
      <c r="B114" s="27">
        <v>35</v>
      </c>
      <c r="C114" s="28">
        <v>92</v>
      </c>
      <c r="D114" s="29">
        <v>127</v>
      </c>
    </row>
    <row r="115" spans="1:4" ht="18" customHeight="1" x14ac:dyDescent="0.2">
      <c r="A115" s="31">
        <v>90</v>
      </c>
      <c r="B115" s="27">
        <v>6</v>
      </c>
      <c r="C115" s="28">
        <v>10</v>
      </c>
      <c r="D115" s="29">
        <v>16</v>
      </c>
    </row>
    <row r="116" spans="1:4" ht="18" customHeight="1" x14ac:dyDescent="0.2">
      <c r="A116" s="31">
        <v>91</v>
      </c>
      <c r="B116" s="27">
        <v>4</v>
      </c>
      <c r="C116" s="28">
        <v>9</v>
      </c>
      <c r="D116" s="29">
        <v>13</v>
      </c>
    </row>
    <row r="117" spans="1:4" ht="18" customHeight="1" x14ac:dyDescent="0.2">
      <c r="A117" s="31">
        <v>92</v>
      </c>
      <c r="B117" s="27">
        <v>2</v>
      </c>
      <c r="C117" s="28">
        <v>11</v>
      </c>
      <c r="D117" s="29">
        <v>13</v>
      </c>
    </row>
    <row r="118" spans="1:4" ht="18" customHeight="1" x14ac:dyDescent="0.2">
      <c r="A118" s="31">
        <v>93</v>
      </c>
      <c r="B118" s="27">
        <v>5</v>
      </c>
      <c r="C118" s="28">
        <v>14</v>
      </c>
      <c r="D118" s="29">
        <v>19</v>
      </c>
    </row>
    <row r="119" spans="1:4" ht="18" customHeight="1" x14ac:dyDescent="0.2">
      <c r="A119" s="31">
        <v>94</v>
      </c>
      <c r="B119" s="27">
        <v>6</v>
      </c>
      <c r="C119" s="28">
        <v>3</v>
      </c>
      <c r="D119" s="29">
        <v>9</v>
      </c>
    </row>
    <row r="120" spans="1:4" ht="18" customHeight="1" x14ac:dyDescent="0.2">
      <c r="A120" s="31" t="s">
        <v>68</v>
      </c>
      <c r="B120" s="27">
        <v>23</v>
      </c>
      <c r="C120" s="28">
        <v>47</v>
      </c>
      <c r="D120" s="29">
        <v>70</v>
      </c>
    </row>
    <row r="121" spans="1:4" ht="18" customHeight="1" x14ac:dyDescent="0.2">
      <c r="A121" s="31">
        <v>95</v>
      </c>
      <c r="B121" s="27">
        <v>2</v>
      </c>
      <c r="C121" s="28">
        <v>9</v>
      </c>
      <c r="D121" s="29">
        <v>11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2</v>
      </c>
      <c r="C126" s="28">
        <v>19</v>
      </c>
      <c r="D126" s="29">
        <v>21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534</v>
      </c>
      <c r="C130" s="5">
        <v>686</v>
      </c>
      <c r="D130" s="6">
        <v>1220</v>
      </c>
    </row>
    <row r="131" spans="1:4" ht="18" customHeight="1" x14ac:dyDescent="0.2">
      <c r="A131" s="33" t="s">
        <v>47</v>
      </c>
      <c r="B131" s="7">
        <v>1878</v>
      </c>
      <c r="C131" s="8">
        <v>2010</v>
      </c>
      <c r="D131" s="9">
        <v>388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1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1</v>
      </c>
      <c r="C5" s="12">
        <v>7</v>
      </c>
      <c r="D5" s="13">
        <v>28</v>
      </c>
    </row>
    <row r="6" spans="1:4" ht="18" customHeight="1" x14ac:dyDescent="0.2">
      <c r="A6" s="14">
        <v>1</v>
      </c>
      <c r="B6" s="15">
        <v>8</v>
      </c>
      <c r="C6" s="16">
        <v>17</v>
      </c>
      <c r="D6" s="17">
        <v>25</v>
      </c>
    </row>
    <row r="7" spans="1:4" ht="18" customHeight="1" x14ac:dyDescent="0.2">
      <c r="A7" s="14">
        <v>2</v>
      </c>
      <c r="B7" s="15">
        <v>12</v>
      </c>
      <c r="C7" s="16">
        <v>10</v>
      </c>
      <c r="D7" s="17">
        <v>22</v>
      </c>
    </row>
    <row r="8" spans="1:4" ht="18" customHeight="1" x14ac:dyDescent="0.2">
      <c r="A8" s="14">
        <v>3</v>
      </c>
      <c r="B8" s="15">
        <v>15</v>
      </c>
      <c r="C8" s="16">
        <v>14</v>
      </c>
      <c r="D8" s="17">
        <v>29</v>
      </c>
    </row>
    <row r="9" spans="1:4" ht="18" customHeight="1" x14ac:dyDescent="0.2">
      <c r="A9" s="14">
        <v>4</v>
      </c>
      <c r="B9" s="15">
        <v>15</v>
      </c>
      <c r="C9" s="16">
        <v>16</v>
      </c>
      <c r="D9" s="17">
        <v>31</v>
      </c>
    </row>
    <row r="10" spans="1:4" ht="18" customHeight="1" x14ac:dyDescent="0.2">
      <c r="A10" s="18" t="s">
        <v>48</v>
      </c>
      <c r="B10" s="15">
        <v>71</v>
      </c>
      <c r="C10" s="16">
        <v>64</v>
      </c>
      <c r="D10" s="17">
        <v>135</v>
      </c>
    </row>
    <row r="11" spans="1:4" ht="18" customHeight="1" x14ac:dyDescent="0.2">
      <c r="A11" s="14">
        <v>5</v>
      </c>
      <c r="B11" s="15">
        <v>12</v>
      </c>
      <c r="C11" s="16">
        <v>16</v>
      </c>
      <c r="D11" s="17">
        <v>28</v>
      </c>
    </row>
    <row r="12" spans="1:4" ht="18" customHeight="1" x14ac:dyDescent="0.2">
      <c r="A12" s="14">
        <v>6</v>
      </c>
      <c r="B12" s="15">
        <v>15</v>
      </c>
      <c r="C12" s="16">
        <v>16</v>
      </c>
      <c r="D12" s="17">
        <v>31</v>
      </c>
    </row>
    <row r="13" spans="1:4" ht="18" customHeight="1" x14ac:dyDescent="0.2">
      <c r="A13" s="14">
        <v>7</v>
      </c>
      <c r="B13" s="15">
        <v>17</v>
      </c>
      <c r="C13" s="16">
        <v>6</v>
      </c>
      <c r="D13" s="17">
        <v>23</v>
      </c>
    </row>
    <row r="14" spans="1:4" ht="18" customHeight="1" x14ac:dyDescent="0.2">
      <c r="A14" s="14">
        <v>8</v>
      </c>
      <c r="B14" s="15">
        <v>16</v>
      </c>
      <c r="C14" s="16">
        <v>12</v>
      </c>
      <c r="D14" s="17">
        <v>28</v>
      </c>
    </row>
    <row r="15" spans="1:4" ht="18" customHeight="1" x14ac:dyDescent="0.2">
      <c r="A15" s="14">
        <v>9</v>
      </c>
      <c r="B15" s="15">
        <v>18</v>
      </c>
      <c r="C15" s="16">
        <v>16</v>
      </c>
      <c r="D15" s="17">
        <v>34</v>
      </c>
    </row>
    <row r="16" spans="1:4" ht="18" customHeight="1" x14ac:dyDescent="0.2">
      <c r="A16" s="18" t="s">
        <v>49</v>
      </c>
      <c r="B16" s="15">
        <v>78</v>
      </c>
      <c r="C16" s="16">
        <v>66</v>
      </c>
      <c r="D16" s="17">
        <v>144</v>
      </c>
    </row>
    <row r="17" spans="1:4" ht="18" customHeight="1" x14ac:dyDescent="0.2">
      <c r="A17" s="14">
        <v>10</v>
      </c>
      <c r="B17" s="15">
        <v>10</v>
      </c>
      <c r="C17" s="16">
        <v>12</v>
      </c>
      <c r="D17" s="17">
        <v>22</v>
      </c>
    </row>
    <row r="18" spans="1:4" ht="18" customHeight="1" x14ac:dyDescent="0.2">
      <c r="A18" s="14">
        <v>11</v>
      </c>
      <c r="B18" s="15">
        <v>29</v>
      </c>
      <c r="C18" s="16">
        <v>10</v>
      </c>
      <c r="D18" s="17">
        <v>39</v>
      </c>
    </row>
    <row r="19" spans="1:4" ht="18" customHeight="1" x14ac:dyDescent="0.2">
      <c r="A19" s="14">
        <v>12</v>
      </c>
      <c r="B19" s="15">
        <v>17</v>
      </c>
      <c r="C19" s="16">
        <v>4</v>
      </c>
      <c r="D19" s="17">
        <v>21</v>
      </c>
    </row>
    <row r="20" spans="1:4" ht="18" customHeight="1" x14ac:dyDescent="0.2">
      <c r="A20" s="14">
        <v>13</v>
      </c>
      <c r="B20" s="15">
        <v>16</v>
      </c>
      <c r="C20" s="16">
        <v>15</v>
      </c>
      <c r="D20" s="17">
        <v>31</v>
      </c>
    </row>
    <row r="21" spans="1:4" ht="18" customHeight="1" x14ac:dyDescent="0.2">
      <c r="A21" s="14">
        <v>14</v>
      </c>
      <c r="B21" s="15">
        <v>9</v>
      </c>
      <c r="C21" s="16">
        <v>10</v>
      </c>
      <c r="D21" s="17">
        <v>19</v>
      </c>
    </row>
    <row r="22" spans="1:4" ht="18" customHeight="1" x14ac:dyDescent="0.2">
      <c r="A22" s="18" t="s">
        <v>50</v>
      </c>
      <c r="B22" s="15">
        <v>81</v>
      </c>
      <c r="C22" s="16">
        <v>51</v>
      </c>
      <c r="D22" s="17">
        <v>132</v>
      </c>
    </row>
    <row r="23" spans="1:4" ht="18" customHeight="1" x14ac:dyDescent="0.2">
      <c r="A23" s="18" t="s">
        <v>51</v>
      </c>
      <c r="B23" s="15">
        <v>230</v>
      </c>
      <c r="C23" s="16">
        <v>181</v>
      </c>
      <c r="D23" s="17">
        <v>411</v>
      </c>
    </row>
    <row r="24" spans="1:4" ht="18" customHeight="1" x14ac:dyDescent="0.2">
      <c r="A24" s="14">
        <v>15</v>
      </c>
      <c r="B24" s="15">
        <v>14</v>
      </c>
      <c r="C24" s="16">
        <v>11</v>
      </c>
      <c r="D24" s="17">
        <v>25</v>
      </c>
    </row>
    <row r="25" spans="1:4" ht="18" customHeight="1" x14ac:dyDescent="0.2">
      <c r="A25" s="14">
        <v>16</v>
      </c>
      <c r="B25" s="15">
        <v>18</v>
      </c>
      <c r="C25" s="16">
        <v>13</v>
      </c>
      <c r="D25" s="17">
        <v>31</v>
      </c>
    </row>
    <row r="26" spans="1:4" ht="18" customHeight="1" x14ac:dyDescent="0.2">
      <c r="A26" s="14">
        <v>17</v>
      </c>
      <c r="B26" s="15">
        <v>12</v>
      </c>
      <c r="C26" s="16">
        <v>17</v>
      </c>
      <c r="D26" s="17">
        <v>29</v>
      </c>
    </row>
    <row r="27" spans="1:4" ht="18" customHeight="1" x14ac:dyDescent="0.2">
      <c r="A27" s="14">
        <v>18</v>
      </c>
      <c r="B27" s="15">
        <v>14</v>
      </c>
      <c r="C27" s="16">
        <v>12</v>
      </c>
      <c r="D27" s="17">
        <v>26</v>
      </c>
    </row>
    <row r="28" spans="1:4" ht="18" customHeight="1" x14ac:dyDescent="0.2">
      <c r="A28" s="14">
        <v>19</v>
      </c>
      <c r="B28" s="15">
        <v>16</v>
      </c>
      <c r="C28" s="16">
        <v>19</v>
      </c>
      <c r="D28" s="17">
        <v>35</v>
      </c>
    </row>
    <row r="29" spans="1:4" ht="18" customHeight="1" x14ac:dyDescent="0.2">
      <c r="A29" s="18" t="s">
        <v>52</v>
      </c>
      <c r="B29" s="15">
        <v>74</v>
      </c>
      <c r="C29" s="16">
        <v>72</v>
      </c>
      <c r="D29" s="17">
        <v>146</v>
      </c>
    </row>
    <row r="30" spans="1:4" ht="18" customHeight="1" x14ac:dyDescent="0.2">
      <c r="A30" s="14">
        <v>20</v>
      </c>
      <c r="B30" s="15">
        <v>12</v>
      </c>
      <c r="C30" s="16">
        <v>10</v>
      </c>
      <c r="D30" s="17">
        <v>22</v>
      </c>
    </row>
    <row r="31" spans="1:4" ht="18" customHeight="1" x14ac:dyDescent="0.2">
      <c r="A31" s="14">
        <v>21</v>
      </c>
      <c r="B31" s="15">
        <v>16</v>
      </c>
      <c r="C31" s="16">
        <v>18</v>
      </c>
      <c r="D31" s="17">
        <v>34</v>
      </c>
    </row>
    <row r="32" spans="1:4" ht="18" customHeight="1" x14ac:dyDescent="0.2">
      <c r="A32" s="14">
        <v>22</v>
      </c>
      <c r="B32" s="15">
        <v>8</v>
      </c>
      <c r="C32" s="16">
        <v>21</v>
      </c>
      <c r="D32" s="17">
        <v>29</v>
      </c>
    </row>
    <row r="33" spans="1:4" ht="18" customHeight="1" x14ac:dyDescent="0.2">
      <c r="A33" s="14">
        <v>23</v>
      </c>
      <c r="B33" s="15">
        <v>14</v>
      </c>
      <c r="C33" s="16">
        <v>19</v>
      </c>
      <c r="D33" s="17">
        <v>33</v>
      </c>
    </row>
    <row r="34" spans="1:4" ht="18" customHeight="1" x14ac:dyDescent="0.2">
      <c r="A34" s="14">
        <v>24</v>
      </c>
      <c r="B34" s="15">
        <v>12</v>
      </c>
      <c r="C34" s="16">
        <v>18</v>
      </c>
      <c r="D34" s="17">
        <v>30</v>
      </c>
    </row>
    <row r="35" spans="1:4" ht="18" customHeight="1" x14ac:dyDescent="0.2">
      <c r="A35" s="18" t="s">
        <v>53</v>
      </c>
      <c r="B35" s="15">
        <v>62</v>
      </c>
      <c r="C35" s="16">
        <v>86</v>
      </c>
      <c r="D35" s="17">
        <v>148</v>
      </c>
    </row>
    <row r="36" spans="1:4" ht="18" customHeight="1" x14ac:dyDescent="0.2">
      <c r="A36" s="14">
        <v>25</v>
      </c>
      <c r="B36" s="15">
        <v>23</v>
      </c>
      <c r="C36" s="16">
        <v>17</v>
      </c>
      <c r="D36" s="17">
        <v>40</v>
      </c>
    </row>
    <row r="37" spans="1:4" ht="18" customHeight="1" x14ac:dyDescent="0.2">
      <c r="A37" s="14">
        <v>26</v>
      </c>
      <c r="B37" s="15">
        <v>20</v>
      </c>
      <c r="C37" s="16">
        <v>11</v>
      </c>
      <c r="D37" s="17">
        <v>31</v>
      </c>
    </row>
    <row r="38" spans="1:4" ht="18" customHeight="1" x14ac:dyDescent="0.2">
      <c r="A38" s="14">
        <v>27</v>
      </c>
      <c r="B38" s="15">
        <v>21</v>
      </c>
      <c r="C38" s="16">
        <v>15</v>
      </c>
      <c r="D38" s="17">
        <v>36</v>
      </c>
    </row>
    <row r="39" spans="1:4" ht="18" customHeight="1" x14ac:dyDescent="0.2">
      <c r="A39" s="14">
        <v>28</v>
      </c>
      <c r="B39" s="15">
        <v>10</v>
      </c>
      <c r="C39" s="16">
        <v>13</v>
      </c>
      <c r="D39" s="17">
        <v>23</v>
      </c>
    </row>
    <row r="40" spans="1:4" ht="18" customHeight="1" x14ac:dyDescent="0.2">
      <c r="A40" s="14">
        <v>29</v>
      </c>
      <c r="B40" s="15">
        <v>15</v>
      </c>
      <c r="C40" s="16">
        <v>14</v>
      </c>
      <c r="D40" s="17">
        <v>29</v>
      </c>
    </row>
    <row r="41" spans="1:4" ht="18" customHeight="1" x14ac:dyDescent="0.2">
      <c r="A41" s="18" t="s">
        <v>54</v>
      </c>
      <c r="B41" s="15">
        <v>89</v>
      </c>
      <c r="C41" s="16">
        <v>70</v>
      </c>
      <c r="D41" s="17">
        <v>159</v>
      </c>
    </row>
    <row r="42" spans="1:4" ht="18" customHeight="1" x14ac:dyDescent="0.2">
      <c r="A42" s="14">
        <v>30</v>
      </c>
      <c r="B42" s="15">
        <v>17</v>
      </c>
      <c r="C42" s="16">
        <v>13</v>
      </c>
      <c r="D42" s="17">
        <v>30</v>
      </c>
    </row>
    <row r="43" spans="1:4" ht="18" customHeight="1" x14ac:dyDescent="0.2">
      <c r="A43" s="14">
        <v>31</v>
      </c>
      <c r="B43" s="15">
        <v>21</v>
      </c>
      <c r="C43" s="16">
        <v>19</v>
      </c>
      <c r="D43" s="17">
        <v>40</v>
      </c>
    </row>
    <row r="44" spans="1:4" ht="18" customHeight="1" x14ac:dyDescent="0.2">
      <c r="A44" s="14">
        <v>32</v>
      </c>
      <c r="B44" s="15">
        <v>20</v>
      </c>
      <c r="C44" s="16">
        <v>21</v>
      </c>
      <c r="D44" s="17">
        <v>41</v>
      </c>
    </row>
    <row r="45" spans="1:4" ht="18" customHeight="1" x14ac:dyDescent="0.2">
      <c r="A45" s="14">
        <v>33</v>
      </c>
      <c r="B45" s="15">
        <v>26</v>
      </c>
      <c r="C45" s="16">
        <v>13</v>
      </c>
      <c r="D45" s="17">
        <v>39</v>
      </c>
    </row>
    <row r="46" spans="1:4" ht="18" customHeight="1" x14ac:dyDescent="0.2">
      <c r="A46" s="14">
        <v>34</v>
      </c>
      <c r="B46" s="15">
        <v>24</v>
      </c>
      <c r="C46" s="16">
        <v>17</v>
      </c>
      <c r="D46" s="17">
        <v>41</v>
      </c>
    </row>
    <row r="47" spans="1:4" ht="18" customHeight="1" x14ac:dyDescent="0.2">
      <c r="A47" s="18" t="s">
        <v>55</v>
      </c>
      <c r="B47" s="15">
        <v>108</v>
      </c>
      <c r="C47" s="16">
        <v>83</v>
      </c>
      <c r="D47" s="17">
        <v>191</v>
      </c>
    </row>
    <row r="48" spans="1:4" ht="18" customHeight="1" x14ac:dyDescent="0.2">
      <c r="A48" s="14">
        <v>35</v>
      </c>
      <c r="B48" s="15">
        <v>21</v>
      </c>
      <c r="C48" s="16">
        <v>20</v>
      </c>
      <c r="D48" s="17">
        <v>41</v>
      </c>
    </row>
    <row r="49" spans="1:4" ht="18" customHeight="1" x14ac:dyDescent="0.2">
      <c r="A49" s="14">
        <v>36</v>
      </c>
      <c r="B49" s="15">
        <v>20</v>
      </c>
      <c r="C49" s="16">
        <v>21</v>
      </c>
      <c r="D49" s="17">
        <v>41</v>
      </c>
    </row>
    <row r="50" spans="1:4" ht="18" customHeight="1" x14ac:dyDescent="0.2">
      <c r="A50" s="14">
        <v>37</v>
      </c>
      <c r="B50" s="15">
        <v>27</v>
      </c>
      <c r="C50" s="16">
        <v>21</v>
      </c>
      <c r="D50" s="17">
        <v>48</v>
      </c>
    </row>
    <row r="51" spans="1:4" ht="18" customHeight="1" x14ac:dyDescent="0.2">
      <c r="A51" s="14">
        <v>38</v>
      </c>
      <c r="B51" s="15">
        <v>33</v>
      </c>
      <c r="C51" s="16">
        <v>24</v>
      </c>
      <c r="D51" s="17">
        <v>57</v>
      </c>
    </row>
    <row r="52" spans="1:4" ht="18" customHeight="1" x14ac:dyDescent="0.2">
      <c r="A52" s="14">
        <v>39</v>
      </c>
      <c r="B52" s="15">
        <v>22</v>
      </c>
      <c r="C52" s="16">
        <v>18</v>
      </c>
      <c r="D52" s="17">
        <v>40</v>
      </c>
    </row>
    <row r="53" spans="1:4" ht="18" customHeight="1" x14ac:dyDescent="0.2">
      <c r="A53" s="18" t="s">
        <v>56</v>
      </c>
      <c r="B53" s="15">
        <v>123</v>
      </c>
      <c r="C53" s="16">
        <v>104</v>
      </c>
      <c r="D53" s="17">
        <v>227</v>
      </c>
    </row>
    <row r="54" spans="1:4" ht="18" customHeight="1" x14ac:dyDescent="0.2">
      <c r="A54" s="14">
        <v>40</v>
      </c>
      <c r="B54" s="15">
        <v>27</v>
      </c>
      <c r="C54" s="16">
        <v>28</v>
      </c>
      <c r="D54" s="17">
        <v>55</v>
      </c>
    </row>
    <row r="55" spans="1:4" ht="18" customHeight="1" x14ac:dyDescent="0.2">
      <c r="A55" s="14">
        <v>41</v>
      </c>
      <c r="B55" s="15">
        <v>21</v>
      </c>
      <c r="C55" s="16">
        <v>20</v>
      </c>
      <c r="D55" s="17">
        <v>41</v>
      </c>
    </row>
    <row r="56" spans="1:4" ht="18" customHeight="1" x14ac:dyDescent="0.2">
      <c r="A56" s="14">
        <v>42</v>
      </c>
      <c r="B56" s="15">
        <v>25</v>
      </c>
      <c r="C56" s="16">
        <v>28</v>
      </c>
      <c r="D56" s="17">
        <v>53</v>
      </c>
    </row>
    <row r="57" spans="1:4" ht="18" customHeight="1" x14ac:dyDescent="0.2">
      <c r="A57" s="14">
        <v>43</v>
      </c>
      <c r="B57" s="15">
        <v>21</v>
      </c>
      <c r="C57" s="16">
        <v>19</v>
      </c>
      <c r="D57" s="17">
        <v>40</v>
      </c>
    </row>
    <row r="58" spans="1:4" ht="18" customHeight="1" x14ac:dyDescent="0.2">
      <c r="A58" s="14">
        <v>44</v>
      </c>
      <c r="B58" s="15">
        <v>37</v>
      </c>
      <c r="C58" s="16">
        <v>38</v>
      </c>
      <c r="D58" s="17">
        <v>75</v>
      </c>
    </row>
    <row r="59" spans="1:4" ht="18" customHeight="1" x14ac:dyDescent="0.2">
      <c r="A59" s="18" t="s">
        <v>57</v>
      </c>
      <c r="B59" s="15">
        <v>131</v>
      </c>
      <c r="C59" s="16">
        <v>133</v>
      </c>
      <c r="D59" s="17">
        <v>264</v>
      </c>
    </row>
    <row r="60" spans="1:4" ht="18" customHeight="1" x14ac:dyDescent="0.2">
      <c r="A60" s="14">
        <v>45</v>
      </c>
      <c r="B60" s="15">
        <v>36</v>
      </c>
      <c r="C60" s="16">
        <v>24</v>
      </c>
      <c r="D60" s="17">
        <v>60</v>
      </c>
    </row>
    <row r="61" spans="1:4" ht="18" customHeight="1" x14ac:dyDescent="0.2">
      <c r="A61" s="14">
        <v>46</v>
      </c>
      <c r="B61" s="15">
        <v>32</v>
      </c>
      <c r="C61" s="16">
        <v>40</v>
      </c>
      <c r="D61" s="17">
        <v>72</v>
      </c>
    </row>
    <row r="62" spans="1:4" ht="18" customHeight="1" x14ac:dyDescent="0.2">
      <c r="A62" s="14">
        <v>47</v>
      </c>
      <c r="B62" s="15">
        <v>24</v>
      </c>
      <c r="C62" s="16">
        <v>25</v>
      </c>
      <c r="D62" s="17">
        <v>49</v>
      </c>
    </row>
    <row r="63" spans="1:4" ht="18" customHeight="1" x14ac:dyDescent="0.2">
      <c r="A63" s="14">
        <v>48</v>
      </c>
      <c r="B63" s="15">
        <v>28</v>
      </c>
      <c r="C63" s="16">
        <v>22</v>
      </c>
      <c r="D63" s="17">
        <v>50</v>
      </c>
    </row>
    <row r="64" spans="1:4" ht="18" customHeight="1" x14ac:dyDescent="0.2">
      <c r="A64" s="14">
        <v>49</v>
      </c>
      <c r="B64" s="15">
        <v>20</v>
      </c>
      <c r="C64" s="16">
        <v>37</v>
      </c>
      <c r="D64" s="17">
        <v>57</v>
      </c>
    </row>
    <row r="65" spans="1:4" ht="18" customHeight="1" x14ac:dyDescent="0.2">
      <c r="A65" s="18" t="s">
        <v>58</v>
      </c>
      <c r="B65" s="15">
        <v>140</v>
      </c>
      <c r="C65" s="16">
        <v>148</v>
      </c>
      <c r="D65" s="17">
        <v>288</v>
      </c>
    </row>
    <row r="66" spans="1:4" ht="18" customHeight="1" x14ac:dyDescent="0.2">
      <c r="A66" s="14">
        <v>50</v>
      </c>
      <c r="B66" s="15">
        <v>24</v>
      </c>
      <c r="C66" s="16">
        <v>33</v>
      </c>
      <c r="D66" s="17">
        <v>57</v>
      </c>
    </row>
    <row r="67" spans="1:4" ht="18" customHeight="1" x14ac:dyDescent="0.2">
      <c r="A67" s="14">
        <v>51</v>
      </c>
      <c r="B67" s="15">
        <v>28</v>
      </c>
      <c r="C67" s="16">
        <v>26</v>
      </c>
      <c r="D67" s="17">
        <v>54</v>
      </c>
    </row>
    <row r="68" spans="1:4" ht="18" customHeight="1" x14ac:dyDescent="0.2">
      <c r="A68" s="14">
        <v>52</v>
      </c>
      <c r="B68" s="15">
        <v>40</v>
      </c>
      <c r="C68" s="16">
        <v>29</v>
      </c>
      <c r="D68" s="17">
        <v>69</v>
      </c>
    </row>
    <row r="69" spans="1:4" ht="18" customHeight="1" x14ac:dyDescent="0.2">
      <c r="A69" s="14">
        <v>53</v>
      </c>
      <c r="B69" s="15">
        <v>30</v>
      </c>
      <c r="C69" s="16">
        <v>22</v>
      </c>
      <c r="D69" s="17">
        <v>52</v>
      </c>
    </row>
    <row r="70" spans="1:4" ht="18" customHeight="1" x14ac:dyDescent="0.2">
      <c r="A70" s="14">
        <v>54</v>
      </c>
      <c r="B70" s="15">
        <v>26</v>
      </c>
      <c r="C70" s="16">
        <v>30</v>
      </c>
      <c r="D70" s="17">
        <v>56</v>
      </c>
    </row>
    <row r="71" spans="1:4" ht="18" customHeight="1" x14ac:dyDescent="0.2">
      <c r="A71" s="18" t="s">
        <v>59</v>
      </c>
      <c r="B71" s="15">
        <v>148</v>
      </c>
      <c r="C71" s="16">
        <v>140</v>
      </c>
      <c r="D71" s="17">
        <v>288</v>
      </c>
    </row>
    <row r="72" spans="1:4" ht="18" customHeight="1" x14ac:dyDescent="0.2">
      <c r="A72" s="14">
        <v>55</v>
      </c>
      <c r="B72" s="15">
        <v>25</v>
      </c>
      <c r="C72" s="16">
        <v>34</v>
      </c>
      <c r="D72" s="17">
        <v>59</v>
      </c>
    </row>
    <row r="73" spans="1:4" ht="18" customHeight="1" x14ac:dyDescent="0.2">
      <c r="A73" s="14">
        <v>56</v>
      </c>
      <c r="B73" s="15">
        <v>29</v>
      </c>
      <c r="C73" s="16">
        <v>23</v>
      </c>
      <c r="D73" s="17">
        <v>52</v>
      </c>
    </row>
    <row r="74" spans="1:4" ht="18" customHeight="1" x14ac:dyDescent="0.2">
      <c r="A74" s="14">
        <v>57</v>
      </c>
      <c r="B74" s="15">
        <v>29</v>
      </c>
      <c r="C74" s="16">
        <v>13</v>
      </c>
      <c r="D74" s="17">
        <v>42</v>
      </c>
    </row>
    <row r="75" spans="1:4" ht="18" customHeight="1" x14ac:dyDescent="0.2">
      <c r="A75" s="14">
        <v>58</v>
      </c>
      <c r="B75" s="15">
        <v>26</v>
      </c>
      <c r="C75" s="16">
        <v>17</v>
      </c>
      <c r="D75" s="17">
        <v>43</v>
      </c>
    </row>
    <row r="76" spans="1:4" ht="18" customHeight="1" x14ac:dyDescent="0.2">
      <c r="A76" s="14">
        <v>59</v>
      </c>
      <c r="B76" s="15">
        <v>28</v>
      </c>
      <c r="C76" s="16">
        <v>38</v>
      </c>
      <c r="D76" s="17">
        <v>66</v>
      </c>
    </row>
    <row r="77" spans="1:4" ht="18" customHeight="1" x14ac:dyDescent="0.2">
      <c r="A77" s="18" t="s">
        <v>60</v>
      </c>
      <c r="B77" s="15">
        <v>137</v>
      </c>
      <c r="C77" s="16">
        <v>125</v>
      </c>
      <c r="D77" s="17">
        <v>262</v>
      </c>
    </row>
    <row r="78" spans="1:4" ht="18" customHeight="1" x14ac:dyDescent="0.2">
      <c r="A78" s="14">
        <v>60</v>
      </c>
      <c r="B78" s="15">
        <v>32</v>
      </c>
      <c r="C78" s="16">
        <v>31</v>
      </c>
      <c r="D78" s="17">
        <v>63</v>
      </c>
    </row>
    <row r="79" spans="1:4" ht="18" customHeight="1" x14ac:dyDescent="0.2">
      <c r="A79" s="14">
        <v>61</v>
      </c>
      <c r="B79" s="15">
        <v>27</v>
      </c>
      <c r="C79" s="16">
        <v>24</v>
      </c>
      <c r="D79" s="17">
        <v>51</v>
      </c>
    </row>
    <row r="80" spans="1:4" ht="18" customHeight="1" x14ac:dyDescent="0.2">
      <c r="A80" s="14">
        <v>62</v>
      </c>
      <c r="B80" s="15">
        <v>27</v>
      </c>
      <c r="C80" s="16">
        <v>19</v>
      </c>
      <c r="D80" s="17">
        <v>46</v>
      </c>
    </row>
    <row r="81" spans="1:4" ht="18" customHeight="1" x14ac:dyDescent="0.2">
      <c r="A81" s="14">
        <v>63</v>
      </c>
      <c r="B81" s="15">
        <v>31</v>
      </c>
      <c r="C81" s="16">
        <v>33</v>
      </c>
      <c r="D81" s="17">
        <v>64</v>
      </c>
    </row>
    <row r="82" spans="1:4" ht="18" customHeight="1" x14ac:dyDescent="0.2">
      <c r="A82" s="14">
        <v>64</v>
      </c>
      <c r="B82" s="15">
        <v>25</v>
      </c>
      <c r="C82" s="16">
        <v>38</v>
      </c>
      <c r="D82" s="17">
        <v>63</v>
      </c>
    </row>
    <row r="83" spans="1:4" ht="18" customHeight="1" x14ac:dyDescent="0.2">
      <c r="A83" s="18" t="s">
        <v>61</v>
      </c>
      <c r="B83" s="15">
        <v>142</v>
      </c>
      <c r="C83" s="16">
        <v>145</v>
      </c>
      <c r="D83" s="17">
        <v>287</v>
      </c>
    </row>
    <row r="84" spans="1:4" ht="18" customHeight="1" x14ac:dyDescent="0.2">
      <c r="A84" s="18" t="s">
        <v>62</v>
      </c>
      <c r="B84" s="15">
        <v>1154</v>
      </c>
      <c r="C84" s="16">
        <v>1106</v>
      </c>
      <c r="D84" s="17">
        <v>2260</v>
      </c>
    </row>
    <row r="85" spans="1:4" ht="18" customHeight="1" x14ac:dyDescent="0.2">
      <c r="A85" s="14">
        <v>65</v>
      </c>
      <c r="B85" s="15">
        <v>33</v>
      </c>
      <c r="C85" s="16">
        <v>28</v>
      </c>
      <c r="D85" s="17">
        <v>61</v>
      </c>
    </row>
    <row r="86" spans="1:4" ht="18" customHeight="1" x14ac:dyDescent="0.2">
      <c r="A86" s="14">
        <v>66</v>
      </c>
      <c r="B86" s="15">
        <v>25</v>
      </c>
      <c r="C86" s="16">
        <v>31</v>
      </c>
      <c r="D86" s="17">
        <v>56</v>
      </c>
    </row>
    <row r="87" spans="1:4" ht="18" customHeight="1" x14ac:dyDescent="0.2">
      <c r="A87" s="14">
        <v>67</v>
      </c>
      <c r="B87" s="15">
        <v>33</v>
      </c>
      <c r="C87" s="16">
        <v>25</v>
      </c>
      <c r="D87" s="17">
        <v>58</v>
      </c>
    </row>
    <row r="88" spans="1:4" ht="18" customHeight="1" x14ac:dyDescent="0.2">
      <c r="A88" s="14">
        <v>68</v>
      </c>
      <c r="B88" s="15">
        <v>30</v>
      </c>
      <c r="C88" s="16">
        <v>32</v>
      </c>
      <c r="D88" s="17">
        <v>62</v>
      </c>
    </row>
    <row r="89" spans="1:4" ht="18" customHeight="1" x14ac:dyDescent="0.2">
      <c r="A89" s="14">
        <v>69</v>
      </c>
      <c r="B89" s="15">
        <v>38</v>
      </c>
      <c r="C89" s="16">
        <v>26</v>
      </c>
      <c r="D89" s="17">
        <v>64</v>
      </c>
    </row>
    <row r="90" spans="1:4" ht="18" customHeight="1" x14ac:dyDescent="0.2">
      <c r="A90" s="18" t="s">
        <v>63</v>
      </c>
      <c r="B90" s="15">
        <v>159</v>
      </c>
      <c r="C90" s="16">
        <v>142</v>
      </c>
      <c r="D90" s="17">
        <v>301</v>
      </c>
    </row>
    <row r="91" spans="1:4" ht="18" customHeight="1" x14ac:dyDescent="0.2">
      <c r="A91" s="14">
        <v>70</v>
      </c>
      <c r="B91" s="15">
        <v>37</v>
      </c>
      <c r="C91" s="16">
        <v>42</v>
      </c>
      <c r="D91" s="17">
        <v>79</v>
      </c>
    </row>
    <row r="92" spans="1:4" ht="18" customHeight="1" x14ac:dyDescent="0.2">
      <c r="A92" s="14">
        <v>71</v>
      </c>
      <c r="B92" s="15">
        <v>45</v>
      </c>
      <c r="C92" s="16">
        <v>39</v>
      </c>
      <c r="D92" s="17">
        <v>84</v>
      </c>
    </row>
    <row r="93" spans="1:4" ht="18" customHeight="1" x14ac:dyDescent="0.2">
      <c r="A93" s="14">
        <v>72</v>
      </c>
      <c r="B93" s="15">
        <v>33</v>
      </c>
      <c r="C93" s="16">
        <v>49</v>
      </c>
      <c r="D93" s="17">
        <v>82</v>
      </c>
    </row>
    <row r="94" spans="1:4" ht="18" customHeight="1" x14ac:dyDescent="0.2">
      <c r="A94" s="14">
        <v>73</v>
      </c>
      <c r="B94" s="15">
        <v>36</v>
      </c>
      <c r="C94" s="16">
        <v>35</v>
      </c>
      <c r="D94" s="17">
        <v>71</v>
      </c>
    </row>
    <row r="95" spans="1:4" ht="18" customHeight="1" x14ac:dyDescent="0.2">
      <c r="A95" s="14">
        <v>74</v>
      </c>
      <c r="B95" s="15">
        <v>19</v>
      </c>
      <c r="C95" s="16">
        <v>22</v>
      </c>
      <c r="D95" s="17">
        <v>41</v>
      </c>
    </row>
    <row r="96" spans="1:4" ht="18" customHeight="1" x14ac:dyDescent="0.2">
      <c r="A96" s="18" t="s">
        <v>64</v>
      </c>
      <c r="B96" s="15">
        <v>170</v>
      </c>
      <c r="C96" s="16">
        <v>187</v>
      </c>
      <c r="D96" s="17">
        <v>357</v>
      </c>
    </row>
    <row r="97" spans="1:4" ht="18" customHeight="1" x14ac:dyDescent="0.2">
      <c r="A97" s="14">
        <v>75</v>
      </c>
      <c r="B97" s="15">
        <v>24</v>
      </c>
      <c r="C97" s="16">
        <v>21</v>
      </c>
      <c r="D97" s="17">
        <v>45</v>
      </c>
    </row>
    <row r="98" spans="1:4" ht="18" customHeight="1" x14ac:dyDescent="0.2">
      <c r="A98" s="14">
        <v>76</v>
      </c>
      <c r="B98" s="15">
        <v>23</v>
      </c>
      <c r="C98" s="16">
        <v>31</v>
      </c>
      <c r="D98" s="17">
        <v>54</v>
      </c>
    </row>
    <row r="99" spans="1:4" ht="18" customHeight="1" x14ac:dyDescent="0.2">
      <c r="A99" s="14">
        <v>77</v>
      </c>
      <c r="B99" s="15">
        <v>26</v>
      </c>
      <c r="C99" s="16">
        <v>43</v>
      </c>
      <c r="D99" s="17">
        <v>69</v>
      </c>
    </row>
    <row r="100" spans="1:4" ht="18" customHeight="1" x14ac:dyDescent="0.2">
      <c r="A100" s="14">
        <v>78</v>
      </c>
      <c r="B100" s="15">
        <v>22</v>
      </c>
      <c r="C100" s="16">
        <v>37</v>
      </c>
      <c r="D100" s="17">
        <v>59</v>
      </c>
    </row>
    <row r="101" spans="1:4" ht="18" customHeight="1" x14ac:dyDescent="0.2">
      <c r="A101" s="14">
        <v>79</v>
      </c>
      <c r="B101" s="15">
        <v>18</v>
      </c>
      <c r="C101" s="16">
        <v>28</v>
      </c>
      <c r="D101" s="17">
        <v>46</v>
      </c>
    </row>
    <row r="102" spans="1:4" ht="18" customHeight="1" x14ac:dyDescent="0.2">
      <c r="A102" s="18" t="s">
        <v>65</v>
      </c>
      <c r="B102" s="15">
        <v>113</v>
      </c>
      <c r="C102" s="16">
        <v>160</v>
      </c>
      <c r="D102" s="17">
        <v>273</v>
      </c>
    </row>
    <row r="103" spans="1:4" ht="18" customHeight="1" x14ac:dyDescent="0.2">
      <c r="A103" s="14">
        <v>80</v>
      </c>
      <c r="B103" s="15">
        <v>12</v>
      </c>
      <c r="C103" s="16">
        <v>22</v>
      </c>
      <c r="D103" s="17">
        <v>34</v>
      </c>
    </row>
    <row r="104" spans="1:4" ht="18" customHeight="1" x14ac:dyDescent="0.2">
      <c r="A104" s="14">
        <v>81</v>
      </c>
      <c r="B104" s="15">
        <v>22</v>
      </c>
      <c r="C104" s="16">
        <v>35</v>
      </c>
      <c r="D104" s="17">
        <v>57</v>
      </c>
    </row>
    <row r="105" spans="1:4" ht="18" customHeight="1" x14ac:dyDescent="0.2">
      <c r="A105" s="14">
        <v>82</v>
      </c>
      <c r="B105" s="15">
        <v>21</v>
      </c>
      <c r="C105" s="16">
        <v>27</v>
      </c>
      <c r="D105" s="17">
        <v>48</v>
      </c>
    </row>
    <row r="106" spans="1:4" ht="18" customHeight="1" x14ac:dyDescent="0.2">
      <c r="A106" s="14">
        <v>83</v>
      </c>
      <c r="B106" s="15">
        <v>21</v>
      </c>
      <c r="C106" s="16">
        <v>35</v>
      </c>
      <c r="D106" s="17">
        <v>56</v>
      </c>
    </row>
    <row r="107" spans="1:4" ht="18" customHeight="1" x14ac:dyDescent="0.2">
      <c r="A107" s="14">
        <v>84</v>
      </c>
      <c r="B107" s="15">
        <v>21</v>
      </c>
      <c r="C107" s="16">
        <v>32</v>
      </c>
      <c r="D107" s="17">
        <v>53</v>
      </c>
    </row>
    <row r="108" spans="1:4" ht="18" customHeight="1" x14ac:dyDescent="0.2">
      <c r="A108" s="18" t="s">
        <v>66</v>
      </c>
      <c r="B108" s="15">
        <v>97</v>
      </c>
      <c r="C108" s="16">
        <v>151</v>
      </c>
      <c r="D108" s="17">
        <v>248</v>
      </c>
    </row>
    <row r="109" spans="1:4" ht="18" customHeight="1" x14ac:dyDescent="0.2">
      <c r="A109" s="14">
        <v>85</v>
      </c>
      <c r="B109" s="15">
        <v>16</v>
      </c>
      <c r="C109" s="16">
        <v>28</v>
      </c>
      <c r="D109" s="17">
        <v>44</v>
      </c>
    </row>
    <row r="110" spans="1:4" ht="18" customHeight="1" x14ac:dyDescent="0.2">
      <c r="A110" s="14">
        <v>86</v>
      </c>
      <c r="B110" s="15">
        <v>21</v>
      </c>
      <c r="C110" s="16">
        <v>31</v>
      </c>
      <c r="D110" s="17">
        <v>52</v>
      </c>
    </row>
    <row r="111" spans="1:4" ht="18" customHeight="1" x14ac:dyDescent="0.2">
      <c r="A111" s="14">
        <v>87</v>
      </c>
      <c r="B111" s="15">
        <v>18</v>
      </c>
      <c r="C111" s="16">
        <v>19</v>
      </c>
      <c r="D111" s="17">
        <v>37</v>
      </c>
    </row>
    <row r="112" spans="1:4" ht="18" customHeight="1" x14ac:dyDescent="0.2">
      <c r="A112" s="14">
        <v>88</v>
      </c>
      <c r="B112" s="15">
        <v>14</v>
      </c>
      <c r="C112" s="16">
        <v>29</v>
      </c>
      <c r="D112" s="17">
        <v>43</v>
      </c>
    </row>
    <row r="113" spans="1:4" ht="18" customHeight="1" x14ac:dyDescent="0.2">
      <c r="A113" s="14">
        <v>89</v>
      </c>
      <c r="B113" s="15">
        <v>14</v>
      </c>
      <c r="C113" s="16">
        <v>23</v>
      </c>
      <c r="D113" s="17">
        <v>37</v>
      </c>
    </row>
    <row r="114" spans="1:4" ht="18" customHeight="1" x14ac:dyDescent="0.2">
      <c r="A114" s="18" t="s">
        <v>67</v>
      </c>
      <c r="B114" s="15">
        <v>83</v>
      </c>
      <c r="C114" s="16">
        <v>130</v>
      </c>
      <c r="D114" s="17">
        <v>213</v>
      </c>
    </row>
    <row r="115" spans="1:4" ht="18" customHeight="1" x14ac:dyDescent="0.2">
      <c r="A115" s="14">
        <v>90</v>
      </c>
      <c r="B115" s="15">
        <v>7</v>
      </c>
      <c r="C115" s="16">
        <v>20</v>
      </c>
      <c r="D115" s="17">
        <v>27</v>
      </c>
    </row>
    <row r="116" spans="1:4" ht="18" customHeight="1" x14ac:dyDescent="0.2">
      <c r="A116" s="14">
        <v>91</v>
      </c>
      <c r="B116" s="15">
        <v>7</v>
      </c>
      <c r="C116" s="16">
        <v>20</v>
      </c>
      <c r="D116" s="17">
        <v>27</v>
      </c>
    </row>
    <row r="117" spans="1:4" ht="18" customHeight="1" x14ac:dyDescent="0.2">
      <c r="A117" s="14">
        <v>92</v>
      </c>
      <c r="B117" s="15">
        <v>6</v>
      </c>
      <c r="C117" s="16">
        <v>11</v>
      </c>
      <c r="D117" s="17">
        <v>17</v>
      </c>
    </row>
    <row r="118" spans="1:4" ht="18" customHeight="1" x14ac:dyDescent="0.2">
      <c r="A118" s="14">
        <v>93</v>
      </c>
      <c r="B118" s="15">
        <v>4</v>
      </c>
      <c r="C118" s="16">
        <v>12</v>
      </c>
      <c r="D118" s="17">
        <v>16</v>
      </c>
    </row>
    <row r="119" spans="1:4" ht="18" customHeight="1" x14ac:dyDescent="0.2">
      <c r="A119" s="14">
        <v>94</v>
      </c>
      <c r="B119" s="15">
        <v>6</v>
      </c>
      <c r="C119" s="16">
        <v>11</v>
      </c>
      <c r="D119" s="17">
        <v>17</v>
      </c>
    </row>
    <row r="120" spans="1:4" ht="18" customHeight="1" x14ac:dyDescent="0.2">
      <c r="A120" s="18" t="s">
        <v>68</v>
      </c>
      <c r="B120" s="15">
        <v>30</v>
      </c>
      <c r="C120" s="16">
        <v>74</v>
      </c>
      <c r="D120" s="17">
        <v>104</v>
      </c>
    </row>
    <row r="121" spans="1:4" ht="18" customHeight="1" x14ac:dyDescent="0.2">
      <c r="A121" s="14">
        <v>95</v>
      </c>
      <c r="B121" s="15">
        <v>1</v>
      </c>
      <c r="C121" s="16">
        <v>9</v>
      </c>
      <c r="D121" s="17">
        <v>10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2</v>
      </c>
      <c r="C126" s="16">
        <v>25</v>
      </c>
      <c r="D126" s="17">
        <v>27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655</v>
      </c>
      <c r="C130" s="5">
        <v>872</v>
      </c>
      <c r="D130" s="6">
        <v>1527</v>
      </c>
    </row>
    <row r="131" spans="1:4" ht="18" customHeight="1" x14ac:dyDescent="0.2">
      <c r="A131" s="20" t="s">
        <v>47</v>
      </c>
      <c r="B131" s="7">
        <v>2039</v>
      </c>
      <c r="C131" s="8">
        <v>2159</v>
      </c>
      <c r="D131" s="9">
        <v>419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4</v>
      </c>
      <c r="D5" s="39">
        <v>5</v>
      </c>
    </row>
    <row r="6" spans="1:4" ht="18" customHeight="1" x14ac:dyDescent="0.2">
      <c r="A6" s="31">
        <v>1</v>
      </c>
      <c r="B6" s="35">
        <v>3</v>
      </c>
      <c r="C6" s="28">
        <v>2</v>
      </c>
      <c r="D6" s="29">
        <v>5</v>
      </c>
    </row>
    <row r="7" spans="1:4" ht="18" customHeight="1" x14ac:dyDescent="0.2">
      <c r="A7" s="31">
        <v>2</v>
      </c>
      <c r="B7" s="35">
        <v>4</v>
      </c>
      <c r="C7" s="28">
        <v>1</v>
      </c>
      <c r="D7" s="29">
        <v>5</v>
      </c>
    </row>
    <row r="8" spans="1:4" ht="18" customHeight="1" x14ac:dyDescent="0.2">
      <c r="A8" s="31">
        <v>3</v>
      </c>
      <c r="B8" s="35">
        <v>7</v>
      </c>
      <c r="C8" s="28">
        <v>2</v>
      </c>
      <c r="D8" s="29">
        <v>9</v>
      </c>
    </row>
    <row r="9" spans="1:4" ht="18" customHeight="1" x14ac:dyDescent="0.2">
      <c r="A9" s="31">
        <v>4</v>
      </c>
      <c r="B9" s="36">
        <v>3</v>
      </c>
      <c r="C9" s="38">
        <v>4</v>
      </c>
      <c r="D9" s="40">
        <v>7</v>
      </c>
    </row>
    <row r="10" spans="1:4" ht="18" customHeight="1" x14ac:dyDescent="0.2">
      <c r="A10" s="31" t="s">
        <v>48</v>
      </c>
      <c r="B10" s="27">
        <v>18</v>
      </c>
      <c r="C10" s="28">
        <v>13</v>
      </c>
      <c r="D10" s="29">
        <v>31</v>
      </c>
    </row>
    <row r="11" spans="1:4" ht="18" customHeight="1" x14ac:dyDescent="0.2">
      <c r="A11" s="31">
        <v>5</v>
      </c>
      <c r="B11" s="35">
        <v>3</v>
      </c>
      <c r="C11" s="28">
        <v>5</v>
      </c>
      <c r="D11" s="29">
        <v>8</v>
      </c>
    </row>
    <row r="12" spans="1:4" ht="18" customHeight="1" x14ac:dyDescent="0.2">
      <c r="A12" s="31">
        <v>6</v>
      </c>
      <c r="B12" s="35">
        <v>6</v>
      </c>
      <c r="C12" s="28">
        <v>10</v>
      </c>
      <c r="D12" s="29">
        <v>16</v>
      </c>
    </row>
    <row r="13" spans="1:4" ht="18" customHeight="1" x14ac:dyDescent="0.2">
      <c r="A13" s="31">
        <v>7</v>
      </c>
      <c r="B13" s="35">
        <v>5</v>
      </c>
      <c r="C13" s="28">
        <v>2</v>
      </c>
      <c r="D13" s="29">
        <v>7</v>
      </c>
    </row>
    <row r="14" spans="1:4" ht="18" customHeight="1" x14ac:dyDescent="0.2">
      <c r="A14" s="31">
        <v>8</v>
      </c>
      <c r="B14" s="35">
        <v>6</v>
      </c>
      <c r="C14" s="28">
        <v>7</v>
      </c>
      <c r="D14" s="29">
        <v>13</v>
      </c>
    </row>
    <row r="15" spans="1:4" ht="18" customHeight="1" x14ac:dyDescent="0.2">
      <c r="A15" s="31">
        <v>9</v>
      </c>
      <c r="B15" s="35">
        <v>6</v>
      </c>
      <c r="C15" s="28">
        <v>6</v>
      </c>
      <c r="D15" s="29">
        <v>12</v>
      </c>
    </row>
    <row r="16" spans="1:4" ht="18" customHeight="1" x14ac:dyDescent="0.2">
      <c r="A16" s="31" t="s">
        <v>49</v>
      </c>
      <c r="B16" s="27">
        <v>26</v>
      </c>
      <c r="C16" s="28">
        <v>30</v>
      </c>
      <c r="D16" s="29">
        <v>56</v>
      </c>
    </row>
    <row r="17" spans="1:4" ht="18" customHeight="1" x14ac:dyDescent="0.2">
      <c r="A17" s="31">
        <v>10</v>
      </c>
      <c r="B17" s="27">
        <v>9</v>
      </c>
      <c r="C17" s="28">
        <v>10</v>
      </c>
      <c r="D17" s="29">
        <v>19</v>
      </c>
    </row>
    <row r="18" spans="1:4" ht="18" customHeight="1" x14ac:dyDescent="0.2">
      <c r="A18" s="31">
        <v>11</v>
      </c>
      <c r="B18" s="27">
        <v>3</v>
      </c>
      <c r="C18" s="28">
        <v>2</v>
      </c>
      <c r="D18" s="29">
        <v>5</v>
      </c>
    </row>
    <row r="19" spans="1:4" ht="18" customHeight="1" x14ac:dyDescent="0.2">
      <c r="A19" s="31">
        <v>12</v>
      </c>
      <c r="B19" s="27">
        <v>5</v>
      </c>
      <c r="C19" s="28">
        <v>7</v>
      </c>
      <c r="D19" s="29">
        <v>12</v>
      </c>
    </row>
    <row r="20" spans="1:4" ht="18" customHeight="1" x14ac:dyDescent="0.2">
      <c r="A20" s="31">
        <v>13</v>
      </c>
      <c r="B20" s="27">
        <v>10</v>
      </c>
      <c r="C20" s="28">
        <v>6</v>
      </c>
      <c r="D20" s="29">
        <v>16</v>
      </c>
    </row>
    <row r="21" spans="1:4" ht="18" customHeight="1" x14ac:dyDescent="0.2">
      <c r="A21" s="31">
        <v>14</v>
      </c>
      <c r="B21" s="27">
        <v>6</v>
      </c>
      <c r="C21" s="28">
        <v>4</v>
      </c>
      <c r="D21" s="29">
        <v>10</v>
      </c>
    </row>
    <row r="22" spans="1:4" ht="18" customHeight="1" x14ac:dyDescent="0.2">
      <c r="A22" s="31" t="s">
        <v>50</v>
      </c>
      <c r="B22" s="27">
        <v>33</v>
      </c>
      <c r="C22" s="28">
        <v>29</v>
      </c>
      <c r="D22" s="29">
        <v>62</v>
      </c>
    </row>
    <row r="23" spans="1:4" ht="18" customHeight="1" x14ac:dyDescent="0.2">
      <c r="A23" s="31" t="s">
        <v>51</v>
      </c>
      <c r="B23" s="27">
        <v>77</v>
      </c>
      <c r="C23" s="28">
        <v>72</v>
      </c>
      <c r="D23" s="29">
        <v>149</v>
      </c>
    </row>
    <row r="24" spans="1:4" ht="18" customHeight="1" x14ac:dyDescent="0.2">
      <c r="A24" s="31">
        <v>15</v>
      </c>
      <c r="B24" s="27">
        <v>7</v>
      </c>
      <c r="C24" s="28">
        <v>5</v>
      </c>
      <c r="D24" s="29">
        <v>12</v>
      </c>
    </row>
    <row r="25" spans="1:4" ht="18" customHeight="1" x14ac:dyDescent="0.2">
      <c r="A25" s="31">
        <v>16</v>
      </c>
      <c r="B25" s="27">
        <v>7</v>
      </c>
      <c r="C25" s="28">
        <v>7</v>
      </c>
      <c r="D25" s="29">
        <v>14</v>
      </c>
    </row>
    <row r="26" spans="1:4" ht="18" customHeight="1" x14ac:dyDescent="0.2">
      <c r="A26" s="31">
        <v>17</v>
      </c>
      <c r="B26" s="27">
        <v>2</v>
      </c>
      <c r="C26" s="28">
        <v>4</v>
      </c>
      <c r="D26" s="29">
        <v>6</v>
      </c>
    </row>
    <row r="27" spans="1:4" ht="18" customHeight="1" x14ac:dyDescent="0.2">
      <c r="A27" s="31">
        <v>18</v>
      </c>
      <c r="B27" s="27">
        <v>4</v>
      </c>
      <c r="C27" s="28">
        <v>3</v>
      </c>
      <c r="D27" s="29">
        <v>7</v>
      </c>
    </row>
    <row r="28" spans="1:4" ht="18" customHeight="1" x14ac:dyDescent="0.2">
      <c r="A28" s="31">
        <v>19</v>
      </c>
      <c r="B28" s="27">
        <v>4</v>
      </c>
      <c r="C28" s="28">
        <v>2</v>
      </c>
      <c r="D28" s="29">
        <v>6</v>
      </c>
    </row>
    <row r="29" spans="1:4" ht="18" customHeight="1" x14ac:dyDescent="0.2">
      <c r="A29" s="31" t="s">
        <v>52</v>
      </c>
      <c r="B29" s="27">
        <v>24</v>
      </c>
      <c r="C29" s="28">
        <v>21</v>
      </c>
      <c r="D29" s="29">
        <v>45</v>
      </c>
    </row>
    <row r="30" spans="1:4" ht="18" customHeight="1" x14ac:dyDescent="0.2">
      <c r="A30" s="31">
        <v>20</v>
      </c>
      <c r="B30" s="27">
        <v>5</v>
      </c>
      <c r="C30" s="28">
        <v>3</v>
      </c>
      <c r="D30" s="29">
        <v>8</v>
      </c>
    </row>
    <row r="31" spans="1:4" ht="18" customHeight="1" x14ac:dyDescent="0.2">
      <c r="A31" s="31">
        <v>21</v>
      </c>
      <c r="B31" s="27">
        <v>5</v>
      </c>
      <c r="C31" s="28">
        <v>4</v>
      </c>
      <c r="D31" s="29">
        <v>9</v>
      </c>
    </row>
    <row r="32" spans="1:4" ht="18" customHeight="1" x14ac:dyDescent="0.2">
      <c r="A32" s="31">
        <v>22</v>
      </c>
      <c r="B32" s="27">
        <v>5</v>
      </c>
      <c r="C32" s="28">
        <v>4</v>
      </c>
      <c r="D32" s="29">
        <v>9</v>
      </c>
    </row>
    <row r="33" spans="1:4" ht="18" customHeight="1" x14ac:dyDescent="0.2">
      <c r="A33" s="31">
        <v>23</v>
      </c>
      <c r="B33" s="27">
        <v>5</v>
      </c>
      <c r="C33" s="28">
        <v>4</v>
      </c>
      <c r="D33" s="29">
        <v>9</v>
      </c>
    </row>
    <row r="34" spans="1:4" ht="18" customHeight="1" x14ac:dyDescent="0.2">
      <c r="A34" s="31">
        <v>24</v>
      </c>
      <c r="B34" s="27">
        <v>7</v>
      </c>
      <c r="C34" s="28">
        <v>6</v>
      </c>
      <c r="D34" s="29">
        <v>13</v>
      </c>
    </row>
    <row r="35" spans="1:4" ht="18" customHeight="1" x14ac:dyDescent="0.2">
      <c r="A35" s="31" t="s">
        <v>53</v>
      </c>
      <c r="B35" s="27">
        <v>27</v>
      </c>
      <c r="C35" s="28">
        <v>21</v>
      </c>
      <c r="D35" s="29">
        <v>48</v>
      </c>
    </row>
    <row r="36" spans="1:4" ht="18" customHeight="1" x14ac:dyDescent="0.2">
      <c r="A36" s="31">
        <v>25</v>
      </c>
      <c r="B36" s="27">
        <v>8</v>
      </c>
      <c r="C36" s="28">
        <v>3</v>
      </c>
      <c r="D36" s="29">
        <v>11</v>
      </c>
    </row>
    <row r="37" spans="1:4" ht="18" customHeight="1" x14ac:dyDescent="0.2">
      <c r="A37" s="31">
        <v>26</v>
      </c>
      <c r="B37" s="27">
        <v>2</v>
      </c>
      <c r="C37" s="28">
        <v>2</v>
      </c>
      <c r="D37" s="29">
        <v>4</v>
      </c>
    </row>
    <row r="38" spans="1:4" ht="18" customHeight="1" x14ac:dyDescent="0.2">
      <c r="A38" s="31">
        <v>27</v>
      </c>
      <c r="B38" s="27">
        <v>13</v>
      </c>
      <c r="C38" s="28">
        <v>7</v>
      </c>
      <c r="D38" s="29">
        <v>20</v>
      </c>
    </row>
    <row r="39" spans="1:4" ht="18" customHeight="1" x14ac:dyDescent="0.2">
      <c r="A39" s="31">
        <v>28</v>
      </c>
      <c r="B39" s="27">
        <v>5</v>
      </c>
      <c r="C39" s="28">
        <v>3</v>
      </c>
      <c r="D39" s="29">
        <v>8</v>
      </c>
    </row>
    <row r="40" spans="1:4" ht="18" customHeight="1" x14ac:dyDescent="0.2">
      <c r="A40" s="31">
        <v>29</v>
      </c>
      <c r="B40" s="27">
        <v>6</v>
      </c>
      <c r="C40" s="28">
        <v>6</v>
      </c>
      <c r="D40" s="29">
        <v>12</v>
      </c>
    </row>
    <row r="41" spans="1:4" ht="18" customHeight="1" x14ac:dyDescent="0.2">
      <c r="A41" s="31" t="s">
        <v>54</v>
      </c>
      <c r="B41" s="27">
        <v>34</v>
      </c>
      <c r="C41" s="28">
        <v>21</v>
      </c>
      <c r="D41" s="29">
        <v>55</v>
      </c>
    </row>
    <row r="42" spans="1:4" ht="18" customHeight="1" x14ac:dyDescent="0.2">
      <c r="A42" s="31">
        <v>30</v>
      </c>
      <c r="B42" s="27">
        <v>6</v>
      </c>
      <c r="C42" s="28">
        <v>4</v>
      </c>
      <c r="D42" s="29">
        <v>10</v>
      </c>
    </row>
    <row r="43" spans="1:4" ht="18" customHeight="1" x14ac:dyDescent="0.2">
      <c r="A43" s="31">
        <v>31</v>
      </c>
      <c r="B43" s="27">
        <v>5</v>
      </c>
      <c r="C43" s="28">
        <v>4</v>
      </c>
      <c r="D43" s="29">
        <v>9</v>
      </c>
    </row>
    <row r="44" spans="1:4" ht="18" customHeight="1" x14ac:dyDescent="0.2">
      <c r="A44" s="31">
        <v>32</v>
      </c>
      <c r="B44" s="27">
        <v>6</v>
      </c>
      <c r="C44" s="28">
        <v>2</v>
      </c>
      <c r="D44" s="29">
        <v>8</v>
      </c>
    </row>
    <row r="45" spans="1:4" ht="18" customHeight="1" x14ac:dyDescent="0.2">
      <c r="A45" s="31">
        <v>33</v>
      </c>
      <c r="B45" s="27">
        <v>4</v>
      </c>
      <c r="C45" s="28">
        <v>3</v>
      </c>
      <c r="D45" s="29">
        <v>7</v>
      </c>
    </row>
    <row r="46" spans="1:4" ht="18" customHeight="1" x14ac:dyDescent="0.2">
      <c r="A46" s="31">
        <v>34</v>
      </c>
      <c r="B46" s="27">
        <v>4</v>
      </c>
      <c r="C46" s="28">
        <v>5</v>
      </c>
      <c r="D46" s="29">
        <v>9</v>
      </c>
    </row>
    <row r="47" spans="1:4" ht="18" customHeight="1" x14ac:dyDescent="0.2">
      <c r="A47" s="31" t="s">
        <v>55</v>
      </c>
      <c r="B47" s="27">
        <v>25</v>
      </c>
      <c r="C47" s="28">
        <v>18</v>
      </c>
      <c r="D47" s="29">
        <v>43</v>
      </c>
    </row>
    <row r="48" spans="1:4" ht="18" customHeight="1" x14ac:dyDescent="0.2">
      <c r="A48" s="31">
        <v>35</v>
      </c>
      <c r="B48" s="27">
        <v>5</v>
      </c>
      <c r="C48" s="28">
        <v>6</v>
      </c>
      <c r="D48" s="29">
        <v>11</v>
      </c>
    </row>
    <row r="49" spans="1:4" ht="18" customHeight="1" x14ac:dyDescent="0.2">
      <c r="A49" s="31">
        <v>36</v>
      </c>
      <c r="B49" s="27">
        <v>4</v>
      </c>
      <c r="C49" s="28">
        <v>7</v>
      </c>
      <c r="D49" s="29">
        <v>11</v>
      </c>
    </row>
    <row r="50" spans="1:4" ht="18" customHeight="1" x14ac:dyDescent="0.2">
      <c r="A50" s="31">
        <v>37</v>
      </c>
      <c r="B50" s="27">
        <v>8</v>
      </c>
      <c r="C50" s="28">
        <v>7</v>
      </c>
      <c r="D50" s="29">
        <v>15</v>
      </c>
    </row>
    <row r="51" spans="1:4" ht="18" customHeight="1" x14ac:dyDescent="0.2">
      <c r="A51" s="31">
        <v>38</v>
      </c>
      <c r="B51" s="27">
        <v>10</v>
      </c>
      <c r="C51" s="28">
        <v>6</v>
      </c>
      <c r="D51" s="29">
        <v>16</v>
      </c>
    </row>
    <row r="52" spans="1:4" ht="18" customHeight="1" x14ac:dyDescent="0.2">
      <c r="A52" s="31">
        <v>39</v>
      </c>
      <c r="B52" s="27">
        <v>4</v>
      </c>
      <c r="C52" s="28">
        <v>7</v>
      </c>
      <c r="D52" s="29">
        <v>11</v>
      </c>
    </row>
    <row r="53" spans="1:4" ht="18" customHeight="1" x14ac:dyDescent="0.2">
      <c r="A53" s="31" t="s">
        <v>56</v>
      </c>
      <c r="B53" s="27">
        <v>31</v>
      </c>
      <c r="C53" s="28">
        <v>33</v>
      </c>
      <c r="D53" s="29">
        <v>64</v>
      </c>
    </row>
    <row r="54" spans="1:4" ht="18" customHeight="1" x14ac:dyDescent="0.2">
      <c r="A54" s="31">
        <v>40</v>
      </c>
      <c r="B54" s="27">
        <v>5</v>
      </c>
      <c r="C54" s="28">
        <v>8</v>
      </c>
      <c r="D54" s="29">
        <v>13</v>
      </c>
    </row>
    <row r="55" spans="1:4" ht="18" customHeight="1" x14ac:dyDescent="0.2">
      <c r="A55" s="31">
        <v>41</v>
      </c>
      <c r="B55" s="27">
        <v>8</v>
      </c>
      <c r="C55" s="28">
        <v>9</v>
      </c>
      <c r="D55" s="29">
        <v>17</v>
      </c>
    </row>
    <row r="56" spans="1:4" ht="18" customHeight="1" x14ac:dyDescent="0.2">
      <c r="A56" s="31">
        <v>42</v>
      </c>
      <c r="B56" s="27">
        <v>16</v>
      </c>
      <c r="C56" s="28">
        <v>7</v>
      </c>
      <c r="D56" s="29">
        <v>23</v>
      </c>
    </row>
    <row r="57" spans="1:4" ht="18" customHeight="1" x14ac:dyDescent="0.2">
      <c r="A57" s="31">
        <v>43</v>
      </c>
      <c r="B57" s="27">
        <v>7</v>
      </c>
      <c r="C57" s="28">
        <v>4</v>
      </c>
      <c r="D57" s="29">
        <v>11</v>
      </c>
    </row>
    <row r="58" spans="1:4" ht="18" customHeight="1" x14ac:dyDescent="0.2">
      <c r="A58" s="31">
        <v>44</v>
      </c>
      <c r="B58" s="27">
        <v>9</v>
      </c>
      <c r="C58" s="28">
        <v>7</v>
      </c>
      <c r="D58" s="29">
        <v>16</v>
      </c>
    </row>
    <row r="59" spans="1:4" ht="18" customHeight="1" x14ac:dyDescent="0.2">
      <c r="A59" s="31" t="s">
        <v>57</v>
      </c>
      <c r="B59" s="27">
        <v>45</v>
      </c>
      <c r="C59" s="28">
        <v>35</v>
      </c>
      <c r="D59" s="29">
        <v>80</v>
      </c>
    </row>
    <row r="60" spans="1:4" ht="18" customHeight="1" x14ac:dyDescent="0.2">
      <c r="A60" s="31">
        <v>45</v>
      </c>
      <c r="B60" s="27">
        <v>6</v>
      </c>
      <c r="C60" s="28">
        <v>7</v>
      </c>
      <c r="D60" s="29">
        <v>13</v>
      </c>
    </row>
    <row r="61" spans="1:4" ht="18" customHeight="1" x14ac:dyDescent="0.2">
      <c r="A61" s="31">
        <v>46</v>
      </c>
      <c r="B61" s="27">
        <v>17</v>
      </c>
      <c r="C61" s="28">
        <v>8</v>
      </c>
      <c r="D61" s="29">
        <v>25</v>
      </c>
    </row>
    <row r="62" spans="1:4" ht="18" customHeight="1" x14ac:dyDescent="0.2">
      <c r="A62" s="31">
        <v>47</v>
      </c>
      <c r="B62" s="27">
        <v>14</v>
      </c>
      <c r="C62" s="28">
        <v>9</v>
      </c>
      <c r="D62" s="29">
        <v>23</v>
      </c>
    </row>
    <row r="63" spans="1:4" ht="18" customHeight="1" x14ac:dyDescent="0.2">
      <c r="A63" s="31">
        <v>48</v>
      </c>
      <c r="B63" s="27">
        <v>6</v>
      </c>
      <c r="C63" s="28">
        <v>5</v>
      </c>
      <c r="D63" s="29">
        <v>11</v>
      </c>
    </row>
    <row r="64" spans="1:4" ht="18" customHeight="1" x14ac:dyDescent="0.2">
      <c r="A64" s="31">
        <v>49</v>
      </c>
      <c r="B64" s="27">
        <v>5</v>
      </c>
      <c r="C64" s="28">
        <v>3</v>
      </c>
      <c r="D64" s="29">
        <v>8</v>
      </c>
    </row>
    <row r="65" spans="1:4" ht="18" customHeight="1" x14ac:dyDescent="0.2">
      <c r="A65" s="31" t="s">
        <v>58</v>
      </c>
      <c r="B65" s="27">
        <v>48</v>
      </c>
      <c r="C65" s="28">
        <v>32</v>
      </c>
      <c r="D65" s="29">
        <v>80</v>
      </c>
    </row>
    <row r="66" spans="1:4" ht="18" customHeight="1" x14ac:dyDescent="0.2">
      <c r="A66" s="31">
        <v>50</v>
      </c>
      <c r="B66" s="27">
        <v>6</v>
      </c>
      <c r="C66" s="28">
        <v>11</v>
      </c>
      <c r="D66" s="29">
        <v>17</v>
      </c>
    </row>
    <row r="67" spans="1:4" ht="18" customHeight="1" x14ac:dyDescent="0.2">
      <c r="A67" s="31">
        <v>51</v>
      </c>
      <c r="B67" s="27">
        <v>6</v>
      </c>
      <c r="C67" s="28">
        <v>4</v>
      </c>
      <c r="D67" s="29">
        <v>10</v>
      </c>
    </row>
    <row r="68" spans="1:4" ht="18" customHeight="1" x14ac:dyDescent="0.2">
      <c r="A68" s="31">
        <v>52</v>
      </c>
      <c r="B68" s="27">
        <v>7</v>
      </c>
      <c r="C68" s="28">
        <v>12</v>
      </c>
      <c r="D68" s="29">
        <v>19</v>
      </c>
    </row>
    <row r="69" spans="1:4" ht="18" customHeight="1" x14ac:dyDescent="0.2">
      <c r="A69" s="31">
        <v>53</v>
      </c>
      <c r="B69" s="27">
        <v>10</v>
      </c>
      <c r="C69" s="28">
        <v>13</v>
      </c>
      <c r="D69" s="29">
        <v>23</v>
      </c>
    </row>
    <row r="70" spans="1:4" ht="18" customHeight="1" x14ac:dyDescent="0.2">
      <c r="A70" s="31">
        <v>54</v>
      </c>
      <c r="B70" s="27">
        <v>9</v>
      </c>
      <c r="C70" s="28">
        <v>11</v>
      </c>
      <c r="D70" s="29">
        <v>20</v>
      </c>
    </row>
    <row r="71" spans="1:4" ht="18" customHeight="1" x14ac:dyDescent="0.2">
      <c r="A71" s="31" t="s">
        <v>59</v>
      </c>
      <c r="B71" s="27">
        <v>38</v>
      </c>
      <c r="C71" s="28">
        <v>51</v>
      </c>
      <c r="D71" s="29">
        <v>89</v>
      </c>
    </row>
    <row r="72" spans="1:4" ht="18" customHeight="1" x14ac:dyDescent="0.2">
      <c r="A72" s="31">
        <v>55</v>
      </c>
      <c r="B72" s="27">
        <v>10</v>
      </c>
      <c r="C72" s="28">
        <v>11</v>
      </c>
      <c r="D72" s="29">
        <v>21</v>
      </c>
    </row>
    <row r="73" spans="1:4" ht="18" customHeight="1" x14ac:dyDescent="0.2">
      <c r="A73" s="31">
        <v>56</v>
      </c>
      <c r="B73" s="27">
        <v>6</v>
      </c>
      <c r="C73" s="28">
        <v>9</v>
      </c>
      <c r="D73" s="29">
        <v>15</v>
      </c>
    </row>
    <row r="74" spans="1:4" ht="18" customHeight="1" x14ac:dyDescent="0.2">
      <c r="A74" s="31">
        <v>57</v>
      </c>
      <c r="B74" s="27">
        <v>7</v>
      </c>
      <c r="C74" s="28">
        <v>10</v>
      </c>
      <c r="D74" s="29">
        <v>17</v>
      </c>
    </row>
    <row r="75" spans="1:4" ht="18" customHeight="1" x14ac:dyDescent="0.2">
      <c r="A75" s="31">
        <v>58</v>
      </c>
      <c r="B75" s="27">
        <v>11</v>
      </c>
      <c r="C75" s="28">
        <v>10</v>
      </c>
      <c r="D75" s="29">
        <v>21</v>
      </c>
    </row>
    <row r="76" spans="1:4" ht="18" customHeight="1" x14ac:dyDescent="0.2">
      <c r="A76" s="31">
        <v>59</v>
      </c>
      <c r="B76" s="27">
        <v>4</v>
      </c>
      <c r="C76" s="28">
        <v>6</v>
      </c>
      <c r="D76" s="29">
        <v>10</v>
      </c>
    </row>
    <row r="77" spans="1:4" ht="18" customHeight="1" x14ac:dyDescent="0.2">
      <c r="A77" s="31" t="s">
        <v>60</v>
      </c>
      <c r="B77" s="27">
        <v>38</v>
      </c>
      <c r="C77" s="28">
        <v>46</v>
      </c>
      <c r="D77" s="29">
        <v>84</v>
      </c>
    </row>
    <row r="78" spans="1:4" ht="18" customHeight="1" x14ac:dyDescent="0.2">
      <c r="A78" s="31">
        <v>60</v>
      </c>
      <c r="B78" s="27">
        <v>12</v>
      </c>
      <c r="C78" s="28">
        <v>7</v>
      </c>
      <c r="D78" s="29">
        <v>19</v>
      </c>
    </row>
    <row r="79" spans="1:4" ht="18" customHeight="1" x14ac:dyDescent="0.2">
      <c r="A79" s="31">
        <v>61</v>
      </c>
      <c r="B79" s="27">
        <v>11</v>
      </c>
      <c r="C79" s="28">
        <v>8</v>
      </c>
      <c r="D79" s="29">
        <v>19</v>
      </c>
    </row>
    <row r="80" spans="1:4" ht="18" customHeight="1" x14ac:dyDescent="0.2">
      <c r="A80" s="31">
        <v>62</v>
      </c>
      <c r="B80" s="27">
        <v>7</v>
      </c>
      <c r="C80" s="28">
        <v>9</v>
      </c>
      <c r="D80" s="29">
        <v>16</v>
      </c>
    </row>
    <row r="81" spans="1:4" ht="18" customHeight="1" x14ac:dyDescent="0.2">
      <c r="A81" s="31">
        <v>63</v>
      </c>
      <c r="B81" s="27">
        <v>7</v>
      </c>
      <c r="C81" s="28">
        <v>7</v>
      </c>
      <c r="D81" s="29">
        <v>14</v>
      </c>
    </row>
    <row r="82" spans="1:4" ht="18" customHeight="1" x14ac:dyDescent="0.2">
      <c r="A82" s="31">
        <v>64</v>
      </c>
      <c r="B82" s="27">
        <v>5</v>
      </c>
      <c r="C82" s="28">
        <v>6</v>
      </c>
      <c r="D82" s="29">
        <v>11</v>
      </c>
    </row>
    <row r="83" spans="1:4" ht="18" customHeight="1" x14ac:dyDescent="0.2">
      <c r="A83" s="31" t="s">
        <v>61</v>
      </c>
      <c r="B83" s="27">
        <v>42</v>
      </c>
      <c r="C83" s="28">
        <v>37</v>
      </c>
      <c r="D83" s="29">
        <v>79</v>
      </c>
    </row>
    <row r="84" spans="1:4" ht="18" customHeight="1" x14ac:dyDescent="0.2">
      <c r="A84" s="31" t="s">
        <v>62</v>
      </c>
      <c r="B84" s="27">
        <v>352</v>
      </c>
      <c r="C84" s="28">
        <v>315</v>
      </c>
      <c r="D84" s="29">
        <v>667</v>
      </c>
    </row>
    <row r="85" spans="1:4" ht="18" customHeight="1" x14ac:dyDescent="0.2">
      <c r="A85" s="31">
        <v>65</v>
      </c>
      <c r="B85" s="27">
        <v>10</v>
      </c>
      <c r="C85" s="28">
        <v>11</v>
      </c>
      <c r="D85" s="29">
        <v>21</v>
      </c>
    </row>
    <row r="86" spans="1:4" ht="18" customHeight="1" x14ac:dyDescent="0.2">
      <c r="A86" s="31">
        <v>66</v>
      </c>
      <c r="B86" s="27">
        <v>21</v>
      </c>
      <c r="C86" s="28">
        <v>12</v>
      </c>
      <c r="D86" s="29">
        <v>33</v>
      </c>
    </row>
    <row r="87" spans="1:4" ht="18" customHeight="1" x14ac:dyDescent="0.2">
      <c r="A87" s="31">
        <v>67</v>
      </c>
      <c r="B87" s="27">
        <v>7</v>
      </c>
      <c r="C87" s="28">
        <v>16</v>
      </c>
      <c r="D87" s="29">
        <v>23</v>
      </c>
    </row>
    <row r="88" spans="1:4" ht="18" customHeight="1" x14ac:dyDescent="0.2">
      <c r="A88" s="31">
        <v>68</v>
      </c>
      <c r="B88" s="27">
        <v>9</v>
      </c>
      <c r="C88" s="28">
        <v>18</v>
      </c>
      <c r="D88" s="29">
        <v>27</v>
      </c>
    </row>
    <row r="89" spans="1:4" ht="18" customHeight="1" x14ac:dyDescent="0.2">
      <c r="A89" s="31">
        <v>69</v>
      </c>
      <c r="B89" s="27">
        <v>17</v>
      </c>
      <c r="C89" s="28">
        <v>12</v>
      </c>
      <c r="D89" s="29">
        <v>29</v>
      </c>
    </row>
    <row r="90" spans="1:4" ht="18" customHeight="1" x14ac:dyDescent="0.2">
      <c r="A90" s="31" t="s">
        <v>63</v>
      </c>
      <c r="B90" s="27">
        <v>64</v>
      </c>
      <c r="C90" s="28">
        <v>69</v>
      </c>
      <c r="D90" s="29">
        <v>133</v>
      </c>
    </row>
    <row r="91" spans="1:4" ht="18" customHeight="1" x14ac:dyDescent="0.2">
      <c r="A91" s="31">
        <v>70</v>
      </c>
      <c r="B91" s="27">
        <v>11</v>
      </c>
      <c r="C91" s="28">
        <v>17</v>
      </c>
      <c r="D91" s="29">
        <v>28</v>
      </c>
    </row>
    <row r="92" spans="1:4" ht="18" customHeight="1" x14ac:dyDescent="0.2">
      <c r="A92" s="31">
        <v>71</v>
      </c>
      <c r="B92" s="27">
        <v>22</v>
      </c>
      <c r="C92" s="28">
        <v>12</v>
      </c>
      <c r="D92" s="29">
        <v>34</v>
      </c>
    </row>
    <row r="93" spans="1:4" ht="18" customHeight="1" x14ac:dyDescent="0.2">
      <c r="A93" s="31">
        <v>72</v>
      </c>
      <c r="B93" s="27">
        <v>21</v>
      </c>
      <c r="C93" s="28">
        <v>16</v>
      </c>
      <c r="D93" s="29">
        <v>37</v>
      </c>
    </row>
    <row r="94" spans="1:4" ht="18" customHeight="1" x14ac:dyDescent="0.2">
      <c r="A94" s="31">
        <v>73</v>
      </c>
      <c r="B94" s="27">
        <v>14</v>
      </c>
      <c r="C94" s="28">
        <v>10</v>
      </c>
      <c r="D94" s="29">
        <v>24</v>
      </c>
    </row>
    <row r="95" spans="1:4" ht="18" customHeight="1" x14ac:dyDescent="0.2">
      <c r="A95" s="31">
        <v>74</v>
      </c>
      <c r="B95" s="27">
        <v>6</v>
      </c>
      <c r="C95" s="28">
        <v>3</v>
      </c>
      <c r="D95" s="29">
        <v>9</v>
      </c>
    </row>
    <row r="96" spans="1:4" ht="18" customHeight="1" x14ac:dyDescent="0.2">
      <c r="A96" s="31" t="s">
        <v>64</v>
      </c>
      <c r="B96" s="27">
        <v>74</v>
      </c>
      <c r="C96" s="28">
        <v>58</v>
      </c>
      <c r="D96" s="29">
        <v>132</v>
      </c>
    </row>
    <row r="97" spans="1:4" ht="18" customHeight="1" x14ac:dyDescent="0.2">
      <c r="A97" s="31">
        <v>75</v>
      </c>
      <c r="B97" s="27">
        <v>7</v>
      </c>
      <c r="C97" s="28">
        <v>6</v>
      </c>
      <c r="D97" s="29">
        <v>13</v>
      </c>
    </row>
    <row r="98" spans="1:4" ht="18" customHeight="1" x14ac:dyDescent="0.2">
      <c r="A98" s="31">
        <v>76</v>
      </c>
      <c r="B98" s="27">
        <v>7</v>
      </c>
      <c r="C98" s="28">
        <v>10</v>
      </c>
      <c r="D98" s="29">
        <v>17</v>
      </c>
    </row>
    <row r="99" spans="1:4" ht="18" customHeight="1" x14ac:dyDescent="0.2">
      <c r="A99" s="31">
        <v>77</v>
      </c>
      <c r="B99" s="27">
        <v>3</v>
      </c>
      <c r="C99" s="28">
        <v>13</v>
      </c>
      <c r="D99" s="29">
        <v>16</v>
      </c>
    </row>
    <row r="100" spans="1:4" ht="18" customHeight="1" x14ac:dyDescent="0.2">
      <c r="A100" s="31">
        <v>78</v>
      </c>
      <c r="B100" s="27">
        <v>9</v>
      </c>
      <c r="C100" s="28">
        <v>4</v>
      </c>
      <c r="D100" s="29">
        <v>13</v>
      </c>
    </row>
    <row r="101" spans="1:4" ht="18" customHeight="1" x14ac:dyDescent="0.2">
      <c r="A101" s="31">
        <v>79</v>
      </c>
      <c r="B101" s="27">
        <v>4</v>
      </c>
      <c r="C101" s="28">
        <v>12</v>
      </c>
      <c r="D101" s="29">
        <v>16</v>
      </c>
    </row>
    <row r="102" spans="1:4" ht="18" customHeight="1" x14ac:dyDescent="0.2">
      <c r="A102" s="31" t="s">
        <v>65</v>
      </c>
      <c r="B102" s="27">
        <v>30</v>
      </c>
      <c r="C102" s="28">
        <v>45</v>
      </c>
      <c r="D102" s="29">
        <v>75</v>
      </c>
    </row>
    <row r="103" spans="1:4" ht="18" customHeight="1" x14ac:dyDescent="0.2">
      <c r="A103" s="31">
        <v>80</v>
      </c>
      <c r="B103" s="27">
        <v>6</v>
      </c>
      <c r="C103" s="28">
        <v>7</v>
      </c>
      <c r="D103" s="29">
        <v>13</v>
      </c>
    </row>
    <row r="104" spans="1:4" ht="18" customHeight="1" x14ac:dyDescent="0.2">
      <c r="A104" s="31">
        <v>81</v>
      </c>
      <c r="B104" s="27">
        <v>7</v>
      </c>
      <c r="C104" s="28">
        <v>7</v>
      </c>
      <c r="D104" s="29">
        <v>14</v>
      </c>
    </row>
    <row r="105" spans="1:4" ht="18" customHeight="1" x14ac:dyDescent="0.2">
      <c r="A105" s="31">
        <v>82</v>
      </c>
      <c r="B105" s="27">
        <v>5</v>
      </c>
      <c r="C105" s="28">
        <v>12</v>
      </c>
      <c r="D105" s="29">
        <v>17</v>
      </c>
    </row>
    <row r="106" spans="1:4" ht="18" customHeight="1" x14ac:dyDescent="0.2">
      <c r="A106" s="31">
        <v>83</v>
      </c>
      <c r="B106" s="27">
        <v>10</v>
      </c>
      <c r="C106" s="28">
        <v>11</v>
      </c>
      <c r="D106" s="29">
        <v>21</v>
      </c>
    </row>
    <row r="107" spans="1:4" ht="18" customHeight="1" x14ac:dyDescent="0.2">
      <c r="A107" s="31">
        <v>84</v>
      </c>
      <c r="B107" s="27">
        <v>11</v>
      </c>
      <c r="C107" s="28">
        <v>18</v>
      </c>
      <c r="D107" s="29">
        <v>29</v>
      </c>
    </row>
    <row r="108" spans="1:4" ht="18" customHeight="1" x14ac:dyDescent="0.2">
      <c r="A108" s="31" t="s">
        <v>66</v>
      </c>
      <c r="B108" s="27">
        <v>39</v>
      </c>
      <c r="C108" s="28">
        <v>55</v>
      </c>
      <c r="D108" s="29">
        <v>94</v>
      </c>
    </row>
    <row r="109" spans="1:4" ht="18" customHeight="1" x14ac:dyDescent="0.2">
      <c r="A109" s="31">
        <v>85</v>
      </c>
      <c r="B109" s="27">
        <v>4</v>
      </c>
      <c r="C109" s="28">
        <v>11</v>
      </c>
      <c r="D109" s="29">
        <v>15</v>
      </c>
    </row>
    <row r="110" spans="1:4" ht="18" customHeight="1" x14ac:dyDescent="0.2">
      <c r="A110" s="31">
        <v>86</v>
      </c>
      <c r="B110" s="27">
        <v>4</v>
      </c>
      <c r="C110" s="28">
        <v>7</v>
      </c>
      <c r="D110" s="29">
        <v>11</v>
      </c>
    </row>
    <row r="111" spans="1:4" ht="18" customHeight="1" x14ac:dyDescent="0.2">
      <c r="A111" s="31">
        <v>87</v>
      </c>
      <c r="B111" s="27">
        <v>5</v>
      </c>
      <c r="C111" s="28">
        <v>8</v>
      </c>
      <c r="D111" s="29">
        <v>13</v>
      </c>
    </row>
    <row r="112" spans="1:4" ht="18" customHeight="1" x14ac:dyDescent="0.2">
      <c r="A112" s="31">
        <v>88</v>
      </c>
      <c r="B112" s="27">
        <v>4</v>
      </c>
      <c r="C112" s="28">
        <v>6</v>
      </c>
      <c r="D112" s="29">
        <v>10</v>
      </c>
    </row>
    <row r="113" spans="1:4" ht="18" customHeight="1" x14ac:dyDescent="0.2">
      <c r="A113" s="31">
        <v>89</v>
      </c>
      <c r="B113" s="27">
        <v>1</v>
      </c>
      <c r="C113" s="28">
        <v>8</v>
      </c>
      <c r="D113" s="29">
        <v>9</v>
      </c>
    </row>
    <row r="114" spans="1:4" ht="18" customHeight="1" x14ac:dyDescent="0.2">
      <c r="A114" s="31" t="s">
        <v>67</v>
      </c>
      <c r="B114" s="27">
        <v>18</v>
      </c>
      <c r="C114" s="28">
        <v>40</v>
      </c>
      <c r="D114" s="29">
        <v>58</v>
      </c>
    </row>
    <row r="115" spans="1:4" ht="18" customHeight="1" x14ac:dyDescent="0.2">
      <c r="A115" s="31">
        <v>90</v>
      </c>
      <c r="B115" s="27">
        <v>1</v>
      </c>
      <c r="C115" s="28">
        <v>9</v>
      </c>
      <c r="D115" s="29">
        <v>10</v>
      </c>
    </row>
    <row r="116" spans="1:4" ht="18" customHeight="1" x14ac:dyDescent="0.2">
      <c r="A116" s="31">
        <v>91</v>
      </c>
      <c r="B116" s="27">
        <v>3</v>
      </c>
      <c r="C116" s="28">
        <v>6</v>
      </c>
      <c r="D116" s="29">
        <v>9</v>
      </c>
    </row>
    <row r="117" spans="1:4" ht="18" customHeight="1" x14ac:dyDescent="0.2">
      <c r="A117" s="31">
        <v>92</v>
      </c>
      <c r="B117" s="27">
        <v>1</v>
      </c>
      <c r="C117" s="28">
        <v>9</v>
      </c>
      <c r="D117" s="29">
        <v>10</v>
      </c>
    </row>
    <row r="118" spans="1:4" ht="18" customHeight="1" x14ac:dyDescent="0.2">
      <c r="A118" s="31">
        <v>93</v>
      </c>
      <c r="B118" s="27">
        <v>1</v>
      </c>
      <c r="C118" s="28">
        <v>6</v>
      </c>
      <c r="D118" s="29">
        <v>7</v>
      </c>
    </row>
    <row r="119" spans="1:4" ht="18" customHeight="1" x14ac:dyDescent="0.2">
      <c r="A119" s="31">
        <v>94</v>
      </c>
      <c r="B119" s="27">
        <v>2</v>
      </c>
      <c r="C119" s="28">
        <v>7</v>
      </c>
      <c r="D119" s="29">
        <v>9</v>
      </c>
    </row>
    <row r="120" spans="1:4" ht="18" customHeight="1" x14ac:dyDescent="0.2">
      <c r="A120" s="31" t="s">
        <v>68</v>
      </c>
      <c r="B120" s="27">
        <v>8</v>
      </c>
      <c r="C120" s="28">
        <v>37</v>
      </c>
      <c r="D120" s="29">
        <v>45</v>
      </c>
    </row>
    <row r="121" spans="1:4" ht="18" customHeight="1" x14ac:dyDescent="0.2">
      <c r="A121" s="31">
        <v>95</v>
      </c>
      <c r="B121" s="27">
        <v>0</v>
      </c>
      <c r="C121" s="28">
        <v>5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0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233</v>
      </c>
      <c r="C130" s="5">
        <v>315</v>
      </c>
      <c r="D130" s="6">
        <v>548</v>
      </c>
    </row>
    <row r="131" spans="1:4" ht="18" customHeight="1" x14ac:dyDescent="0.2">
      <c r="A131" s="33" t="s">
        <v>47</v>
      </c>
      <c r="B131" s="7">
        <v>662</v>
      </c>
      <c r="C131" s="8">
        <v>702</v>
      </c>
      <c r="D131" s="9">
        <v>136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0</v>
      </c>
      <c r="C5" s="37">
        <v>10</v>
      </c>
      <c r="D5" s="39">
        <v>30</v>
      </c>
    </row>
    <row r="6" spans="1:4" ht="18" customHeight="1" x14ac:dyDescent="0.2">
      <c r="A6" s="31">
        <v>1</v>
      </c>
      <c r="B6" s="35">
        <v>14</v>
      </c>
      <c r="C6" s="28">
        <v>15</v>
      </c>
      <c r="D6" s="29">
        <v>29</v>
      </c>
    </row>
    <row r="7" spans="1:4" ht="18" customHeight="1" x14ac:dyDescent="0.2">
      <c r="A7" s="31">
        <v>2</v>
      </c>
      <c r="B7" s="35">
        <v>20</v>
      </c>
      <c r="C7" s="28">
        <v>16</v>
      </c>
      <c r="D7" s="29">
        <v>36</v>
      </c>
    </row>
    <row r="8" spans="1:4" ht="18" customHeight="1" x14ac:dyDescent="0.2">
      <c r="A8" s="31">
        <v>3</v>
      </c>
      <c r="B8" s="35">
        <v>24</v>
      </c>
      <c r="C8" s="28">
        <v>17</v>
      </c>
      <c r="D8" s="29">
        <v>41</v>
      </c>
    </row>
    <row r="9" spans="1:4" ht="18" customHeight="1" x14ac:dyDescent="0.2">
      <c r="A9" s="31">
        <v>4</v>
      </c>
      <c r="B9" s="36">
        <v>23</v>
      </c>
      <c r="C9" s="38">
        <v>15</v>
      </c>
      <c r="D9" s="40">
        <v>38</v>
      </c>
    </row>
    <row r="10" spans="1:4" ht="18" customHeight="1" x14ac:dyDescent="0.2">
      <c r="A10" s="31" t="s">
        <v>48</v>
      </c>
      <c r="B10" s="27">
        <v>101</v>
      </c>
      <c r="C10" s="28">
        <v>73</v>
      </c>
      <c r="D10" s="29">
        <v>174</v>
      </c>
    </row>
    <row r="11" spans="1:4" ht="18" customHeight="1" x14ac:dyDescent="0.2">
      <c r="A11" s="31">
        <v>5</v>
      </c>
      <c r="B11" s="35">
        <v>17</v>
      </c>
      <c r="C11" s="28">
        <v>13</v>
      </c>
      <c r="D11" s="29">
        <v>30</v>
      </c>
    </row>
    <row r="12" spans="1:4" ht="18" customHeight="1" x14ac:dyDescent="0.2">
      <c r="A12" s="31">
        <v>6</v>
      </c>
      <c r="B12" s="35">
        <v>27</v>
      </c>
      <c r="C12" s="28">
        <v>16</v>
      </c>
      <c r="D12" s="29">
        <v>43</v>
      </c>
    </row>
    <row r="13" spans="1:4" ht="18" customHeight="1" x14ac:dyDescent="0.2">
      <c r="A13" s="31">
        <v>7</v>
      </c>
      <c r="B13" s="35">
        <v>22</v>
      </c>
      <c r="C13" s="28">
        <v>18</v>
      </c>
      <c r="D13" s="29">
        <v>40</v>
      </c>
    </row>
    <row r="14" spans="1:4" ht="18" customHeight="1" x14ac:dyDescent="0.2">
      <c r="A14" s="31">
        <v>8</v>
      </c>
      <c r="B14" s="35">
        <v>16</v>
      </c>
      <c r="C14" s="28">
        <v>23</v>
      </c>
      <c r="D14" s="29">
        <v>39</v>
      </c>
    </row>
    <row r="15" spans="1:4" ht="18" customHeight="1" x14ac:dyDescent="0.2">
      <c r="A15" s="31">
        <v>9</v>
      </c>
      <c r="B15" s="35">
        <v>26</v>
      </c>
      <c r="C15" s="28">
        <v>28</v>
      </c>
      <c r="D15" s="29">
        <v>54</v>
      </c>
    </row>
    <row r="16" spans="1:4" ht="18" customHeight="1" x14ac:dyDescent="0.2">
      <c r="A16" s="31" t="s">
        <v>49</v>
      </c>
      <c r="B16" s="27">
        <v>108</v>
      </c>
      <c r="C16" s="28">
        <v>98</v>
      </c>
      <c r="D16" s="29">
        <v>206</v>
      </c>
    </row>
    <row r="17" spans="1:4" ht="18" customHeight="1" x14ac:dyDescent="0.2">
      <c r="A17" s="31">
        <v>10</v>
      </c>
      <c r="B17" s="27">
        <v>18</v>
      </c>
      <c r="C17" s="28">
        <v>16</v>
      </c>
      <c r="D17" s="29">
        <v>34</v>
      </c>
    </row>
    <row r="18" spans="1:4" ht="18" customHeight="1" x14ac:dyDescent="0.2">
      <c r="A18" s="31">
        <v>11</v>
      </c>
      <c r="B18" s="27">
        <v>35</v>
      </c>
      <c r="C18" s="28">
        <v>13</v>
      </c>
      <c r="D18" s="29">
        <v>48</v>
      </c>
    </row>
    <row r="19" spans="1:4" ht="18" customHeight="1" x14ac:dyDescent="0.2">
      <c r="A19" s="31">
        <v>12</v>
      </c>
      <c r="B19" s="27">
        <v>15</v>
      </c>
      <c r="C19" s="28">
        <v>20</v>
      </c>
      <c r="D19" s="29">
        <v>35</v>
      </c>
    </row>
    <row r="20" spans="1:4" ht="18" customHeight="1" x14ac:dyDescent="0.2">
      <c r="A20" s="31">
        <v>13</v>
      </c>
      <c r="B20" s="27">
        <v>17</v>
      </c>
      <c r="C20" s="28">
        <v>22</v>
      </c>
      <c r="D20" s="29">
        <v>39</v>
      </c>
    </row>
    <row r="21" spans="1:4" ht="18" customHeight="1" x14ac:dyDescent="0.2">
      <c r="A21" s="31">
        <v>14</v>
      </c>
      <c r="B21" s="27">
        <v>23</v>
      </c>
      <c r="C21" s="28">
        <v>22</v>
      </c>
      <c r="D21" s="29">
        <v>45</v>
      </c>
    </row>
    <row r="22" spans="1:4" ht="18" customHeight="1" x14ac:dyDescent="0.2">
      <c r="A22" s="31" t="s">
        <v>50</v>
      </c>
      <c r="B22" s="27">
        <v>108</v>
      </c>
      <c r="C22" s="28">
        <v>93</v>
      </c>
      <c r="D22" s="29">
        <v>201</v>
      </c>
    </row>
    <row r="23" spans="1:4" ht="18" customHeight="1" x14ac:dyDescent="0.2">
      <c r="A23" s="31" t="s">
        <v>51</v>
      </c>
      <c r="B23" s="27">
        <v>317</v>
      </c>
      <c r="C23" s="28">
        <v>264</v>
      </c>
      <c r="D23" s="29">
        <v>581</v>
      </c>
    </row>
    <row r="24" spans="1:4" ht="18" customHeight="1" x14ac:dyDescent="0.2">
      <c r="A24" s="31">
        <v>15</v>
      </c>
      <c r="B24" s="27">
        <v>23</v>
      </c>
      <c r="C24" s="28">
        <v>18</v>
      </c>
      <c r="D24" s="29">
        <v>41</v>
      </c>
    </row>
    <row r="25" spans="1:4" ht="18" customHeight="1" x14ac:dyDescent="0.2">
      <c r="A25" s="31">
        <v>16</v>
      </c>
      <c r="B25" s="27">
        <v>22</v>
      </c>
      <c r="C25" s="28">
        <v>28</v>
      </c>
      <c r="D25" s="29">
        <v>50</v>
      </c>
    </row>
    <row r="26" spans="1:4" ht="18" customHeight="1" x14ac:dyDescent="0.2">
      <c r="A26" s="31">
        <v>17</v>
      </c>
      <c r="B26" s="27">
        <v>24</v>
      </c>
      <c r="C26" s="28">
        <v>18</v>
      </c>
      <c r="D26" s="29">
        <v>42</v>
      </c>
    </row>
    <row r="27" spans="1:4" ht="18" customHeight="1" x14ac:dyDescent="0.2">
      <c r="A27" s="31">
        <v>18</v>
      </c>
      <c r="B27" s="27">
        <v>24</v>
      </c>
      <c r="C27" s="28">
        <v>26</v>
      </c>
      <c r="D27" s="29">
        <v>50</v>
      </c>
    </row>
    <row r="28" spans="1:4" ht="18" customHeight="1" x14ac:dyDescent="0.2">
      <c r="A28" s="31">
        <v>19</v>
      </c>
      <c r="B28" s="27">
        <v>32</v>
      </c>
      <c r="C28" s="28">
        <v>24</v>
      </c>
      <c r="D28" s="29">
        <v>56</v>
      </c>
    </row>
    <row r="29" spans="1:4" ht="18" customHeight="1" x14ac:dyDescent="0.2">
      <c r="A29" s="31" t="s">
        <v>52</v>
      </c>
      <c r="B29" s="27">
        <v>125</v>
      </c>
      <c r="C29" s="28">
        <v>114</v>
      </c>
      <c r="D29" s="29">
        <v>239</v>
      </c>
    </row>
    <row r="30" spans="1:4" ht="18" customHeight="1" x14ac:dyDescent="0.2">
      <c r="A30" s="31">
        <v>20</v>
      </c>
      <c r="B30" s="27">
        <v>32</v>
      </c>
      <c r="C30" s="28">
        <v>21</v>
      </c>
      <c r="D30" s="29">
        <v>53</v>
      </c>
    </row>
    <row r="31" spans="1:4" ht="18" customHeight="1" x14ac:dyDescent="0.2">
      <c r="A31" s="31">
        <v>21</v>
      </c>
      <c r="B31" s="27">
        <v>23</v>
      </c>
      <c r="C31" s="28">
        <v>30</v>
      </c>
      <c r="D31" s="29">
        <v>53</v>
      </c>
    </row>
    <row r="32" spans="1:4" ht="18" customHeight="1" x14ac:dyDescent="0.2">
      <c r="A32" s="31">
        <v>22</v>
      </c>
      <c r="B32" s="27">
        <v>26</v>
      </c>
      <c r="C32" s="28">
        <v>26</v>
      </c>
      <c r="D32" s="29">
        <v>52</v>
      </c>
    </row>
    <row r="33" spans="1:4" ht="18" customHeight="1" x14ac:dyDescent="0.2">
      <c r="A33" s="31">
        <v>23</v>
      </c>
      <c r="B33" s="27">
        <v>25</v>
      </c>
      <c r="C33" s="28">
        <v>25</v>
      </c>
      <c r="D33" s="29">
        <v>50</v>
      </c>
    </row>
    <row r="34" spans="1:4" ht="18" customHeight="1" x14ac:dyDescent="0.2">
      <c r="A34" s="31">
        <v>24</v>
      </c>
      <c r="B34" s="27">
        <v>24</v>
      </c>
      <c r="C34" s="28">
        <v>20</v>
      </c>
      <c r="D34" s="29">
        <v>44</v>
      </c>
    </row>
    <row r="35" spans="1:4" ht="18" customHeight="1" x14ac:dyDescent="0.2">
      <c r="A35" s="31" t="s">
        <v>53</v>
      </c>
      <c r="B35" s="27">
        <v>130</v>
      </c>
      <c r="C35" s="28">
        <v>122</v>
      </c>
      <c r="D35" s="29">
        <v>252</v>
      </c>
    </row>
    <row r="36" spans="1:4" ht="18" customHeight="1" x14ac:dyDescent="0.2">
      <c r="A36" s="31">
        <v>25</v>
      </c>
      <c r="B36" s="27">
        <v>16</v>
      </c>
      <c r="C36" s="28">
        <v>20</v>
      </c>
      <c r="D36" s="29">
        <v>36</v>
      </c>
    </row>
    <row r="37" spans="1:4" ht="18" customHeight="1" x14ac:dyDescent="0.2">
      <c r="A37" s="31">
        <v>26</v>
      </c>
      <c r="B37" s="27">
        <v>13</v>
      </c>
      <c r="C37" s="28">
        <v>26</v>
      </c>
      <c r="D37" s="29">
        <v>39</v>
      </c>
    </row>
    <row r="38" spans="1:4" ht="18" customHeight="1" x14ac:dyDescent="0.2">
      <c r="A38" s="31">
        <v>27</v>
      </c>
      <c r="B38" s="27">
        <v>20</v>
      </c>
      <c r="C38" s="28">
        <v>13</v>
      </c>
      <c r="D38" s="29">
        <v>33</v>
      </c>
    </row>
    <row r="39" spans="1:4" ht="18" customHeight="1" x14ac:dyDescent="0.2">
      <c r="A39" s="31">
        <v>28</v>
      </c>
      <c r="B39" s="27">
        <v>29</v>
      </c>
      <c r="C39" s="28">
        <v>26</v>
      </c>
      <c r="D39" s="29">
        <v>55</v>
      </c>
    </row>
    <row r="40" spans="1:4" ht="18" customHeight="1" x14ac:dyDescent="0.2">
      <c r="A40" s="31">
        <v>29</v>
      </c>
      <c r="B40" s="27">
        <v>26</v>
      </c>
      <c r="C40" s="28">
        <v>21</v>
      </c>
      <c r="D40" s="29">
        <v>47</v>
      </c>
    </row>
    <row r="41" spans="1:4" ht="18" customHeight="1" x14ac:dyDescent="0.2">
      <c r="A41" s="31" t="s">
        <v>54</v>
      </c>
      <c r="B41" s="27">
        <v>104</v>
      </c>
      <c r="C41" s="28">
        <v>106</v>
      </c>
      <c r="D41" s="29">
        <v>210</v>
      </c>
    </row>
    <row r="42" spans="1:4" ht="18" customHeight="1" x14ac:dyDescent="0.2">
      <c r="A42" s="31">
        <v>30</v>
      </c>
      <c r="B42" s="27">
        <v>17</v>
      </c>
      <c r="C42" s="28">
        <v>20</v>
      </c>
      <c r="D42" s="29">
        <v>37</v>
      </c>
    </row>
    <row r="43" spans="1:4" ht="18" customHeight="1" x14ac:dyDescent="0.2">
      <c r="A43" s="31">
        <v>31</v>
      </c>
      <c r="B43" s="27">
        <v>31</v>
      </c>
      <c r="C43" s="28">
        <v>26</v>
      </c>
      <c r="D43" s="29">
        <v>57</v>
      </c>
    </row>
    <row r="44" spans="1:4" ht="18" customHeight="1" x14ac:dyDescent="0.2">
      <c r="A44" s="31">
        <v>32</v>
      </c>
      <c r="B44" s="27">
        <v>15</v>
      </c>
      <c r="C44" s="28">
        <v>23</v>
      </c>
      <c r="D44" s="29">
        <v>38</v>
      </c>
    </row>
    <row r="45" spans="1:4" ht="18" customHeight="1" x14ac:dyDescent="0.2">
      <c r="A45" s="31">
        <v>33</v>
      </c>
      <c r="B45" s="27">
        <v>24</v>
      </c>
      <c r="C45" s="28">
        <v>22</v>
      </c>
      <c r="D45" s="29">
        <v>46</v>
      </c>
    </row>
    <row r="46" spans="1:4" ht="18" customHeight="1" x14ac:dyDescent="0.2">
      <c r="A46" s="31">
        <v>34</v>
      </c>
      <c r="B46" s="27">
        <v>18</v>
      </c>
      <c r="C46" s="28">
        <v>28</v>
      </c>
      <c r="D46" s="29">
        <v>46</v>
      </c>
    </row>
    <row r="47" spans="1:4" ht="18" customHeight="1" x14ac:dyDescent="0.2">
      <c r="A47" s="31" t="s">
        <v>55</v>
      </c>
      <c r="B47" s="27">
        <v>105</v>
      </c>
      <c r="C47" s="28">
        <v>119</v>
      </c>
      <c r="D47" s="29">
        <v>224</v>
      </c>
    </row>
    <row r="48" spans="1:4" ht="18" customHeight="1" x14ac:dyDescent="0.2">
      <c r="A48" s="31">
        <v>35</v>
      </c>
      <c r="B48" s="27">
        <v>31</v>
      </c>
      <c r="C48" s="28">
        <v>28</v>
      </c>
      <c r="D48" s="29">
        <v>59</v>
      </c>
    </row>
    <row r="49" spans="1:4" ht="18" customHeight="1" x14ac:dyDescent="0.2">
      <c r="A49" s="31">
        <v>36</v>
      </c>
      <c r="B49" s="27">
        <v>28</v>
      </c>
      <c r="C49" s="28">
        <v>24</v>
      </c>
      <c r="D49" s="29">
        <v>52</v>
      </c>
    </row>
    <row r="50" spans="1:4" ht="18" customHeight="1" x14ac:dyDescent="0.2">
      <c r="A50" s="31">
        <v>37</v>
      </c>
      <c r="B50" s="27">
        <v>29</v>
      </c>
      <c r="C50" s="28">
        <v>19</v>
      </c>
      <c r="D50" s="29">
        <v>48</v>
      </c>
    </row>
    <row r="51" spans="1:4" ht="18" customHeight="1" x14ac:dyDescent="0.2">
      <c r="A51" s="31">
        <v>38</v>
      </c>
      <c r="B51" s="27">
        <v>30</v>
      </c>
      <c r="C51" s="28">
        <v>19</v>
      </c>
      <c r="D51" s="29">
        <v>49</v>
      </c>
    </row>
    <row r="52" spans="1:4" ht="18" customHeight="1" x14ac:dyDescent="0.2">
      <c r="A52" s="31">
        <v>39</v>
      </c>
      <c r="B52" s="27">
        <v>27</v>
      </c>
      <c r="C52" s="28">
        <v>32</v>
      </c>
      <c r="D52" s="29">
        <v>59</v>
      </c>
    </row>
    <row r="53" spans="1:4" ht="18" customHeight="1" x14ac:dyDescent="0.2">
      <c r="A53" s="31" t="s">
        <v>56</v>
      </c>
      <c r="B53" s="27">
        <v>145</v>
      </c>
      <c r="C53" s="28">
        <v>122</v>
      </c>
      <c r="D53" s="29">
        <v>267</v>
      </c>
    </row>
    <row r="54" spans="1:4" ht="18" customHeight="1" x14ac:dyDescent="0.2">
      <c r="A54" s="31">
        <v>40</v>
      </c>
      <c r="B54" s="27">
        <v>26</v>
      </c>
      <c r="C54" s="28">
        <v>19</v>
      </c>
      <c r="D54" s="29">
        <v>45</v>
      </c>
    </row>
    <row r="55" spans="1:4" ht="18" customHeight="1" x14ac:dyDescent="0.2">
      <c r="A55" s="31">
        <v>41</v>
      </c>
      <c r="B55" s="27">
        <v>33</v>
      </c>
      <c r="C55" s="28">
        <v>26</v>
      </c>
      <c r="D55" s="29">
        <v>59</v>
      </c>
    </row>
    <row r="56" spans="1:4" ht="18" customHeight="1" x14ac:dyDescent="0.2">
      <c r="A56" s="31">
        <v>42</v>
      </c>
      <c r="B56" s="27">
        <v>34</v>
      </c>
      <c r="C56" s="28">
        <v>42</v>
      </c>
      <c r="D56" s="29">
        <v>76</v>
      </c>
    </row>
    <row r="57" spans="1:4" ht="18" customHeight="1" x14ac:dyDescent="0.2">
      <c r="A57" s="31">
        <v>43</v>
      </c>
      <c r="B57" s="27">
        <v>32</v>
      </c>
      <c r="C57" s="28">
        <v>25</v>
      </c>
      <c r="D57" s="29">
        <v>57</v>
      </c>
    </row>
    <row r="58" spans="1:4" ht="18" customHeight="1" x14ac:dyDescent="0.2">
      <c r="A58" s="31">
        <v>44</v>
      </c>
      <c r="B58" s="27">
        <v>38</v>
      </c>
      <c r="C58" s="28">
        <v>33</v>
      </c>
      <c r="D58" s="29">
        <v>71</v>
      </c>
    </row>
    <row r="59" spans="1:4" ht="18" customHeight="1" x14ac:dyDescent="0.2">
      <c r="A59" s="31" t="s">
        <v>57</v>
      </c>
      <c r="B59" s="27">
        <v>163</v>
      </c>
      <c r="C59" s="28">
        <v>145</v>
      </c>
      <c r="D59" s="29">
        <v>308</v>
      </c>
    </row>
    <row r="60" spans="1:4" ht="18" customHeight="1" x14ac:dyDescent="0.2">
      <c r="A60" s="31">
        <v>45</v>
      </c>
      <c r="B60" s="27">
        <v>36</v>
      </c>
      <c r="C60" s="28">
        <v>39</v>
      </c>
      <c r="D60" s="29">
        <v>75</v>
      </c>
    </row>
    <row r="61" spans="1:4" ht="18" customHeight="1" x14ac:dyDescent="0.2">
      <c r="A61" s="31">
        <v>46</v>
      </c>
      <c r="B61" s="27">
        <v>30</v>
      </c>
      <c r="C61" s="28">
        <v>39</v>
      </c>
      <c r="D61" s="29">
        <v>69</v>
      </c>
    </row>
    <row r="62" spans="1:4" ht="18" customHeight="1" x14ac:dyDescent="0.2">
      <c r="A62" s="31">
        <v>47</v>
      </c>
      <c r="B62" s="27">
        <v>39</v>
      </c>
      <c r="C62" s="28">
        <v>34</v>
      </c>
      <c r="D62" s="29">
        <v>73</v>
      </c>
    </row>
    <row r="63" spans="1:4" ht="18" customHeight="1" x14ac:dyDescent="0.2">
      <c r="A63" s="31">
        <v>48</v>
      </c>
      <c r="B63" s="27">
        <v>40</v>
      </c>
      <c r="C63" s="28">
        <v>38</v>
      </c>
      <c r="D63" s="29">
        <v>78</v>
      </c>
    </row>
    <row r="64" spans="1:4" ht="18" customHeight="1" x14ac:dyDescent="0.2">
      <c r="A64" s="31">
        <v>49</v>
      </c>
      <c r="B64" s="27">
        <v>33</v>
      </c>
      <c r="C64" s="28">
        <v>34</v>
      </c>
      <c r="D64" s="29">
        <v>67</v>
      </c>
    </row>
    <row r="65" spans="1:4" ht="18" customHeight="1" x14ac:dyDescent="0.2">
      <c r="A65" s="31" t="s">
        <v>58</v>
      </c>
      <c r="B65" s="27">
        <v>178</v>
      </c>
      <c r="C65" s="28">
        <v>184</v>
      </c>
      <c r="D65" s="29">
        <v>362</v>
      </c>
    </row>
    <row r="66" spans="1:4" ht="18" customHeight="1" x14ac:dyDescent="0.2">
      <c r="A66" s="31">
        <v>50</v>
      </c>
      <c r="B66" s="27">
        <v>36</v>
      </c>
      <c r="C66" s="28">
        <v>27</v>
      </c>
      <c r="D66" s="29">
        <v>63</v>
      </c>
    </row>
    <row r="67" spans="1:4" ht="18" customHeight="1" x14ac:dyDescent="0.2">
      <c r="A67" s="31">
        <v>51</v>
      </c>
      <c r="B67" s="27">
        <v>40</v>
      </c>
      <c r="C67" s="28">
        <v>51</v>
      </c>
      <c r="D67" s="29">
        <v>91</v>
      </c>
    </row>
    <row r="68" spans="1:4" ht="18" customHeight="1" x14ac:dyDescent="0.2">
      <c r="A68" s="31">
        <v>52</v>
      </c>
      <c r="B68" s="27">
        <v>38</v>
      </c>
      <c r="C68" s="28">
        <v>34</v>
      </c>
      <c r="D68" s="29">
        <v>72</v>
      </c>
    </row>
    <row r="69" spans="1:4" ht="18" customHeight="1" x14ac:dyDescent="0.2">
      <c r="A69" s="31">
        <v>53</v>
      </c>
      <c r="B69" s="27">
        <v>38</v>
      </c>
      <c r="C69" s="28">
        <v>48</v>
      </c>
      <c r="D69" s="29">
        <v>86</v>
      </c>
    </row>
    <row r="70" spans="1:4" ht="18" customHeight="1" x14ac:dyDescent="0.2">
      <c r="A70" s="31">
        <v>54</v>
      </c>
      <c r="B70" s="27">
        <v>32</v>
      </c>
      <c r="C70" s="28">
        <v>32</v>
      </c>
      <c r="D70" s="29">
        <v>64</v>
      </c>
    </row>
    <row r="71" spans="1:4" ht="18" customHeight="1" x14ac:dyDescent="0.2">
      <c r="A71" s="31" t="s">
        <v>59</v>
      </c>
      <c r="B71" s="27">
        <v>184</v>
      </c>
      <c r="C71" s="28">
        <v>192</v>
      </c>
      <c r="D71" s="29">
        <v>376</v>
      </c>
    </row>
    <row r="72" spans="1:4" ht="18" customHeight="1" x14ac:dyDescent="0.2">
      <c r="A72" s="31">
        <v>55</v>
      </c>
      <c r="B72" s="27">
        <v>40</v>
      </c>
      <c r="C72" s="28">
        <v>38</v>
      </c>
      <c r="D72" s="29">
        <v>78</v>
      </c>
    </row>
    <row r="73" spans="1:4" ht="18" customHeight="1" x14ac:dyDescent="0.2">
      <c r="A73" s="31">
        <v>56</v>
      </c>
      <c r="B73" s="27">
        <v>32</v>
      </c>
      <c r="C73" s="28">
        <v>28</v>
      </c>
      <c r="D73" s="29">
        <v>60</v>
      </c>
    </row>
    <row r="74" spans="1:4" ht="18" customHeight="1" x14ac:dyDescent="0.2">
      <c r="A74" s="31">
        <v>57</v>
      </c>
      <c r="B74" s="27">
        <v>30</v>
      </c>
      <c r="C74" s="28">
        <v>34</v>
      </c>
      <c r="D74" s="29">
        <v>64</v>
      </c>
    </row>
    <row r="75" spans="1:4" ht="18" customHeight="1" x14ac:dyDescent="0.2">
      <c r="A75" s="31">
        <v>58</v>
      </c>
      <c r="B75" s="27">
        <v>33</v>
      </c>
      <c r="C75" s="28">
        <v>20</v>
      </c>
      <c r="D75" s="29">
        <v>53</v>
      </c>
    </row>
    <row r="76" spans="1:4" ht="18" customHeight="1" x14ac:dyDescent="0.2">
      <c r="A76" s="31">
        <v>59</v>
      </c>
      <c r="B76" s="27">
        <v>35</v>
      </c>
      <c r="C76" s="28">
        <v>26</v>
      </c>
      <c r="D76" s="29">
        <v>61</v>
      </c>
    </row>
    <row r="77" spans="1:4" ht="18" customHeight="1" x14ac:dyDescent="0.2">
      <c r="A77" s="31" t="s">
        <v>60</v>
      </c>
      <c r="B77" s="27">
        <v>170</v>
      </c>
      <c r="C77" s="28">
        <v>146</v>
      </c>
      <c r="D77" s="29">
        <v>316</v>
      </c>
    </row>
    <row r="78" spans="1:4" ht="18" customHeight="1" x14ac:dyDescent="0.2">
      <c r="A78" s="31">
        <v>60</v>
      </c>
      <c r="B78" s="27">
        <v>31</v>
      </c>
      <c r="C78" s="28">
        <v>37</v>
      </c>
      <c r="D78" s="29">
        <v>68</v>
      </c>
    </row>
    <row r="79" spans="1:4" ht="18" customHeight="1" x14ac:dyDescent="0.2">
      <c r="A79" s="31">
        <v>61</v>
      </c>
      <c r="B79" s="27">
        <v>36</v>
      </c>
      <c r="C79" s="28">
        <v>28</v>
      </c>
      <c r="D79" s="29">
        <v>64</v>
      </c>
    </row>
    <row r="80" spans="1:4" ht="18" customHeight="1" x14ac:dyDescent="0.2">
      <c r="A80" s="31">
        <v>62</v>
      </c>
      <c r="B80" s="27">
        <v>25</v>
      </c>
      <c r="C80" s="28">
        <v>37</v>
      </c>
      <c r="D80" s="29">
        <v>62</v>
      </c>
    </row>
    <row r="81" spans="1:4" ht="18" customHeight="1" x14ac:dyDescent="0.2">
      <c r="A81" s="31">
        <v>63</v>
      </c>
      <c r="B81" s="27">
        <v>24</v>
      </c>
      <c r="C81" s="28">
        <v>35</v>
      </c>
      <c r="D81" s="29">
        <v>59</v>
      </c>
    </row>
    <row r="82" spans="1:4" ht="18" customHeight="1" x14ac:dyDescent="0.2">
      <c r="A82" s="31">
        <v>64</v>
      </c>
      <c r="B82" s="27">
        <v>28</v>
      </c>
      <c r="C82" s="28">
        <v>31</v>
      </c>
      <c r="D82" s="29">
        <v>59</v>
      </c>
    </row>
    <row r="83" spans="1:4" ht="18" customHeight="1" x14ac:dyDescent="0.2">
      <c r="A83" s="31" t="s">
        <v>61</v>
      </c>
      <c r="B83" s="27">
        <v>144</v>
      </c>
      <c r="C83" s="28">
        <v>168</v>
      </c>
      <c r="D83" s="29">
        <v>312</v>
      </c>
    </row>
    <row r="84" spans="1:4" ht="18" customHeight="1" x14ac:dyDescent="0.2">
      <c r="A84" s="31" t="s">
        <v>62</v>
      </c>
      <c r="B84" s="27">
        <v>1448</v>
      </c>
      <c r="C84" s="28">
        <v>1418</v>
      </c>
      <c r="D84" s="29">
        <v>2866</v>
      </c>
    </row>
    <row r="85" spans="1:4" ht="18" customHeight="1" x14ac:dyDescent="0.2">
      <c r="A85" s="31">
        <v>65</v>
      </c>
      <c r="B85" s="27">
        <v>36</v>
      </c>
      <c r="C85" s="28">
        <v>41</v>
      </c>
      <c r="D85" s="29">
        <v>77</v>
      </c>
    </row>
    <row r="86" spans="1:4" ht="18" customHeight="1" x14ac:dyDescent="0.2">
      <c r="A86" s="31">
        <v>66</v>
      </c>
      <c r="B86" s="27">
        <v>33</v>
      </c>
      <c r="C86" s="28">
        <v>37</v>
      </c>
      <c r="D86" s="29">
        <v>70</v>
      </c>
    </row>
    <row r="87" spans="1:4" ht="18" customHeight="1" x14ac:dyDescent="0.2">
      <c r="A87" s="31">
        <v>67</v>
      </c>
      <c r="B87" s="27">
        <v>33</v>
      </c>
      <c r="C87" s="28">
        <v>29</v>
      </c>
      <c r="D87" s="29">
        <v>62</v>
      </c>
    </row>
    <row r="88" spans="1:4" ht="18" customHeight="1" x14ac:dyDescent="0.2">
      <c r="A88" s="31">
        <v>68</v>
      </c>
      <c r="B88" s="27">
        <v>31</v>
      </c>
      <c r="C88" s="28">
        <v>43</v>
      </c>
      <c r="D88" s="29">
        <v>74</v>
      </c>
    </row>
    <row r="89" spans="1:4" ht="18" customHeight="1" x14ac:dyDescent="0.2">
      <c r="A89" s="31">
        <v>69</v>
      </c>
      <c r="B89" s="27">
        <v>36</v>
      </c>
      <c r="C89" s="28">
        <v>36</v>
      </c>
      <c r="D89" s="29">
        <v>72</v>
      </c>
    </row>
    <row r="90" spans="1:4" ht="18" customHeight="1" x14ac:dyDescent="0.2">
      <c r="A90" s="31" t="s">
        <v>63</v>
      </c>
      <c r="B90" s="27">
        <v>169</v>
      </c>
      <c r="C90" s="28">
        <v>186</v>
      </c>
      <c r="D90" s="29">
        <v>355</v>
      </c>
    </row>
    <row r="91" spans="1:4" ht="18" customHeight="1" x14ac:dyDescent="0.2">
      <c r="A91" s="31">
        <v>70</v>
      </c>
      <c r="B91" s="27">
        <v>32</v>
      </c>
      <c r="C91" s="28">
        <v>34</v>
      </c>
      <c r="D91" s="29">
        <v>66</v>
      </c>
    </row>
    <row r="92" spans="1:4" ht="18" customHeight="1" x14ac:dyDescent="0.2">
      <c r="A92" s="31">
        <v>71</v>
      </c>
      <c r="B92" s="27">
        <v>41</v>
      </c>
      <c r="C92" s="28">
        <v>40</v>
      </c>
      <c r="D92" s="29">
        <v>81</v>
      </c>
    </row>
    <row r="93" spans="1:4" ht="18" customHeight="1" x14ac:dyDescent="0.2">
      <c r="A93" s="31">
        <v>72</v>
      </c>
      <c r="B93" s="27">
        <v>45</v>
      </c>
      <c r="C93" s="28">
        <v>37</v>
      </c>
      <c r="D93" s="29">
        <v>82</v>
      </c>
    </row>
    <row r="94" spans="1:4" ht="18" customHeight="1" x14ac:dyDescent="0.2">
      <c r="A94" s="31">
        <v>73</v>
      </c>
      <c r="B94" s="27">
        <v>35</v>
      </c>
      <c r="C94" s="28">
        <v>37</v>
      </c>
      <c r="D94" s="29">
        <v>72</v>
      </c>
    </row>
    <row r="95" spans="1:4" ht="18" customHeight="1" x14ac:dyDescent="0.2">
      <c r="A95" s="31">
        <v>74</v>
      </c>
      <c r="B95" s="27">
        <v>21</v>
      </c>
      <c r="C95" s="28">
        <v>22</v>
      </c>
      <c r="D95" s="29">
        <v>43</v>
      </c>
    </row>
    <row r="96" spans="1:4" ht="18" customHeight="1" x14ac:dyDescent="0.2">
      <c r="A96" s="31" t="s">
        <v>64</v>
      </c>
      <c r="B96" s="27">
        <v>174</v>
      </c>
      <c r="C96" s="28">
        <v>170</v>
      </c>
      <c r="D96" s="29">
        <v>344</v>
      </c>
    </row>
    <row r="97" spans="1:4" ht="18" customHeight="1" x14ac:dyDescent="0.2">
      <c r="A97" s="31">
        <v>75</v>
      </c>
      <c r="B97" s="27">
        <v>21</v>
      </c>
      <c r="C97" s="28">
        <v>26</v>
      </c>
      <c r="D97" s="29">
        <v>47</v>
      </c>
    </row>
    <row r="98" spans="1:4" ht="18" customHeight="1" x14ac:dyDescent="0.2">
      <c r="A98" s="31">
        <v>76</v>
      </c>
      <c r="B98" s="27">
        <v>23</v>
      </c>
      <c r="C98" s="28">
        <v>33</v>
      </c>
      <c r="D98" s="29">
        <v>56</v>
      </c>
    </row>
    <row r="99" spans="1:4" ht="18" customHeight="1" x14ac:dyDescent="0.2">
      <c r="A99" s="31">
        <v>77</v>
      </c>
      <c r="B99" s="27">
        <v>15</v>
      </c>
      <c r="C99" s="28">
        <v>26</v>
      </c>
      <c r="D99" s="29">
        <v>41</v>
      </c>
    </row>
    <row r="100" spans="1:4" ht="18" customHeight="1" x14ac:dyDescent="0.2">
      <c r="A100" s="31">
        <v>78</v>
      </c>
      <c r="B100" s="27">
        <v>27</v>
      </c>
      <c r="C100" s="28">
        <v>37</v>
      </c>
      <c r="D100" s="29">
        <v>64</v>
      </c>
    </row>
    <row r="101" spans="1:4" ht="18" customHeight="1" x14ac:dyDescent="0.2">
      <c r="A101" s="31">
        <v>79</v>
      </c>
      <c r="B101" s="27">
        <v>21</v>
      </c>
      <c r="C101" s="28">
        <v>30</v>
      </c>
      <c r="D101" s="29">
        <v>51</v>
      </c>
    </row>
    <row r="102" spans="1:4" ht="18" customHeight="1" x14ac:dyDescent="0.2">
      <c r="A102" s="31" t="s">
        <v>65</v>
      </c>
      <c r="B102" s="27">
        <v>107</v>
      </c>
      <c r="C102" s="28">
        <v>152</v>
      </c>
      <c r="D102" s="29">
        <v>259</v>
      </c>
    </row>
    <row r="103" spans="1:4" ht="18" customHeight="1" x14ac:dyDescent="0.2">
      <c r="A103" s="31">
        <v>80</v>
      </c>
      <c r="B103" s="27">
        <v>13</v>
      </c>
      <c r="C103" s="28">
        <v>31</v>
      </c>
      <c r="D103" s="29">
        <v>44</v>
      </c>
    </row>
    <row r="104" spans="1:4" ht="18" customHeight="1" x14ac:dyDescent="0.2">
      <c r="A104" s="31">
        <v>81</v>
      </c>
      <c r="B104" s="27">
        <v>20</v>
      </c>
      <c r="C104" s="28">
        <v>20</v>
      </c>
      <c r="D104" s="29">
        <v>40</v>
      </c>
    </row>
    <row r="105" spans="1:4" ht="18" customHeight="1" x14ac:dyDescent="0.2">
      <c r="A105" s="31">
        <v>82</v>
      </c>
      <c r="B105" s="27">
        <v>25</v>
      </c>
      <c r="C105" s="28">
        <v>25</v>
      </c>
      <c r="D105" s="29">
        <v>50</v>
      </c>
    </row>
    <row r="106" spans="1:4" ht="18" customHeight="1" x14ac:dyDescent="0.2">
      <c r="A106" s="31">
        <v>83</v>
      </c>
      <c r="B106" s="27">
        <v>20</v>
      </c>
      <c r="C106" s="28">
        <v>24</v>
      </c>
      <c r="D106" s="29">
        <v>44</v>
      </c>
    </row>
    <row r="107" spans="1:4" ht="18" customHeight="1" x14ac:dyDescent="0.2">
      <c r="A107" s="31">
        <v>84</v>
      </c>
      <c r="B107" s="27">
        <v>20</v>
      </c>
      <c r="C107" s="28">
        <v>26</v>
      </c>
      <c r="D107" s="29">
        <v>46</v>
      </c>
    </row>
    <row r="108" spans="1:4" ht="18" customHeight="1" x14ac:dyDescent="0.2">
      <c r="A108" s="31" t="s">
        <v>66</v>
      </c>
      <c r="B108" s="27">
        <v>98</v>
      </c>
      <c r="C108" s="28">
        <v>126</v>
      </c>
      <c r="D108" s="29">
        <v>224</v>
      </c>
    </row>
    <row r="109" spans="1:4" ht="18" customHeight="1" x14ac:dyDescent="0.2">
      <c r="A109" s="31">
        <v>85</v>
      </c>
      <c r="B109" s="27">
        <v>12</v>
      </c>
      <c r="C109" s="28">
        <v>28</v>
      </c>
      <c r="D109" s="29">
        <v>40</v>
      </c>
    </row>
    <row r="110" spans="1:4" ht="18" customHeight="1" x14ac:dyDescent="0.2">
      <c r="A110" s="31">
        <v>86</v>
      </c>
      <c r="B110" s="27">
        <v>15</v>
      </c>
      <c r="C110" s="28">
        <v>19</v>
      </c>
      <c r="D110" s="29">
        <v>34</v>
      </c>
    </row>
    <row r="111" spans="1:4" ht="18" customHeight="1" x14ac:dyDescent="0.2">
      <c r="A111" s="31">
        <v>87</v>
      </c>
      <c r="B111" s="27">
        <v>10</v>
      </c>
      <c r="C111" s="28">
        <v>22</v>
      </c>
      <c r="D111" s="29">
        <v>32</v>
      </c>
    </row>
    <row r="112" spans="1:4" ht="18" customHeight="1" x14ac:dyDescent="0.2">
      <c r="A112" s="31">
        <v>88</v>
      </c>
      <c r="B112" s="27">
        <v>11</v>
      </c>
      <c r="C112" s="28">
        <v>26</v>
      </c>
      <c r="D112" s="29">
        <v>37</v>
      </c>
    </row>
    <row r="113" spans="1:4" ht="18" customHeight="1" x14ac:dyDescent="0.2">
      <c r="A113" s="31">
        <v>89</v>
      </c>
      <c r="B113" s="27">
        <v>7</v>
      </c>
      <c r="C113" s="28">
        <v>21</v>
      </c>
      <c r="D113" s="29">
        <v>28</v>
      </c>
    </row>
    <row r="114" spans="1:4" ht="18" customHeight="1" x14ac:dyDescent="0.2">
      <c r="A114" s="31" t="s">
        <v>67</v>
      </c>
      <c r="B114" s="27">
        <v>55</v>
      </c>
      <c r="C114" s="28">
        <v>116</v>
      </c>
      <c r="D114" s="29">
        <v>171</v>
      </c>
    </row>
    <row r="115" spans="1:4" ht="18" customHeight="1" x14ac:dyDescent="0.2">
      <c r="A115" s="31">
        <v>90</v>
      </c>
      <c r="B115" s="27">
        <v>10</v>
      </c>
      <c r="C115" s="28">
        <v>16</v>
      </c>
      <c r="D115" s="29">
        <v>26</v>
      </c>
    </row>
    <row r="116" spans="1:4" ht="18" customHeight="1" x14ac:dyDescent="0.2">
      <c r="A116" s="31">
        <v>91</v>
      </c>
      <c r="B116" s="27">
        <v>5</v>
      </c>
      <c r="C116" s="28">
        <v>13</v>
      </c>
      <c r="D116" s="29">
        <v>18</v>
      </c>
    </row>
    <row r="117" spans="1:4" ht="18" customHeight="1" x14ac:dyDescent="0.2">
      <c r="A117" s="31">
        <v>92</v>
      </c>
      <c r="B117" s="27">
        <v>7</v>
      </c>
      <c r="C117" s="28">
        <v>12</v>
      </c>
      <c r="D117" s="29">
        <v>19</v>
      </c>
    </row>
    <row r="118" spans="1:4" ht="18" customHeight="1" x14ac:dyDescent="0.2">
      <c r="A118" s="31">
        <v>93</v>
      </c>
      <c r="B118" s="27">
        <v>0</v>
      </c>
      <c r="C118" s="28">
        <v>4</v>
      </c>
      <c r="D118" s="29">
        <v>4</v>
      </c>
    </row>
    <row r="119" spans="1:4" ht="18" customHeight="1" x14ac:dyDescent="0.2">
      <c r="A119" s="31">
        <v>94</v>
      </c>
      <c r="B119" s="27">
        <v>4</v>
      </c>
      <c r="C119" s="28">
        <v>2</v>
      </c>
      <c r="D119" s="29">
        <v>6</v>
      </c>
    </row>
    <row r="120" spans="1:4" ht="18" customHeight="1" x14ac:dyDescent="0.2">
      <c r="A120" s="31" t="s">
        <v>68</v>
      </c>
      <c r="B120" s="27">
        <v>26</v>
      </c>
      <c r="C120" s="28">
        <v>47</v>
      </c>
      <c r="D120" s="29">
        <v>73</v>
      </c>
    </row>
    <row r="121" spans="1:4" ht="18" customHeight="1" x14ac:dyDescent="0.2">
      <c r="A121" s="31">
        <v>95</v>
      </c>
      <c r="B121" s="27">
        <v>3</v>
      </c>
      <c r="C121" s="28">
        <v>4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1</v>
      </c>
      <c r="C123" s="28">
        <v>4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5</v>
      </c>
      <c r="D125" s="29">
        <v>5</v>
      </c>
    </row>
    <row r="126" spans="1:4" ht="18" customHeight="1" x14ac:dyDescent="0.2">
      <c r="A126" s="31" t="s">
        <v>69</v>
      </c>
      <c r="B126" s="27">
        <v>5</v>
      </c>
      <c r="C126" s="28">
        <v>20</v>
      </c>
      <c r="D126" s="29">
        <v>25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634</v>
      </c>
      <c r="C130" s="5">
        <v>820</v>
      </c>
      <c r="D130" s="6">
        <v>1454</v>
      </c>
    </row>
    <row r="131" spans="1:4" ht="18" customHeight="1" x14ac:dyDescent="0.2">
      <c r="A131" s="33" t="s">
        <v>47</v>
      </c>
      <c r="B131" s="7">
        <v>2399</v>
      </c>
      <c r="C131" s="8">
        <v>2502</v>
      </c>
      <c r="D131" s="9">
        <v>490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57</v>
      </c>
      <c r="C5" s="37">
        <v>146</v>
      </c>
      <c r="D5" s="39">
        <v>303</v>
      </c>
    </row>
    <row r="6" spans="1:4" ht="18" customHeight="1" x14ac:dyDescent="0.2">
      <c r="A6" s="31">
        <v>1</v>
      </c>
      <c r="B6" s="35">
        <v>168</v>
      </c>
      <c r="C6" s="28">
        <v>147</v>
      </c>
      <c r="D6" s="29">
        <v>315</v>
      </c>
    </row>
    <row r="7" spans="1:4" ht="18" customHeight="1" x14ac:dyDescent="0.2">
      <c r="A7" s="31">
        <v>2</v>
      </c>
      <c r="B7" s="35">
        <v>199</v>
      </c>
      <c r="C7" s="28">
        <v>171</v>
      </c>
      <c r="D7" s="29">
        <v>370</v>
      </c>
    </row>
    <row r="8" spans="1:4" ht="18" customHeight="1" x14ac:dyDescent="0.2">
      <c r="A8" s="31">
        <v>3</v>
      </c>
      <c r="B8" s="35">
        <v>176</v>
      </c>
      <c r="C8" s="28">
        <v>173</v>
      </c>
      <c r="D8" s="29">
        <v>349</v>
      </c>
    </row>
    <row r="9" spans="1:4" ht="18" customHeight="1" x14ac:dyDescent="0.2">
      <c r="A9" s="31">
        <v>4</v>
      </c>
      <c r="B9" s="36">
        <v>215</v>
      </c>
      <c r="C9" s="38">
        <v>163</v>
      </c>
      <c r="D9" s="40">
        <v>378</v>
      </c>
    </row>
    <row r="10" spans="1:4" ht="18" customHeight="1" x14ac:dyDescent="0.2">
      <c r="A10" s="31" t="s">
        <v>48</v>
      </c>
      <c r="B10" s="27">
        <v>915</v>
      </c>
      <c r="C10" s="28">
        <v>800</v>
      </c>
      <c r="D10" s="29">
        <v>1715</v>
      </c>
    </row>
    <row r="11" spans="1:4" ht="18" customHeight="1" x14ac:dyDescent="0.2">
      <c r="A11" s="31">
        <v>5</v>
      </c>
      <c r="B11" s="35">
        <v>188</v>
      </c>
      <c r="C11" s="28">
        <v>158</v>
      </c>
      <c r="D11" s="29">
        <v>346</v>
      </c>
    </row>
    <row r="12" spans="1:4" ht="18" customHeight="1" x14ac:dyDescent="0.2">
      <c r="A12" s="31">
        <v>6</v>
      </c>
      <c r="B12" s="35">
        <v>199</v>
      </c>
      <c r="C12" s="28">
        <v>196</v>
      </c>
      <c r="D12" s="29">
        <v>395</v>
      </c>
    </row>
    <row r="13" spans="1:4" ht="18" customHeight="1" x14ac:dyDescent="0.2">
      <c r="A13" s="31">
        <v>7</v>
      </c>
      <c r="B13" s="35">
        <v>202</v>
      </c>
      <c r="C13" s="28">
        <v>208</v>
      </c>
      <c r="D13" s="29">
        <v>410</v>
      </c>
    </row>
    <row r="14" spans="1:4" ht="18" customHeight="1" x14ac:dyDescent="0.2">
      <c r="A14" s="31">
        <v>8</v>
      </c>
      <c r="B14" s="35">
        <v>200</v>
      </c>
      <c r="C14" s="28">
        <v>195</v>
      </c>
      <c r="D14" s="29">
        <v>395</v>
      </c>
    </row>
    <row r="15" spans="1:4" ht="18" customHeight="1" x14ac:dyDescent="0.2">
      <c r="A15" s="31">
        <v>9</v>
      </c>
      <c r="B15" s="35">
        <v>225</v>
      </c>
      <c r="C15" s="28">
        <v>212</v>
      </c>
      <c r="D15" s="29">
        <v>437</v>
      </c>
    </row>
    <row r="16" spans="1:4" ht="18" customHeight="1" x14ac:dyDescent="0.2">
      <c r="A16" s="31" t="s">
        <v>49</v>
      </c>
      <c r="B16" s="27">
        <v>1014</v>
      </c>
      <c r="C16" s="28">
        <v>969</v>
      </c>
      <c r="D16" s="29">
        <v>1983</v>
      </c>
    </row>
    <row r="17" spans="1:4" ht="18" customHeight="1" x14ac:dyDescent="0.2">
      <c r="A17" s="31">
        <v>10</v>
      </c>
      <c r="B17" s="27">
        <v>220</v>
      </c>
      <c r="C17" s="28">
        <v>243</v>
      </c>
      <c r="D17" s="29">
        <v>463</v>
      </c>
    </row>
    <row r="18" spans="1:4" ht="18" customHeight="1" x14ac:dyDescent="0.2">
      <c r="A18" s="31">
        <v>11</v>
      </c>
      <c r="B18" s="27">
        <v>232</v>
      </c>
      <c r="C18" s="28">
        <v>213</v>
      </c>
      <c r="D18" s="29">
        <v>445</v>
      </c>
    </row>
    <row r="19" spans="1:4" ht="18" customHeight="1" x14ac:dyDescent="0.2">
      <c r="A19" s="31">
        <v>12</v>
      </c>
      <c r="B19" s="27">
        <v>243</v>
      </c>
      <c r="C19" s="28">
        <v>197</v>
      </c>
      <c r="D19" s="29">
        <v>440</v>
      </c>
    </row>
    <row r="20" spans="1:4" ht="18" customHeight="1" x14ac:dyDescent="0.2">
      <c r="A20" s="31">
        <v>13</v>
      </c>
      <c r="B20" s="27">
        <v>237</v>
      </c>
      <c r="C20" s="28">
        <v>232</v>
      </c>
      <c r="D20" s="29">
        <v>469</v>
      </c>
    </row>
    <row r="21" spans="1:4" ht="18" customHeight="1" x14ac:dyDescent="0.2">
      <c r="A21" s="31">
        <v>14</v>
      </c>
      <c r="B21" s="27">
        <v>229</v>
      </c>
      <c r="C21" s="28">
        <v>218</v>
      </c>
      <c r="D21" s="29">
        <v>447</v>
      </c>
    </row>
    <row r="22" spans="1:4" ht="18" customHeight="1" x14ac:dyDescent="0.2">
      <c r="A22" s="31" t="s">
        <v>50</v>
      </c>
      <c r="B22" s="27">
        <v>1161</v>
      </c>
      <c r="C22" s="28">
        <v>1103</v>
      </c>
      <c r="D22" s="29">
        <v>2264</v>
      </c>
    </row>
    <row r="23" spans="1:4" ht="18" customHeight="1" x14ac:dyDescent="0.2">
      <c r="A23" s="31" t="s">
        <v>51</v>
      </c>
      <c r="B23" s="27">
        <v>3090</v>
      </c>
      <c r="C23" s="28">
        <v>2872</v>
      </c>
      <c r="D23" s="29">
        <v>5962</v>
      </c>
    </row>
    <row r="24" spans="1:4" ht="18" customHeight="1" x14ac:dyDescent="0.2">
      <c r="A24" s="31">
        <v>15</v>
      </c>
      <c r="B24" s="27">
        <v>242</v>
      </c>
      <c r="C24" s="28">
        <v>219</v>
      </c>
      <c r="D24" s="29">
        <v>461</v>
      </c>
    </row>
    <row r="25" spans="1:4" ht="18" customHeight="1" x14ac:dyDescent="0.2">
      <c r="A25" s="31">
        <v>16</v>
      </c>
      <c r="B25" s="27">
        <v>240</v>
      </c>
      <c r="C25" s="28">
        <v>223</v>
      </c>
      <c r="D25" s="29">
        <v>463</v>
      </c>
    </row>
    <row r="26" spans="1:4" ht="18" customHeight="1" x14ac:dyDescent="0.2">
      <c r="A26" s="31">
        <v>17</v>
      </c>
      <c r="B26" s="27">
        <v>236</v>
      </c>
      <c r="C26" s="28">
        <v>202</v>
      </c>
      <c r="D26" s="29">
        <v>438</v>
      </c>
    </row>
    <row r="27" spans="1:4" ht="18" customHeight="1" x14ac:dyDescent="0.2">
      <c r="A27" s="31">
        <v>18</v>
      </c>
      <c r="B27" s="27">
        <v>211</v>
      </c>
      <c r="C27" s="28">
        <v>213</v>
      </c>
      <c r="D27" s="29">
        <v>424</v>
      </c>
    </row>
    <row r="28" spans="1:4" ht="18" customHeight="1" x14ac:dyDescent="0.2">
      <c r="A28" s="31">
        <v>19</v>
      </c>
      <c r="B28" s="27">
        <v>223</v>
      </c>
      <c r="C28" s="28">
        <v>185</v>
      </c>
      <c r="D28" s="29">
        <v>408</v>
      </c>
    </row>
    <row r="29" spans="1:4" ht="18" customHeight="1" x14ac:dyDescent="0.2">
      <c r="A29" s="31" t="s">
        <v>52</v>
      </c>
      <c r="B29" s="27">
        <v>1152</v>
      </c>
      <c r="C29" s="28">
        <v>1042</v>
      </c>
      <c r="D29" s="29">
        <v>2194</v>
      </c>
    </row>
    <row r="30" spans="1:4" ht="18" customHeight="1" x14ac:dyDescent="0.2">
      <c r="A30" s="31">
        <v>20</v>
      </c>
      <c r="B30" s="27">
        <v>198</v>
      </c>
      <c r="C30" s="28">
        <v>220</v>
      </c>
      <c r="D30" s="29">
        <v>418</v>
      </c>
    </row>
    <row r="31" spans="1:4" ht="18" customHeight="1" x14ac:dyDescent="0.2">
      <c r="A31" s="31">
        <v>21</v>
      </c>
      <c r="B31" s="27">
        <v>192</v>
      </c>
      <c r="C31" s="28">
        <v>194</v>
      </c>
      <c r="D31" s="29">
        <v>386</v>
      </c>
    </row>
    <row r="32" spans="1:4" ht="18" customHeight="1" x14ac:dyDescent="0.2">
      <c r="A32" s="31">
        <v>22</v>
      </c>
      <c r="B32" s="27">
        <v>178</v>
      </c>
      <c r="C32" s="28">
        <v>204</v>
      </c>
      <c r="D32" s="29">
        <v>382</v>
      </c>
    </row>
    <row r="33" spans="1:4" ht="18" customHeight="1" x14ac:dyDescent="0.2">
      <c r="A33" s="31">
        <v>23</v>
      </c>
      <c r="B33" s="27">
        <v>204</v>
      </c>
      <c r="C33" s="28">
        <v>188</v>
      </c>
      <c r="D33" s="29">
        <v>392</v>
      </c>
    </row>
    <row r="34" spans="1:4" ht="18" customHeight="1" x14ac:dyDescent="0.2">
      <c r="A34" s="31">
        <v>24</v>
      </c>
      <c r="B34" s="27">
        <v>212</v>
      </c>
      <c r="C34" s="28">
        <v>179</v>
      </c>
      <c r="D34" s="29">
        <v>391</v>
      </c>
    </row>
    <row r="35" spans="1:4" ht="18" customHeight="1" x14ac:dyDescent="0.2">
      <c r="A35" s="31" t="s">
        <v>53</v>
      </c>
      <c r="B35" s="27">
        <v>984</v>
      </c>
      <c r="C35" s="28">
        <v>985</v>
      </c>
      <c r="D35" s="29">
        <v>1969</v>
      </c>
    </row>
    <row r="36" spans="1:4" ht="18" customHeight="1" x14ac:dyDescent="0.2">
      <c r="A36" s="31">
        <v>25</v>
      </c>
      <c r="B36" s="27">
        <v>229</v>
      </c>
      <c r="C36" s="28">
        <v>221</v>
      </c>
      <c r="D36" s="29">
        <v>450</v>
      </c>
    </row>
    <row r="37" spans="1:4" ht="18" customHeight="1" x14ac:dyDescent="0.2">
      <c r="A37" s="31">
        <v>26</v>
      </c>
      <c r="B37" s="27">
        <v>192</v>
      </c>
      <c r="C37" s="28">
        <v>203</v>
      </c>
      <c r="D37" s="29">
        <v>395</v>
      </c>
    </row>
    <row r="38" spans="1:4" ht="18" customHeight="1" x14ac:dyDescent="0.2">
      <c r="A38" s="31">
        <v>27</v>
      </c>
      <c r="B38" s="27">
        <v>223</v>
      </c>
      <c r="C38" s="28">
        <v>183</v>
      </c>
      <c r="D38" s="29">
        <v>406</v>
      </c>
    </row>
    <row r="39" spans="1:4" ht="18" customHeight="1" x14ac:dyDescent="0.2">
      <c r="A39" s="31">
        <v>28</v>
      </c>
      <c r="B39" s="27">
        <v>216</v>
      </c>
      <c r="C39" s="28">
        <v>207</v>
      </c>
      <c r="D39" s="29">
        <v>423</v>
      </c>
    </row>
    <row r="40" spans="1:4" ht="18" customHeight="1" x14ac:dyDescent="0.2">
      <c r="A40" s="31">
        <v>29</v>
      </c>
      <c r="B40" s="27">
        <v>239</v>
      </c>
      <c r="C40" s="28">
        <v>200</v>
      </c>
      <c r="D40" s="29">
        <v>439</v>
      </c>
    </row>
    <row r="41" spans="1:4" ht="18" customHeight="1" x14ac:dyDescent="0.2">
      <c r="A41" s="31" t="s">
        <v>54</v>
      </c>
      <c r="B41" s="27">
        <v>1099</v>
      </c>
      <c r="C41" s="28">
        <v>1014</v>
      </c>
      <c r="D41" s="29">
        <v>2113</v>
      </c>
    </row>
    <row r="42" spans="1:4" ht="18" customHeight="1" x14ac:dyDescent="0.2">
      <c r="A42" s="31">
        <v>30</v>
      </c>
      <c r="B42" s="27">
        <v>233</v>
      </c>
      <c r="C42" s="28">
        <v>187</v>
      </c>
      <c r="D42" s="29">
        <v>420</v>
      </c>
    </row>
    <row r="43" spans="1:4" ht="18" customHeight="1" x14ac:dyDescent="0.2">
      <c r="A43" s="31">
        <v>31</v>
      </c>
      <c r="B43" s="27">
        <v>248</v>
      </c>
      <c r="C43" s="28">
        <v>199</v>
      </c>
      <c r="D43" s="29">
        <v>447</v>
      </c>
    </row>
    <row r="44" spans="1:4" ht="18" customHeight="1" x14ac:dyDescent="0.2">
      <c r="A44" s="31">
        <v>32</v>
      </c>
      <c r="B44" s="27">
        <v>210</v>
      </c>
      <c r="C44" s="28">
        <v>204</v>
      </c>
      <c r="D44" s="29">
        <v>414</v>
      </c>
    </row>
    <row r="45" spans="1:4" ht="18" customHeight="1" x14ac:dyDescent="0.2">
      <c r="A45" s="31">
        <v>33</v>
      </c>
      <c r="B45" s="27">
        <v>261</v>
      </c>
      <c r="C45" s="28">
        <v>236</v>
      </c>
      <c r="D45" s="29">
        <v>497</v>
      </c>
    </row>
    <row r="46" spans="1:4" ht="18" customHeight="1" x14ac:dyDescent="0.2">
      <c r="A46" s="31">
        <v>34</v>
      </c>
      <c r="B46" s="27">
        <v>240</v>
      </c>
      <c r="C46" s="28">
        <v>238</v>
      </c>
      <c r="D46" s="29">
        <v>478</v>
      </c>
    </row>
    <row r="47" spans="1:4" ht="18" customHeight="1" x14ac:dyDescent="0.2">
      <c r="A47" s="31" t="s">
        <v>55</v>
      </c>
      <c r="B47" s="27">
        <v>1192</v>
      </c>
      <c r="C47" s="28">
        <v>1064</v>
      </c>
      <c r="D47" s="29">
        <v>2256</v>
      </c>
    </row>
    <row r="48" spans="1:4" ht="18" customHeight="1" x14ac:dyDescent="0.2">
      <c r="A48" s="31">
        <v>35</v>
      </c>
      <c r="B48" s="27">
        <v>238</v>
      </c>
      <c r="C48" s="28">
        <v>248</v>
      </c>
      <c r="D48" s="29">
        <v>486</v>
      </c>
    </row>
    <row r="49" spans="1:4" ht="18" customHeight="1" x14ac:dyDescent="0.2">
      <c r="A49" s="31">
        <v>36</v>
      </c>
      <c r="B49" s="27">
        <v>263</v>
      </c>
      <c r="C49" s="28">
        <v>265</v>
      </c>
      <c r="D49" s="29">
        <v>528</v>
      </c>
    </row>
    <row r="50" spans="1:4" ht="18" customHeight="1" x14ac:dyDescent="0.2">
      <c r="A50" s="31">
        <v>37</v>
      </c>
      <c r="B50" s="27">
        <v>260</v>
      </c>
      <c r="C50" s="28">
        <v>256</v>
      </c>
      <c r="D50" s="29">
        <v>516</v>
      </c>
    </row>
    <row r="51" spans="1:4" ht="18" customHeight="1" x14ac:dyDescent="0.2">
      <c r="A51" s="31">
        <v>38</v>
      </c>
      <c r="B51" s="27">
        <v>235</v>
      </c>
      <c r="C51" s="28">
        <v>276</v>
      </c>
      <c r="D51" s="29">
        <v>511</v>
      </c>
    </row>
    <row r="52" spans="1:4" ht="18" customHeight="1" x14ac:dyDescent="0.2">
      <c r="A52" s="31">
        <v>39</v>
      </c>
      <c r="B52" s="27">
        <v>260</v>
      </c>
      <c r="C52" s="28">
        <v>243</v>
      </c>
      <c r="D52" s="29">
        <v>503</v>
      </c>
    </row>
    <row r="53" spans="1:4" ht="18" customHeight="1" x14ac:dyDescent="0.2">
      <c r="A53" s="31" t="s">
        <v>56</v>
      </c>
      <c r="B53" s="27">
        <v>1256</v>
      </c>
      <c r="C53" s="28">
        <v>1288</v>
      </c>
      <c r="D53" s="29">
        <v>2544</v>
      </c>
    </row>
    <row r="54" spans="1:4" ht="18" customHeight="1" x14ac:dyDescent="0.2">
      <c r="A54" s="31">
        <v>40</v>
      </c>
      <c r="B54" s="27">
        <v>303</v>
      </c>
      <c r="C54" s="28">
        <v>290</v>
      </c>
      <c r="D54" s="29">
        <v>593</v>
      </c>
    </row>
    <row r="55" spans="1:4" ht="18" customHeight="1" x14ac:dyDescent="0.2">
      <c r="A55" s="31">
        <v>41</v>
      </c>
      <c r="B55" s="27">
        <v>304</v>
      </c>
      <c r="C55" s="28">
        <v>304</v>
      </c>
      <c r="D55" s="29">
        <v>608</v>
      </c>
    </row>
    <row r="56" spans="1:4" ht="18" customHeight="1" x14ac:dyDescent="0.2">
      <c r="A56" s="31">
        <v>42</v>
      </c>
      <c r="B56" s="27">
        <v>372</v>
      </c>
      <c r="C56" s="28">
        <v>291</v>
      </c>
      <c r="D56" s="29">
        <v>663</v>
      </c>
    </row>
    <row r="57" spans="1:4" ht="18" customHeight="1" x14ac:dyDescent="0.2">
      <c r="A57" s="31">
        <v>43</v>
      </c>
      <c r="B57" s="27">
        <v>327</v>
      </c>
      <c r="C57" s="28">
        <v>342</v>
      </c>
      <c r="D57" s="29">
        <v>669</v>
      </c>
    </row>
    <row r="58" spans="1:4" ht="18" customHeight="1" x14ac:dyDescent="0.2">
      <c r="A58" s="31">
        <v>44</v>
      </c>
      <c r="B58" s="27">
        <v>357</v>
      </c>
      <c r="C58" s="28">
        <v>328</v>
      </c>
      <c r="D58" s="29">
        <v>685</v>
      </c>
    </row>
    <row r="59" spans="1:4" ht="18" customHeight="1" x14ac:dyDescent="0.2">
      <c r="A59" s="31" t="s">
        <v>57</v>
      </c>
      <c r="B59" s="27">
        <v>1663</v>
      </c>
      <c r="C59" s="28">
        <v>1555</v>
      </c>
      <c r="D59" s="29">
        <v>3218</v>
      </c>
    </row>
    <row r="60" spans="1:4" ht="18" customHeight="1" x14ac:dyDescent="0.2">
      <c r="A60" s="31">
        <v>45</v>
      </c>
      <c r="B60" s="27">
        <v>340</v>
      </c>
      <c r="C60" s="28">
        <v>346</v>
      </c>
      <c r="D60" s="29">
        <v>686</v>
      </c>
    </row>
    <row r="61" spans="1:4" ht="18" customHeight="1" x14ac:dyDescent="0.2">
      <c r="A61" s="31">
        <v>46</v>
      </c>
      <c r="B61" s="27">
        <v>372</v>
      </c>
      <c r="C61" s="28">
        <v>372</v>
      </c>
      <c r="D61" s="29">
        <v>744</v>
      </c>
    </row>
    <row r="62" spans="1:4" ht="18" customHeight="1" x14ac:dyDescent="0.2">
      <c r="A62" s="31">
        <v>47</v>
      </c>
      <c r="B62" s="27">
        <v>381</v>
      </c>
      <c r="C62" s="28">
        <v>347</v>
      </c>
      <c r="D62" s="29">
        <v>728</v>
      </c>
    </row>
    <row r="63" spans="1:4" ht="18" customHeight="1" x14ac:dyDescent="0.2">
      <c r="A63" s="31">
        <v>48</v>
      </c>
      <c r="B63" s="27">
        <v>348</v>
      </c>
      <c r="C63" s="28">
        <v>349</v>
      </c>
      <c r="D63" s="29">
        <v>697</v>
      </c>
    </row>
    <row r="64" spans="1:4" ht="18" customHeight="1" x14ac:dyDescent="0.2">
      <c r="A64" s="31">
        <v>49</v>
      </c>
      <c r="B64" s="27">
        <v>292</v>
      </c>
      <c r="C64" s="28">
        <v>305</v>
      </c>
      <c r="D64" s="29">
        <v>597</v>
      </c>
    </row>
    <row r="65" spans="1:4" ht="18" customHeight="1" x14ac:dyDescent="0.2">
      <c r="A65" s="31" t="s">
        <v>58</v>
      </c>
      <c r="B65" s="27">
        <v>1733</v>
      </c>
      <c r="C65" s="28">
        <v>1719</v>
      </c>
      <c r="D65" s="29">
        <v>3452</v>
      </c>
    </row>
    <row r="66" spans="1:4" ht="18" customHeight="1" x14ac:dyDescent="0.2">
      <c r="A66" s="31">
        <v>50</v>
      </c>
      <c r="B66" s="27">
        <v>324</v>
      </c>
      <c r="C66" s="28">
        <v>293</v>
      </c>
      <c r="D66" s="29">
        <v>617</v>
      </c>
    </row>
    <row r="67" spans="1:4" ht="18" customHeight="1" x14ac:dyDescent="0.2">
      <c r="A67" s="31">
        <v>51</v>
      </c>
      <c r="B67" s="27">
        <v>324</v>
      </c>
      <c r="C67" s="28">
        <v>304</v>
      </c>
      <c r="D67" s="29">
        <v>628</v>
      </c>
    </row>
    <row r="68" spans="1:4" ht="18" customHeight="1" x14ac:dyDescent="0.2">
      <c r="A68" s="31">
        <v>52</v>
      </c>
      <c r="B68" s="27">
        <v>245</v>
      </c>
      <c r="C68" s="28">
        <v>287</v>
      </c>
      <c r="D68" s="29">
        <v>532</v>
      </c>
    </row>
    <row r="69" spans="1:4" ht="18" customHeight="1" x14ac:dyDescent="0.2">
      <c r="A69" s="31">
        <v>53</v>
      </c>
      <c r="B69" s="27">
        <v>260</v>
      </c>
      <c r="C69" s="28">
        <v>257</v>
      </c>
      <c r="D69" s="29">
        <v>517</v>
      </c>
    </row>
    <row r="70" spans="1:4" ht="18" customHeight="1" x14ac:dyDescent="0.2">
      <c r="A70" s="31">
        <v>54</v>
      </c>
      <c r="B70" s="27">
        <v>220</v>
      </c>
      <c r="C70" s="28">
        <v>237</v>
      </c>
      <c r="D70" s="29">
        <v>457</v>
      </c>
    </row>
    <row r="71" spans="1:4" ht="18" customHeight="1" x14ac:dyDescent="0.2">
      <c r="A71" s="31" t="s">
        <v>59</v>
      </c>
      <c r="B71" s="27">
        <v>1373</v>
      </c>
      <c r="C71" s="28">
        <v>1378</v>
      </c>
      <c r="D71" s="29">
        <v>2751</v>
      </c>
    </row>
    <row r="72" spans="1:4" ht="18" customHeight="1" x14ac:dyDescent="0.2">
      <c r="A72" s="31">
        <v>55</v>
      </c>
      <c r="B72" s="27">
        <v>258</v>
      </c>
      <c r="C72" s="28">
        <v>275</v>
      </c>
      <c r="D72" s="29">
        <v>533</v>
      </c>
    </row>
    <row r="73" spans="1:4" ht="18" customHeight="1" x14ac:dyDescent="0.2">
      <c r="A73" s="31">
        <v>56</v>
      </c>
      <c r="B73" s="27">
        <v>237</v>
      </c>
      <c r="C73" s="28">
        <v>248</v>
      </c>
      <c r="D73" s="29">
        <v>485</v>
      </c>
    </row>
    <row r="74" spans="1:4" ht="18" customHeight="1" x14ac:dyDescent="0.2">
      <c r="A74" s="31">
        <v>57</v>
      </c>
      <c r="B74" s="27">
        <v>243</v>
      </c>
      <c r="C74" s="28">
        <v>264</v>
      </c>
      <c r="D74" s="29">
        <v>507</v>
      </c>
    </row>
    <row r="75" spans="1:4" ht="18" customHeight="1" x14ac:dyDescent="0.2">
      <c r="A75" s="31">
        <v>58</v>
      </c>
      <c r="B75" s="27">
        <v>225</v>
      </c>
      <c r="C75" s="28">
        <v>240</v>
      </c>
      <c r="D75" s="29">
        <v>465</v>
      </c>
    </row>
    <row r="76" spans="1:4" ht="18" customHeight="1" x14ac:dyDescent="0.2">
      <c r="A76" s="31">
        <v>59</v>
      </c>
      <c r="B76" s="27">
        <v>220</v>
      </c>
      <c r="C76" s="28">
        <v>253</v>
      </c>
      <c r="D76" s="29">
        <v>473</v>
      </c>
    </row>
    <row r="77" spans="1:4" ht="18" customHeight="1" x14ac:dyDescent="0.2">
      <c r="A77" s="31" t="s">
        <v>60</v>
      </c>
      <c r="B77" s="27">
        <v>1183</v>
      </c>
      <c r="C77" s="28">
        <v>1280</v>
      </c>
      <c r="D77" s="29">
        <v>2463</v>
      </c>
    </row>
    <row r="78" spans="1:4" ht="18" customHeight="1" x14ac:dyDescent="0.2">
      <c r="A78" s="31">
        <v>60</v>
      </c>
      <c r="B78" s="27">
        <v>226</v>
      </c>
      <c r="C78" s="28">
        <v>218</v>
      </c>
      <c r="D78" s="29">
        <v>444</v>
      </c>
    </row>
    <row r="79" spans="1:4" ht="18" customHeight="1" x14ac:dyDescent="0.2">
      <c r="A79" s="31">
        <v>61</v>
      </c>
      <c r="B79" s="27">
        <v>237</v>
      </c>
      <c r="C79" s="28">
        <v>234</v>
      </c>
      <c r="D79" s="29">
        <v>471</v>
      </c>
    </row>
    <row r="80" spans="1:4" ht="18" customHeight="1" x14ac:dyDescent="0.2">
      <c r="A80" s="31">
        <v>62</v>
      </c>
      <c r="B80" s="27">
        <v>192</v>
      </c>
      <c r="C80" s="28">
        <v>240</v>
      </c>
      <c r="D80" s="29">
        <v>432</v>
      </c>
    </row>
    <row r="81" spans="1:4" ht="18" customHeight="1" x14ac:dyDescent="0.2">
      <c r="A81" s="31">
        <v>63</v>
      </c>
      <c r="B81" s="27">
        <v>203</v>
      </c>
      <c r="C81" s="28">
        <v>211</v>
      </c>
      <c r="D81" s="29">
        <v>414</v>
      </c>
    </row>
    <row r="82" spans="1:4" ht="18" customHeight="1" x14ac:dyDescent="0.2">
      <c r="A82" s="31">
        <v>64</v>
      </c>
      <c r="B82" s="27">
        <v>229</v>
      </c>
      <c r="C82" s="28">
        <v>242</v>
      </c>
      <c r="D82" s="29">
        <v>471</v>
      </c>
    </row>
    <row r="83" spans="1:4" ht="18" customHeight="1" x14ac:dyDescent="0.2">
      <c r="A83" s="31" t="s">
        <v>61</v>
      </c>
      <c r="B83" s="27">
        <v>1087</v>
      </c>
      <c r="C83" s="28">
        <v>1145</v>
      </c>
      <c r="D83" s="29">
        <v>2232</v>
      </c>
    </row>
    <row r="84" spans="1:4" ht="18" customHeight="1" x14ac:dyDescent="0.2">
      <c r="A84" s="31" t="s">
        <v>62</v>
      </c>
      <c r="B84" s="27">
        <v>12722</v>
      </c>
      <c r="C84" s="28">
        <v>12470</v>
      </c>
      <c r="D84" s="29">
        <v>25192</v>
      </c>
    </row>
    <row r="85" spans="1:4" ht="18" customHeight="1" x14ac:dyDescent="0.2">
      <c r="A85" s="31">
        <v>65</v>
      </c>
      <c r="B85" s="27">
        <v>251</v>
      </c>
      <c r="C85" s="28">
        <v>270</v>
      </c>
      <c r="D85" s="29">
        <v>521</v>
      </c>
    </row>
    <row r="86" spans="1:4" ht="18" customHeight="1" x14ac:dyDescent="0.2">
      <c r="A86" s="31">
        <v>66</v>
      </c>
      <c r="B86" s="27">
        <v>250</v>
      </c>
      <c r="C86" s="28">
        <v>245</v>
      </c>
      <c r="D86" s="29">
        <v>495</v>
      </c>
    </row>
    <row r="87" spans="1:4" ht="18" customHeight="1" x14ac:dyDescent="0.2">
      <c r="A87" s="31">
        <v>67</v>
      </c>
      <c r="B87" s="27">
        <v>256</v>
      </c>
      <c r="C87" s="28">
        <v>251</v>
      </c>
      <c r="D87" s="29">
        <v>507</v>
      </c>
    </row>
    <row r="88" spans="1:4" ht="18" customHeight="1" x14ac:dyDescent="0.2">
      <c r="A88" s="31">
        <v>68</v>
      </c>
      <c r="B88" s="27">
        <v>233</v>
      </c>
      <c r="C88" s="28">
        <v>294</v>
      </c>
      <c r="D88" s="29">
        <v>527</v>
      </c>
    </row>
    <row r="89" spans="1:4" ht="18" customHeight="1" x14ac:dyDescent="0.2">
      <c r="A89" s="31">
        <v>69</v>
      </c>
      <c r="B89" s="27">
        <v>271</v>
      </c>
      <c r="C89" s="28">
        <v>283</v>
      </c>
      <c r="D89" s="29">
        <v>554</v>
      </c>
    </row>
    <row r="90" spans="1:4" ht="18" customHeight="1" x14ac:dyDescent="0.2">
      <c r="A90" s="31" t="s">
        <v>63</v>
      </c>
      <c r="B90" s="27">
        <v>1261</v>
      </c>
      <c r="C90" s="28">
        <v>1343</v>
      </c>
      <c r="D90" s="29">
        <v>2604</v>
      </c>
    </row>
    <row r="91" spans="1:4" ht="18" customHeight="1" x14ac:dyDescent="0.2">
      <c r="A91" s="31">
        <v>70</v>
      </c>
      <c r="B91" s="27">
        <v>257</v>
      </c>
      <c r="C91" s="28">
        <v>291</v>
      </c>
      <c r="D91" s="29">
        <v>548</v>
      </c>
    </row>
    <row r="92" spans="1:4" ht="18" customHeight="1" x14ac:dyDescent="0.2">
      <c r="A92" s="31">
        <v>71</v>
      </c>
      <c r="B92" s="27">
        <v>337</v>
      </c>
      <c r="C92" s="28">
        <v>333</v>
      </c>
      <c r="D92" s="29">
        <v>670</v>
      </c>
    </row>
    <row r="93" spans="1:4" ht="18" customHeight="1" x14ac:dyDescent="0.2">
      <c r="A93" s="31">
        <v>72</v>
      </c>
      <c r="B93" s="27">
        <v>311</v>
      </c>
      <c r="C93" s="28">
        <v>326</v>
      </c>
      <c r="D93" s="29">
        <v>637</v>
      </c>
    </row>
    <row r="94" spans="1:4" ht="18" customHeight="1" x14ac:dyDescent="0.2">
      <c r="A94" s="31">
        <v>73</v>
      </c>
      <c r="B94" s="27">
        <v>256</v>
      </c>
      <c r="C94" s="28">
        <v>292</v>
      </c>
      <c r="D94" s="29">
        <v>548</v>
      </c>
    </row>
    <row r="95" spans="1:4" ht="18" customHeight="1" x14ac:dyDescent="0.2">
      <c r="A95" s="31">
        <v>74</v>
      </c>
      <c r="B95" s="27">
        <v>134</v>
      </c>
      <c r="C95" s="28">
        <v>133</v>
      </c>
      <c r="D95" s="29">
        <v>267</v>
      </c>
    </row>
    <row r="96" spans="1:4" ht="18" customHeight="1" x14ac:dyDescent="0.2">
      <c r="A96" s="31" t="s">
        <v>64</v>
      </c>
      <c r="B96" s="27">
        <v>1295</v>
      </c>
      <c r="C96" s="28">
        <v>1375</v>
      </c>
      <c r="D96" s="29">
        <v>2670</v>
      </c>
    </row>
    <row r="97" spans="1:4" ht="18" customHeight="1" x14ac:dyDescent="0.2">
      <c r="A97" s="31">
        <v>75</v>
      </c>
      <c r="B97" s="27">
        <v>163</v>
      </c>
      <c r="C97" s="28">
        <v>177</v>
      </c>
      <c r="D97" s="29">
        <v>340</v>
      </c>
    </row>
    <row r="98" spans="1:4" ht="18" customHeight="1" x14ac:dyDescent="0.2">
      <c r="A98" s="31">
        <v>76</v>
      </c>
      <c r="B98" s="27">
        <v>177</v>
      </c>
      <c r="C98" s="28">
        <v>218</v>
      </c>
      <c r="D98" s="29">
        <v>395</v>
      </c>
    </row>
    <row r="99" spans="1:4" ht="18" customHeight="1" x14ac:dyDescent="0.2">
      <c r="A99" s="31">
        <v>77</v>
      </c>
      <c r="B99" s="27">
        <v>171</v>
      </c>
      <c r="C99" s="28">
        <v>221</v>
      </c>
      <c r="D99" s="29">
        <v>392</v>
      </c>
    </row>
    <row r="100" spans="1:4" ht="18" customHeight="1" x14ac:dyDescent="0.2">
      <c r="A100" s="31">
        <v>78</v>
      </c>
      <c r="B100" s="27">
        <v>190</v>
      </c>
      <c r="C100" s="28">
        <v>196</v>
      </c>
      <c r="D100" s="29">
        <v>386</v>
      </c>
    </row>
    <row r="101" spans="1:4" ht="18" customHeight="1" x14ac:dyDescent="0.2">
      <c r="A101" s="31">
        <v>79</v>
      </c>
      <c r="B101" s="27">
        <v>158</v>
      </c>
      <c r="C101" s="28">
        <v>193</v>
      </c>
      <c r="D101" s="29">
        <v>351</v>
      </c>
    </row>
    <row r="102" spans="1:4" ht="18" customHeight="1" x14ac:dyDescent="0.2">
      <c r="A102" s="31" t="s">
        <v>65</v>
      </c>
      <c r="B102" s="27">
        <v>859</v>
      </c>
      <c r="C102" s="28">
        <v>1005</v>
      </c>
      <c r="D102" s="29">
        <v>1864</v>
      </c>
    </row>
    <row r="103" spans="1:4" ht="18" customHeight="1" x14ac:dyDescent="0.2">
      <c r="A103" s="31">
        <v>80</v>
      </c>
      <c r="B103" s="27">
        <v>118</v>
      </c>
      <c r="C103" s="28">
        <v>187</v>
      </c>
      <c r="D103" s="29">
        <v>305</v>
      </c>
    </row>
    <row r="104" spans="1:4" ht="18" customHeight="1" x14ac:dyDescent="0.2">
      <c r="A104" s="31">
        <v>81</v>
      </c>
      <c r="B104" s="27">
        <v>95</v>
      </c>
      <c r="C104" s="28">
        <v>138</v>
      </c>
      <c r="D104" s="29">
        <v>233</v>
      </c>
    </row>
    <row r="105" spans="1:4" ht="18" customHeight="1" x14ac:dyDescent="0.2">
      <c r="A105" s="31">
        <v>82</v>
      </c>
      <c r="B105" s="27">
        <v>121</v>
      </c>
      <c r="C105" s="28">
        <v>153</v>
      </c>
      <c r="D105" s="29">
        <v>274</v>
      </c>
    </row>
    <row r="106" spans="1:4" ht="18" customHeight="1" x14ac:dyDescent="0.2">
      <c r="A106" s="31">
        <v>83</v>
      </c>
      <c r="B106" s="27">
        <v>108</v>
      </c>
      <c r="C106" s="28">
        <v>132</v>
      </c>
      <c r="D106" s="29">
        <v>240</v>
      </c>
    </row>
    <row r="107" spans="1:4" ht="18" customHeight="1" x14ac:dyDescent="0.2">
      <c r="A107" s="31">
        <v>84</v>
      </c>
      <c r="B107" s="27">
        <v>108</v>
      </c>
      <c r="C107" s="28">
        <v>186</v>
      </c>
      <c r="D107" s="29">
        <v>294</v>
      </c>
    </row>
    <row r="108" spans="1:4" ht="18" customHeight="1" x14ac:dyDescent="0.2">
      <c r="A108" s="31" t="s">
        <v>66</v>
      </c>
      <c r="B108" s="27">
        <v>550</v>
      </c>
      <c r="C108" s="28">
        <v>796</v>
      </c>
      <c r="D108" s="29">
        <v>1346</v>
      </c>
    </row>
    <row r="109" spans="1:4" ht="18" customHeight="1" x14ac:dyDescent="0.2">
      <c r="A109" s="31">
        <v>85</v>
      </c>
      <c r="B109" s="27">
        <v>77</v>
      </c>
      <c r="C109" s="28">
        <v>135</v>
      </c>
      <c r="D109" s="29">
        <v>212</v>
      </c>
    </row>
    <row r="110" spans="1:4" ht="18" customHeight="1" x14ac:dyDescent="0.2">
      <c r="A110" s="31">
        <v>86</v>
      </c>
      <c r="B110" s="27">
        <v>69</v>
      </c>
      <c r="C110" s="28">
        <v>161</v>
      </c>
      <c r="D110" s="29">
        <v>230</v>
      </c>
    </row>
    <row r="111" spans="1:4" ht="18" customHeight="1" x14ac:dyDescent="0.2">
      <c r="A111" s="31">
        <v>87</v>
      </c>
      <c r="B111" s="27">
        <v>62</v>
      </c>
      <c r="C111" s="28">
        <v>152</v>
      </c>
      <c r="D111" s="29">
        <v>214</v>
      </c>
    </row>
    <row r="112" spans="1:4" ht="18" customHeight="1" x14ac:dyDescent="0.2">
      <c r="A112" s="31">
        <v>88</v>
      </c>
      <c r="B112" s="27">
        <v>59</v>
      </c>
      <c r="C112" s="28">
        <v>138</v>
      </c>
      <c r="D112" s="29">
        <v>197</v>
      </c>
    </row>
    <row r="113" spans="1:4" ht="18" customHeight="1" x14ac:dyDescent="0.2">
      <c r="A113" s="31">
        <v>89</v>
      </c>
      <c r="B113" s="27">
        <v>47</v>
      </c>
      <c r="C113" s="28">
        <v>127</v>
      </c>
      <c r="D113" s="29">
        <v>174</v>
      </c>
    </row>
    <row r="114" spans="1:4" ht="18" customHeight="1" x14ac:dyDescent="0.2">
      <c r="A114" s="31" t="s">
        <v>67</v>
      </c>
      <c r="B114" s="27">
        <v>314</v>
      </c>
      <c r="C114" s="28">
        <v>713</v>
      </c>
      <c r="D114" s="29">
        <v>1027</v>
      </c>
    </row>
    <row r="115" spans="1:4" ht="18" customHeight="1" x14ac:dyDescent="0.2">
      <c r="A115" s="31">
        <v>90</v>
      </c>
      <c r="B115" s="27">
        <v>47</v>
      </c>
      <c r="C115" s="28">
        <v>96</v>
      </c>
      <c r="D115" s="29">
        <v>143</v>
      </c>
    </row>
    <row r="116" spans="1:4" ht="18" customHeight="1" x14ac:dyDescent="0.2">
      <c r="A116" s="31">
        <v>91</v>
      </c>
      <c r="B116" s="27">
        <v>39</v>
      </c>
      <c r="C116" s="28">
        <v>95</v>
      </c>
      <c r="D116" s="29">
        <v>134</v>
      </c>
    </row>
    <row r="117" spans="1:4" ht="18" customHeight="1" x14ac:dyDescent="0.2">
      <c r="A117" s="31">
        <v>92</v>
      </c>
      <c r="B117" s="27">
        <v>36</v>
      </c>
      <c r="C117" s="28">
        <v>76</v>
      </c>
      <c r="D117" s="29">
        <v>112</v>
      </c>
    </row>
    <row r="118" spans="1:4" ht="18" customHeight="1" x14ac:dyDescent="0.2">
      <c r="A118" s="31">
        <v>93</v>
      </c>
      <c r="B118" s="27">
        <v>26</v>
      </c>
      <c r="C118" s="28">
        <v>65</v>
      </c>
      <c r="D118" s="29">
        <v>91</v>
      </c>
    </row>
    <row r="119" spans="1:4" ht="18" customHeight="1" x14ac:dyDescent="0.2">
      <c r="A119" s="31">
        <v>94</v>
      </c>
      <c r="B119" s="27">
        <v>22</v>
      </c>
      <c r="C119" s="28">
        <v>50</v>
      </c>
      <c r="D119" s="29">
        <v>72</v>
      </c>
    </row>
    <row r="120" spans="1:4" ht="18" customHeight="1" x14ac:dyDescent="0.2">
      <c r="A120" s="31" t="s">
        <v>68</v>
      </c>
      <c r="B120" s="27">
        <v>170</v>
      </c>
      <c r="C120" s="28">
        <v>382</v>
      </c>
      <c r="D120" s="29">
        <v>552</v>
      </c>
    </row>
    <row r="121" spans="1:4" ht="18" customHeight="1" x14ac:dyDescent="0.2">
      <c r="A121" s="31">
        <v>95</v>
      </c>
      <c r="B121" s="27">
        <v>13</v>
      </c>
      <c r="C121" s="28">
        <v>51</v>
      </c>
      <c r="D121" s="29">
        <v>64</v>
      </c>
    </row>
    <row r="122" spans="1:4" ht="18" customHeight="1" x14ac:dyDescent="0.2">
      <c r="A122" s="31">
        <v>96</v>
      </c>
      <c r="B122" s="27">
        <v>12</v>
      </c>
      <c r="C122" s="28">
        <v>29</v>
      </c>
      <c r="D122" s="29">
        <v>41</v>
      </c>
    </row>
    <row r="123" spans="1:4" ht="18" customHeight="1" x14ac:dyDescent="0.2">
      <c r="A123" s="31">
        <v>97</v>
      </c>
      <c r="B123" s="27">
        <v>4</v>
      </c>
      <c r="C123" s="28">
        <v>24</v>
      </c>
      <c r="D123" s="29">
        <v>28</v>
      </c>
    </row>
    <row r="124" spans="1:4" ht="18" customHeight="1" x14ac:dyDescent="0.2">
      <c r="A124" s="31">
        <v>98</v>
      </c>
      <c r="B124" s="27">
        <v>4</v>
      </c>
      <c r="C124" s="28">
        <v>20</v>
      </c>
      <c r="D124" s="29">
        <v>24</v>
      </c>
    </row>
    <row r="125" spans="1:4" ht="18" customHeight="1" x14ac:dyDescent="0.2">
      <c r="A125" s="31">
        <v>99</v>
      </c>
      <c r="B125" s="27">
        <v>1</v>
      </c>
      <c r="C125" s="28">
        <v>15</v>
      </c>
      <c r="D125" s="29">
        <v>16</v>
      </c>
    </row>
    <row r="126" spans="1:4" ht="18" customHeight="1" x14ac:dyDescent="0.2">
      <c r="A126" s="31" t="s">
        <v>69</v>
      </c>
      <c r="B126" s="27">
        <v>34</v>
      </c>
      <c r="C126" s="28">
        <v>139</v>
      </c>
      <c r="D126" s="29">
        <v>173</v>
      </c>
    </row>
    <row r="127" spans="1:4" ht="18" customHeight="1" x14ac:dyDescent="0.2">
      <c r="A127" s="31">
        <v>100</v>
      </c>
      <c r="B127" s="27">
        <v>0</v>
      </c>
      <c r="C127" s="28">
        <v>9</v>
      </c>
      <c r="D127" s="29">
        <v>9</v>
      </c>
    </row>
    <row r="128" spans="1:4" ht="18" customHeight="1" x14ac:dyDescent="0.2">
      <c r="A128" s="32" t="s">
        <v>70</v>
      </c>
      <c r="B128" s="27">
        <v>2</v>
      </c>
      <c r="C128" s="28">
        <v>9</v>
      </c>
      <c r="D128" s="29">
        <v>11</v>
      </c>
    </row>
    <row r="129" spans="1:4" ht="18" customHeight="1" x14ac:dyDescent="0.2">
      <c r="A129" s="31" t="s">
        <v>71</v>
      </c>
      <c r="B129" s="27">
        <v>2</v>
      </c>
      <c r="C129" s="28">
        <v>18</v>
      </c>
      <c r="D129" s="29">
        <v>20</v>
      </c>
    </row>
    <row r="130" spans="1:4" ht="18" customHeight="1" x14ac:dyDescent="0.2">
      <c r="A130" s="31" t="s">
        <v>72</v>
      </c>
      <c r="B130" s="4">
        <v>4485</v>
      </c>
      <c r="C130" s="5">
        <v>5771</v>
      </c>
      <c r="D130" s="6">
        <v>10256</v>
      </c>
    </row>
    <row r="131" spans="1:4" ht="18" customHeight="1" x14ac:dyDescent="0.2">
      <c r="A131" s="33" t="s">
        <v>47</v>
      </c>
      <c r="B131" s="7">
        <v>20297</v>
      </c>
      <c r="C131" s="8">
        <v>21113</v>
      </c>
      <c r="D131" s="9">
        <v>4141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9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51</v>
      </c>
      <c r="B23" s="27">
        <v>0</v>
      </c>
      <c r="C23" s="28">
        <v>0</v>
      </c>
      <c r="D23" s="29">
        <v>0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1</v>
      </c>
      <c r="D29" s="29">
        <v>1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0</v>
      </c>
      <c r="C41" s="28">
        <v>0</v>
      </c>
      <c r="D41" s="29">
        <v>0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1</v>
      </c>
      <c r="D50" s="29">
        <v>1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1</v>
      </c>
      <c r="D53" s="29">
        <v>1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0</v>
      </c>
      <c r="D59" s="29">
        <v>0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0</v>
      </c>
      <c r="C65" s="28">
        <v>0</v>
      </c>
      <c r="D65" s="29">
        <v>0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1</v>
      </c>
      <c r="C67" s="28">
        <v>0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1</v>
      </c>
      <c r="C70" s="28">
        <v>0</v>
      </c>
      <c r="D70" s="29">
        <v>1</v>
      </c>
    </row>
    <row r="71" spans="1:4" ht="18" customHeight="1" x14ac:dyDescent="0.2">
      <c r="A71" s="31" t="s">
        <v>59</v>
      </c>
      <c r="B71" s="27">
        <v>2</v>
      </c>
      <c r="C71" s="28">
        <v>1</v>
      </c>
      <c r="D71" s="29">
        <v>3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0</v>
      </c>
      <c r="C77" s="28">
        <v>0</v>
      </c>
      <c r="D77" s="29">
        <v>0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0</v>
      </c>
      <c r="C81" s="28">
        <v>0</v>
      </c>
      <c r="D81" s="29">
        <v>0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0</v>
      </c>
      <c r="C83" s="28">
        <v>0</v>
      </c>
      <c r="D83" s="29">
        <v>0</v>
      </c>
    </row>
    <row r="84" spans="1:4" ht="18" customHeight="1" x14ac:dyDescent="0.2">
      <c r="A84" s="31" t="s">
        <v>62</v>
      </c>
      <c r="B84" s="27">
        <v>2</v>
      </c>
      <c r="C84" s="28">
        <v>3</v>
      </c>
      <c r="D84" s="29">
        <v>5</v>
      </c>
    </row>
    <row r="85" spans="1:4" ht="18" customHeight="1" x14ac:dyDescent="0.2">
      <c r="A85" s="31">
        <v>65</v>
      </c>
      <c r="B85" s="27">
        <v>1</v>
      </c>
      <c r="C85" s="28">
        <v>0</v>
      </c>
      <c r="D85" s="29">
        <v>1</v>
      </c>
    </row>
    <row r="86" spans="1:4" ht="18" customHeight="1" x14ac:dyDescent="0.2">
      <c r="A86" s="31">
        <v>66</v>
      </c>
      <c r="B86" s="27">
        <v>0</v>
      </c>
      <c r="C86" s="28">
        <v>1</v>
      </c>
      <c r="D86" s="29">
        <v>1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1</v>
      </c>
      <c r="C90" s="28">
        <v>1</v>
      </c>
      <c r="D90" s="29">
        <v>2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0</v>
      </c>
      <c r="D94" s="29">
        <v>0</v>
      </c>
    </row>
    <row r="95" spans="1:4" ht="18" customHeight="1" x14ac:dyDescent="0.2">
      <c r="A95" s="31">
        <v>74</v>
      </c>
      <c r="B95" s="27">
        <v>0</v>
      </c>
      <c r="C95" s="28">
        <v>1</v>
      </c>
      <c r="D95" s="29">
        <v>1</v>
      </c>
    </row>
    <row r="96" spans="1:4" ht="18" customHeight="1" x14ac:dyDescent="0.2">
      <c r="A96" s="31" t="s">
        <v>64</v>
      </c>
      <c r="B96" s="27">
        <v>0</v>
      </c>
      <c r="C96" s="28">
        <v>1</v>
      </c>
      <c r="D96" s="29">
        <v>1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0</v>
      </c>
      <c r="C98" s="28">
        <v>0</v>
      </c>
      <c r="D98" s="29">
        <v>0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65</v>
      </c>
      <c r="B102" s="27">
        <v>0</v>
      </c>
      <c r="C102" s="28">
        <v>0</v>
      </c>
      <c r="D102" s="29">
        <v>0</v>
      </c>
    </row>
    <row r="103" spans="1:4" ht="18" customHeight="1" x14ac:dyDescent="0.2">
      <c r="A103" s="31">
        <v>80</v>
      </c>
      <c r="B103" s="27">
        <v>0</v>
      </c>
      <c r="C103" s="28">
        <v>0</v>
      </c>
      <c r="D103" s="29">
        <v>0</v>
      </c>
    </row>
    <row r="104" spans="1:4" ht="18" customHeight="1" x14ac:dyDescent="0.2">
      <c r="A104" s="31">
        <v>81</v>
      </c>
      <c r="B104" s="27">
        <v>0</v>
      </c>
      <c r="C104" s="28">
        <v>0</v>
      </c>
      <c r="D104" s="29">
        <v>0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0</v>
      </c>
      <c r="C108" s="28">
        <v>0</v>
      </c>
      <c r="D108" s="29">
        <v>0</v>
      </c>
    </row>
    <row r="109" spans="1:4" ht="18" customHeight="1" x14ac:dyDescent="0.2">
      <c r="A109" s="31">
        <v>85</v>
      </c>
      <c r="B109" s="27">
        <v>0</v>
      </c>
      <c r="C109" s="28">
        <v>0</v>
      </c>
      <c r="D109" s="29">
        <v>0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0</v>
      </c>
      <c r="C114" s="28">
        <v>1</v>
      </c>
      <c r="D114" s="29">
        <v>1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0</v>
      </c>
      <c r="C120" s="28">
        <v>2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1</v>
      </c>
      <c r="C122" s="28">
        <v>0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</v>
      </c>
      <c r="C130" s="5">
        <v>5</v>
      </c>
      <c r="D130" s="6">
        <v>7</v>
      </c>
    </row>
    <row r="131" spans="1:4" ht="18" customHeight="1" x14ac:dyDescent="0.2">
      <c r="A131" s="33" t="s">
        <v>47</v>
      </c>
      <c r="B131" s="7">
        <v>4</v>
      </c>
      <c r="C131" s="8">
        <v>8</v>
      </c>
      <c r="D131" s="9">
        <v>1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900-000000000000}">
  <sheetPr codeName="Sheet9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2</v>
      </c>
      <c r="D5" s="39">
        <v>5</v>
      </c>
    </row>
    <row r="6" spans="1:4" ht="18" customHeight="1" x14ac:dyDescent="0.2">
      <c r="A6" s="31">
        <v>1</v>
      </c>
      <c r="B6" s="35">
        <v>1</v>
      </c>
      <c r="C6" s="28">
        <v>4</v>
      </c>
      <c r="D6" s="29">
        <v>5</v>
      </c>
    </row>
    <row r="7" spans="1:4" ht="18" customHeight="1" x14ac:dyDescent="0.2">
      <c r="A7" s="31">
        <v>2</v>
      </c>
      <c r="B7" s="35">
        <v>3</v>
      </c>
      <c r="C7" s="28">
        <v>1</v>
      </c>
      <c r="D7" s="29">
        <v>4</v>
      </c>
    </row>
    <row r="8" spans="1:4" ht="18" customHeight="1" x14ac:dyDescent="0.2">
      <c r="A8" s="31">
        <v>3</v>
      </c>
      <c r="B8" s="35">
        <v>4</v>
      </c>
      <c r="C8" s="28">
        <v>1</v>
      </c>
      <c r="D8" s="29">
        <v>5</v>
      </c>
    </row>
    <row r="9" spans="1:4" ht="18" customHeight="1" x14ac:dyDescent="0.2">
      <c r="A9" s="31">
        <v>4</v>
      </c>
      <c r="B9" s="36">
        <v>4</v>
      </c>
      <c r="C9" s="38">
        <v>2</v>
      </c>
      <c r="D9" s="40">
        <v>6</v>
      </c>
    </row>
    <row r="10" spans="1:4" ht="18" customHeight="1" x14ac:dyDescent="0.2">
      <c r="A10" s="31" t="s">
        <v>48</v>
      </c>
      <c r="B10" s="27">
        <v>15</v>
      </c>
      <c r="C10" s="28">
        <v>10</v>
      </c>
      <c r="D10" s="29">
        <v>25</v>
      </c>
    </row>
    <row r="11" spans="1:4" ht="18" customHeight="1" x14ac:dyDescent="0.2">
      <c r="A11" s="31">
        <v>5</v>
      </c>
      <c r="B11" s="35">
        <v>5</v>
      </c>
      <c r="C11" s="28">
        <v>5</v>
      </c>
      <c r="D11" s="29">
        <v>10</v>
      </c>
    </row>
    <row r="12" spans="1:4" ht="18" customHeight="1" x14ac:dyDescent="0.2">
      <c r="A12" s="31">
        <v>6</v>
      </c>
      <c r="B12" s="35">
        <v>2</v>
      </c>
      <c r="C12" s="28">
        <v>0</v>
      </c>
      <c r="D12" s="29">
        <v>2</v>
      </c>
    </row>
    <row r="13" spans="1:4" ht="18" customHeight="1" x14ac:dyDescent="0.2">
      <c r="A13" s="31">
        <v>7</v>
      </c>
      <c r="B13" s="35">
        <v>0</v>
      </c>
      <c r="C13" s="28">
        <v>3</v>
      </c>
      <c r="D13" s="29">
        <v>3</v>
      </c>
    </row>
    <row r="14" spans="1:4" ht="18" customHeight="1" x14ac:dyDescent="0.2">
      <c r="A14" s="31">
        <v>8</v>
      </c>
      <c r="B14" s="35">
        <v>6</v>
      </c>
      <c r="C14" s="28">
        <v>3</v>
      </c>
      <c r="D14" s="29">
        <v>9</v>
      </c>
    </row>
    <row r="15" spans="1:4" ht="18" customHeight="1" x14ac:dyDescent="0.2">
      <c r="A15" s="31">
        <v>9</v>
      </c>
      <c r="B15" s="35">
        <v>4</v>
      </c>
      <c r="C15" s="28">
        <v>1</v>
      </c>
      <c r="D15" s="29">
        <v>5</v>
      </c>
    </row>
    <row r="16" spans="1:4" ht="18" customHeight="1" x14ac:dyDescent="0.2">
      <c r="A16" s="31" t="s">
        <v>49</v>
      </c>
      <c r="B16" s="27">
        <v>17</v>
      </c>
      <c r="C16" s="28">
        <v>12</v>
      </c>
      <c r="D16" s="29">
        <v>29</v>
      </c>
    </row>
    <row r="17" spans="1:4" ht="18" customHeight="1" x14ac:dyDescent="0.2">
      <c r="A17" s="31">
        <v>10</v>
      </c>
      <c r="B17" s="27">
        <v>3</v>
      </c>
      <c r="C17" s="28">
        <v>4</v>
      </c>
      <c r="D17" s="29">
        <v>7</v>
      </c>
    </row>
    <row r="18" spans="1:4" ht="18" customHeight="1" x14ac:dyDescent="0.2">
      <c r="A18" s="31">
        <v>11</v>
      </c>
      <c r="B18" s="27">
        <v>7</v>
      </c>
      <c r="C18" s="28">
        <v>5</v>
      </c>
      <c r="D18" s="29">
        <v>12</v>
      </c>
    </row>
    <row r="19" spans="1:4" ht="18" customHeight="1" x14ac:dyDescent="0.2">
      <c r="A19" s="31">
        <v>12</v>
      </c>
      <c r="B19" s="27">
        <v>2</v>
      </c>
      <c r="C19" s="28">
        <v>0</v>
      </c>
      <c r="D19" s="29">
        <v>2</v>
      </c>
    </row>
    <row r="20" spans="1:4" ht="18" customHeight="1" x14ac:dyDescent="0.2">
      <c r="A20" s="31">
        <v>13</v>
      </c>
      <c r="B20" s="27">
        <v>5</v>
      </c>
      <c r="C20" s="28">
        <v>3</v>
      </c>
      <c r="D20" s="29">
        <v>8</v>
      </c>
    </row>
    <row r="21" spans="1:4" ht="18" customHeight="1" x14ac:dyDescent="0.2">
      <c r="A21" s="31">
        <v>14</v>
      </c>
      <c r="B21" s="27">
        <v>5</v>
      </c>
      <c r="C21" s="28">
        <v>6</v>
      </c>
      <c r="D21" s="29">
        <v>11</v>
      </c>
    </row>
    <row r="22" spans="1:4" ht="18" customHeight="1" x14ac:dyDescent="0.2">
      <c r="A22" s="31" t="s">
        <v>50</v>
      </c>
      <c r="B22" s="27">
        <v>22</v>
      </c>
      <c r="C22" s="28">
        <v>18</v>
      </c>
      <c r="D22" s="29">
        <v>40</v>
      </c>
    </row>
    <row r="23" spans="1:4" ht="18" customHeight="1" x14ac:dyDescent="0.2">
      <c r="A23" s="31" t="s">
        <v>51</v>
      </c>
      <c r="B23" s="27">
        <v>54</v>
      </c>
      <c r="C23" s="28">
        <v>40</v>
      </c>
      <c r="D23" s="29">
        <v>94</v>
      </c>
    </row>
    <row r="24" spans="1:4" ht="18" customHeight="1" x14ac:dyDescent="0.2">
      <c r="A24" s="31">
        <v>15</v>
      </c>
      <c r="B24" s="27">
        <v>4</v>
      </c>
      <c r="C24" s="28">
        <v>3</v>
      </c>
      <c r="D24" s="29">
        <v>7</v>
      </c>
    </row>
    <row r="25" spans="1:4" ht="18" customHeight="1" x14ac:dyDescent="0.2">
      <c r="A25" s="31">
        <v>16</v>
      </c>
      <c r="B25" s="27">
        <v>4</v>
      </c>
      <c r="C25" s="28">
        <v>5</v>
      </c>
      <c r="D25" s="29">
        <v>9</v>
      </c>
    </row>
    <row r="26" spans="1:4" ht="18" customHeight="1" x14ac:dyDescent="0.2">
      <c r="A26" s="31">
        <v>17</v>
      </c>
      <c r="B26" s="27">
        <v>6</v>
      </c>
      <c r="C26" s="28">
        <v>1</v>
      </c>
      <c r="D26" s="29">
        <v>7</v>
      </c>
    </row>
    <row r="27" spans="1:4" ht="18" customHeight="1" x14ac:dyDescent="0.2">
      <c r="A27" s="31">
        <v>18</v>
      </c>
      <c r="B27" s="27">
        <v>3</v>
      </c>
      <c r="C27" s="28">
        <v>7</v>
      </c>
      <c r="D27" s="29">
        <v>10</v>
      </c>
    </row>
    <row r="28" spans="1:4" ht="18" customHeight="1" x14ac:dyDescent="0.2">
      <c r="A28" s="31">
        <v>19</v>
      </c>
      <c r="B28" s="27">
        <v>2</v>
      </c>
      <c r="C28" s="28">
        <v>4</v>
      </c>
      <c r="D28" s="29">
        <v>6</v>
      </c>
    </row>
    <row r="29" spans="1:4" ht="18" customHeight="1" x14ac:dyDescent="0.2">
      <c r="A29" s="31" t="s">
        <v>52</v>
      </c>
      <c r="B29" s="27">
        <v>19</v>
      </c>
      <c r="C29" s="28">
        <v>20</v>
      </c>
      <c r="D29" s="29">
        <v>39</v>
      </c>
    </row>
    <row r="30" spans="1:4" ht="18" customHeight="1" x14ac:dyDescent="0.2">
      <c r="A30" s="31">
        <v>20</v>
      </c>
      <c r="B30" s="27">
        <v>1</v>
      </c>
      <c r="C30" s="28">
        <v>3</v>
      </c>
      <c r="D30" s="29">
        <v>4</v>
      </c>
    </row>
    <row r="31" spans="1:4" ht="18" customHeight="1" x14ac:dyDescent="0.2">
      <c r="A31" s="31">
        <v>21</v>
      </c>
      <c r="B31" s="27">
        <v>3</v>
      </c>
      <c r="C31" s="28">
        <v>3</v>
      </c>
      <c r="D31" s="29">
        <v>6</v>
      </c>
    </row>
    <row r="32" spans="1:4" ht="18" customHeight="1" x14ac:dyDescent="0.2">
      <c r="A32" s="31">
        <v>22</v>
      </c>
      <c r="B32" s="27">
        <v>4</v>
      </c>
      <c r="C32" s="28">
        <v>5</v>
      </c>
      <c r="D32" s="29">
        <v>9</v>
      </c>
    </row>
    <row r="33" spans="1:4" ht="18" customHeight="1" x14ac:dyDescent="0.2">
      <c r="A33" s="31">
        <v>23</v>
      </c>
      <c r="B33" s="27">
        <v>4</v>
      </c>
      <c r="C33" s="28">
        <v>1</v>
      </c>
      <c r="D33" s="29">
        <v>5</v>
      </c>
    </row>
    <row r="34" spans="1:4" ht="18" customHeight="1" x14ac:dyDescent="0.2">
      <c r="A34" s="31">
        <v>24</v>
      </c>
      <c r="B34" s="27">
        <v>8</v>
      </c>
      <c r="C34" s="28">
        <v>3</v>
      </c>
      <c r="D34" s="29">
        <v>11</v>
      </c>
    </row>
    <row r="35" spans="1:4" ht="18" customHeight="1" x14ac:dyDescent="0.2">
      <c r="A35" s="31" t="s">
        <v>53</v>
      </c>
      <c r="B35" s="27">
        <v>20</v>
      </c>
      <c r="C35" s="28">
        <v>15</v>
      </c>
      <c r="D35" s="29">
        <v>35</v>
      </c>
    </row>
    <row r="36" spans="1:4" ht="18" customHeight="1" x14ac:dyDescent="0.2">
      <c r="A36" s="31">
        <v>25</v>
      </c>
      <c r="B36" s="27">
        <v>3</v>
      </c>
      <c r="C36" s="28">
        <v>3</v>
      </c>
      <c r="D36" s="29">
        <v>6</v>
      </c>
    </row>
    <row r="37" spans="1:4" ht="18" customHeight="1" x14ac:dyDescent="0.2">
      <c r="A37" s="31">
        <v>26</v>
      </c>
      <c r="B37" s="27">
        <v>4</v>
      </c>
      <c r="C37" s="28">
        <v>2</v>
      </c>
      <c r="D37" s="29">
        <v>6</v>
      </c>
    </row>
    <row r="38" spans="1:4" ht="18" customHeight="1" x14ac:dyDescent="0.2">
      <c r="A38" s="31">
        <v>27</v>
      </c>
      <c r="B38" s="27">
        <v>2</v>
      </c>
      <c r="C38" s="28">
        <v>4</v>
      </c>
      <c r="D38" s="29">
        <v>6</v>
      </c>
    </row>
    <row r="39" spans="1:4" ht="18" customHeight="1" x14ac:dyDescent="0.2">
      <c r="A39" s="31">
        <v>28</v>
      </c>
      <c r="B39" s="27">
        <v>4</v>
      </c>
      <c r="C39" s="28">
        <v>5</v>
      </c>
      <c r="D39" s="29">
        <v>9</v>
      </c>
    </row>
    <row r="40" spans="1:4" ht="18" customHeight="1" x14ac:dyDescent="0.2">
      <c r="A40" s="31">
        <v>29</v>
      </c>
      <c r="B40" s="27">
        <v>3</v>
      </c>
      <c r="C40" s="28">
        <v>3</v>
      </c>
      <c r="D40" s="29">
        <v>6</v>
      </c>
    </row>
    <row r="41" spans="1:4" ht="18" customHeight="1" x14ac:dyDescent="0.2">
      <c r="A41" s="31" t="s">
        <v>54</v>
      </c>
      <c r="B41" s="27">
        <v>16</v>
      </c>
      <c r="C41" s="28">
        <v>17</v>
      </c>
      <c r="D41" s="29">
        <v>33</v>
      </c>
    </row>
    <row r="42" spans="1:4" ht="18" customHeight="1" x14ac:dyDescent="0.2">
      <c r="A42" s="31">
        <v>30</v>
      </c>
      <c r="B42" s="27">
        <v>5</v>
      </c>
      <c r="C42" s="28">
        <v>4</v>
      </c>
      <c r="D42" s="29">
        <v>9</v>
      </c>
    </row>
    <row r="43" spans="1:4" ht="18" customHeight="1" x14ac:dyDescent="0.2">
      <c r="A43" s="31">
        <v>31</v>
      </c>
      <c r="B43" s="27">
        <v>7</v>
      </c>
      <c r="C43" s="28">
        <v>6</v>
      </c>
      <c r="D43" s="29">
        <v>13</v>
      </c>
    </row>
    <row r="44" spans="1:4" ht="18" customHeight="1" x14ac:dyDescent="0.2">
      <c r="A44" s="31">
        <v>32</v>
      </c>
      <c r="B44" s="27">
        <v>1</v>
      </c>
      <c r="C44" s="28">
        <v>6</v>
      </c>
      <c r="D44" s="29">
        <v>7</v>
      </c>
    </row>
    <row r="45" spans="1:4" ht="18" customHeight="1" x14ac:dyDescent="0.2">
      <c r="A45" s="31">
        <v>33</v>
      </c>
      <c r="B45" s="27">
        <v>5</v>
      </c>
      <c r="C45" s="28">
        <v>5</v>
      </c>
      <c r="D45" s="29">
        <v>10</v>
      </c>
    </row>
    <row r="46" spans="1:4" ht="18" customHeight="1" x14ac:dyDescent="0.2">
      <c r="A46" s="31">
        <v>34</v>
      </c>
      <c r="B46" s="27">
        <v>5</v>
      </c>
      <c r="C46" s="28">
        <v>4</v>
      </c>
      <c r="D46" s="29">
        <v>9</v>
      </c>
    </row>
    <row r="47" spans="1:4" ht="18" customHeight="1" x14ac:dyDescent="0.2">
      <c r="A47" s="31" t="s">
        <v>55</v>
      </c>
      <c r="B47" s="27">
        <v>23</v>
      </c>
      <c r="C47" s="28">
        <v>25</v>
      </c>
      <c r="D47" s="29">
        <v>48</v>
      </c>
    </row>
    <row r="48" spans="1:4" ht="18" customHeight="1" x14ac:dyDescent="0.2">
      <c r="A48" s="31">
        <v>35</v>
      </c>
      <c r="B48" s="27">
        <v>4</v>
      </c>
      <c r="C48" s="28">
        <v>5</v>
      </c>
      <c r="D48" s="29">
        <v>9</v>
      </c>
    </row>
    <row r="49" spans="1:4" ht="18" customHeight="1" x14ac:dyDescent="0.2">
      <c r="A49" s="31">
        <v>36</v>
      </c>
      <c r="B49" s="27">
        <v>3</v>
      </c>
      <c r="C49" s="28">
        <v>3</v>
      </c>
      <c r="D49" s="29">
        <v>6</v>
      </c>
    </row>
    <row r="50" spans="1:4" ht="18" customHeight="1" x14ac:dyDescent="0.2">
      <c r="A50" s="31">
        <v>37</v>
      </c>
      <c r="B50" s="27">
        <v>6</v>
      </c>
      <c r="C50" s="28">
        <v>2</v>
      </c>
      <c r="D50" s="29">
        <v>8</v>
      </c>
    </row>
    <row r="51" spans="1:4" ht="18" customHeight="1" x14ac:dyDescent="0.2">
      <c r="A51" s="31">
        <v>38</v>
      </c>
      <c r="B51" s="27">
        <v>4</v>
      </c>
      <c r="C51" s="28">
        <v>7</v>
      </c>
      <c r="D51" s="29">
        <v>11</v>
      </c>
    </row>
    <row r="52" spans="1:4" ht="18" customHeight="1" x14ac:dyDescent="0.2">
      <c r="A52" s="31">
        <v>39</v>
      </c>
      <c r="B52" s="27">
        <v>5</v>
      </c>
      <c r="C52" s="28">
        <v>7</v>
      </c>
      <c r="D52" s="29">
        <v>12</v>
      </c>
    </row>
    <row r="53" spans="1:4" ht="18" customHeight="1" x14ac:dyDescent="0.2">
      <c r="A53" s="31" t="s">
        <v>56</v>
      </c>
      <c r="B53" s="27">
        <v>22</v>
      </c>
      <c r="C53" s="28">
        <v>24</v>
      </c>
      <c r="D53" s="29">
        <v>46</v>
      </c>
    </row>
    <row r="54" spans="1:4" ht="18" customHeight="1" x14ac:dyDescent="0.2">
      <c r="A54" s="31">
        <v>40</v>
      </c>
      <c r="B54" s="27">
        <v>5</v>
      </c>
      <c r="C54" s="28">
        <v>2</v>
      </c>
      <c r="D54" s="29">
        <v>7</v>
      </c>
    </row>
    <row r="55" spans="1:4" ht="18" customHeight="1" x14ac:dyDescent="0.2">
      <c r="A55" s="31">
        <v>41</v>
      </c>
      <c r="B55" s="27">
        <v>2</v>
      </c>
      <c r="C55" s="28">
        <v>2</v>
      </c>
      <c r="D55" s="29">
        <v>4</v>
      </c>
    </row>
    <row r="56" spans="1:4" ht="18" customHeight="1" x14ac:dyDescent="0.2">
      <c r="A56" s="31">
        <v>42</v>
      </c>
      <c r="B56" s="27">
        <v>3</v>
      </c>
      <c r="C56" s="28">
        <v>6</v>
      </c>
      <c r="D56" s="29">
        <v>9</v>
      </c>
    </row>
    <row r="57" spans="1:4" ht="18" customHeight="1" x14ac:dyDescent="0.2">
      <c r="A57" s="31">
        <v>43</v>
      </c>
      <c r="B57" s="27">
        <v>5</v>
      </c>
      <c r="C57" s="28">
        <v>3</v>
      </c>
      <c r="D57" s="29">
        <v>8</v>
      </c>
    </row>
    <row r="58" spans="1:4" ht="18" customHeight="1" x14ac:dyDescent="0.2">
      <c r="A58" s="31">
        <v>44</v>
      </c>
      <c r="B58" s="27">
        <v>4</v>
      </c>
      <c r="C58" s="28">
        <v>4</v>
      </c>
      <c r="D58" s="29">
        <v>8</v>
      </c>
    </row>
    <row r="59" spans="1:4" ht="18" customHeight="1" x14ac:dyDescent="0.2">
      <c r="A59" s="31" t="s">
        <v>57</v>
      </c>
      <c r="B59" s="27">
        <v>19</v>
      </c>
      <c r="C59" s="28">
        <v>17</v>
      </c>
      <c r="D59" s="29">
        <v>36</v>
      </c>
    </row>
    <row r="60" spans="1:4" ht="18" customHeight="1" x14ac:dyDescent="0.2">
      <c r="A60" s="31">
        <v>45</v>
      </c>
      <c r="B60" s="27">
        <v>5</v>
      </c>
      <c r="C60" s="28">
        <v>9</v>
      </c>
      <c r="D60" s="29">
        <v>14</v>
      </c>
    </row>
    <row r="61" spans="1:4" ht="18" customHeight="1" x14ac:dyDescent="0.2">
      <c r="A61" s="31">
        <v>46</v>
      </c>
      <c r="B61" s="27">
        <v>9</v>
      </c>
      <c r="C61" s="28">
        <v>5</v>
      </c>
      <c r="D61" s="29">
        <v>14</v>
      </c>
    </row>
    <row r="62" spans="1:4" ht="18" customHeight="1" x14ac:dyDescent="0.2">
      <c r="A62" s="31">
        <v>47</v>
      </c>
      <c r="B62" s="27">
        <v>4</v>
      </c>
      <c r="C62" s="28">
        <v>6</v>
      </c>
      <c r="D62" s="29">
        <v>10</v>
      </c>
    </row>
    <row r="63" spans="1:4" ht="18" customHeight="1" x14ac:dyDescent="0.2">
      <c r="A63" s="31">
        <v>48</v>
      </c>
      <c r="B63" s="27">
        <v>6</v>
      </c>
      <c r="C63" s="28">
        <v>2</v>
      </c>
      <c r="D63" s="29">
        <v>8</v>
      </c>
    </row>
    <row r="64" spans="1:4" ht="18" customHeight="1" x14ac:dyDescent="0.2">
      <c r="A64" s="31">
        <v>49</v>
      </c>
      <c r="B64" s="27">
        <v>2</v>
      </c>
      <c r="C64" s="28">
        <v>7</v>
      </c>
      <c r="D64" s="29">
        <v>9</v>
      </c>
    </row>
    <row r="65" spans="1:4" ht="18" customHeight="1" x14ac:dyDescent="0.2">
      <c r="A65" s="31" t="s">
        <v>58</v>
      </c>
      <c r="B65" s="27">
        <v>26</v>
      </c>
      <c r="C65" s="28">
        <v>29</v>
      </c>
      <c r="D65" s="29">
        <v>55</v>
      </c>
    </row>
    <row r="66" spans="1:4" ht="18" customHeight="1" x14ac:dyDescent="0.2">
      <c r="A66" s="31">
        <v>50</v>
      </c>
      <c r="B66" s="27">
        <v>7</v>
      </c>
      <c r="C66" s="28">
        <v>5</v>
      </c>
      <c r="D66" s="29">
        <v>12</v>
      </c>
    </row>
    <row r="67" spans="1:4" ht="18" customHeight="1" x14ac:dyDescent="0.2">
      <c r="A67" s="31">
        <v>51</v>
      </c>
      <c r="B67" s="27">
        <v>3</v>
      </c>
      <c r="C67" s="28">
        <v>5</v>
      </c>
      <c r="D67" s="29">
        <v>8</v>
      </c>
    </row>
    <row r="68" spans="1:4" ht="18" customHeight="1" x14ac:dyDescent="0.2">
      <c r="A68" s="31">
        <v>52</v>
      </c>
      <c r="B68" s="27">
        <v>2</v>
      </c>
      <c r="C68" s="28">
        <v>7</v>
      </c>
      <c r="D68" s="29">
        <v>9</v>
      </c>
    </row>
    <row r="69" spans="1:4" ht="18" customHeight="1" x14ac:dyDescent="0.2">
      <c r="A69" s="31">
        <v>53</v>
      </c>
      <c r="B69" s="27">
        <v>5</v>
      </c>
      <c r="C69" s="28">
        <v>9</v>
      </c>
      <c r="D69" s="29">
        <v>14</v>
      </c>
    </row>
    <row r="70" spans="1:4" ht="18" customHeight="1" x14ac:dyDescent="0.2">
      <c r="A70" s="31">
        <v>54</v>
      </c>
      <c r="B70" s="27">
        <v>5</v>
      </c>
      <c r="C70" s="28">
        <v>4</v>
      </c>
      <c r="D70" s="29">
        <v>9</v>
      </c>
    </row>
    <row r="71" spans="1:4" ht="18" customHeight="1" x14ac:dyDescent="0.2">
      <c r="A71" s="31" t="s">
        <v>59</v>
      </c>
      <c r="B71" s="27">
        <v>22</v>
      </c>
      <c r="C71" s="28">
        <v>30</v>
      </c>
      <c r="D71" s="29">
        <v>52</v>
      </c>
    </row>
    <row r="72" spans="1:4" ht="18" customHeight="1" x14ac:dyDescent="0.2">
      <c r="A72" s="31">
        <v>55</v>
      </c>
      <c r="B72" s="27">
        <v>4</v>
      </c>
      <c r="C72" s="28">
        <v>4</v>
      </c>
      <c r="D72" s="29">
        <v>8</v>
      </c>
    </row>
    <row r="73" spans="1:4" ht="18" customHeight="1" x14ac:dyDescent="0.2">
      <c r="A73" s="31">
        <v>56</v>
      </c>
      <c r="B73" s="27">
        <v>8</v>
      </c>
      <c r="C73" s="28">
        <v>7</v>
      </c>
      <c r="D73" s="29">
        <v>15</v>
      </c>
    </row>
    <row r="74" spans="1:4" ht="18" customHeight="1" x14ac:dyDescent="0.2">
      <c r="A74" s="31">
        <v>57</v>
      </c>
      <c r="B74" s="27">
        <v>6</v>
      </c>
      <c r="C74" s="28">
        <v>7</v>
      </c>
      <c r="D74" s="29">
        <v>13</v>
      </c>
    </row>
    <row r="75" spans="1:4" ht="18" customHeight="1" x14ac:dyDescent="0.2">
      <c r="A75" s="31">
        <v>58</v>
      </c>
      <c r="B75" s="27">
        <v>2</v>
      </c>
      <c r="C75" s="28">
        <v>5</v>
      </c>
      <c r="D75" s="29">
        <v>7</v>
      </c>
    </row>
    <row r="76" spans="1:4" ht="18" customHeight="1" x14ac:dyDescent="0.2">
      <c r="A76" s="31">
        <v>59</v>
      </c>
      <c r="B76" s="27">
        <v>3</v>
      </c>
      <c r="C76" s="28">
        <v>2</v>
      </c>
      <c r="D76" s="29">
        <v>5</v>
      </c>
    </row>
    <row r="77" spans="1:4" ht="18" customHeight="1" x14ac:dyDescent="0.2">
      <c r="A77" s="31" t="s">
        <v>60</v>
      </c>
      <c r="B77" s="27">
        <v>23</v>
      </c>
      <c r="C77" s="28">
        <v>25</v>
      </c>
      <c r="D77" s="29">
        <v>48</v>
      </c>
    </row>
    <row r="78" spans="1:4" ht="18" customHeight="1" x14ac:dyDescent="0.2">
      <c r="A78" s="31">
        <v>60</v>
      </c>
      <c r="B78" s="27">
        <v>7</v>
      </c>
      <c r="C78" s="28">
        <v>7</v>
      </c>
      <c r="D78" s="29">
        <v>14</v>
      </c>
    </row>
    <row r="79" spans="1:4" ht="18" customHeight="1" x14ac:dyDescent="0.2">
      <c r="A79" s="31">
        <v>61</v>
      </c>
      <c r="B79" s="27">
        <v>2</v>
      </c>
      <c r="C79" s="28">
        <v>8</v>
      </c>
      <c r="D79" s="29">
        <v>10</v>
      </c>
    </row>
    <row r="80" spans="1:4" ht="18" customHeight="1" x14ac:dyDescent="0.2">
      <c r="A80" s="31">
        <v>62</v>
      </c>
      <c r="B80" s="27">
        <v>6</v>
      </c>
      <c r="C80" s="28">
        <v>11</v>
      </c>
      <c r="D80" s="29">
        <v>17</v>
      </c>
    </row>
    <row r="81" spans="1:4" ht="18" customHeight="1" x14ac:dyDescent="0.2">
      <c r="A81" s="31">
        <v>63</v>
      </c>
      <c r="B81" s="27">
        <v>9</v>
      </c>
      <c r="C81" s="28">
        <v>7</v>
      </c>
      <c r="D81" s="29">
        <v>16</v>
      </c>
    </row>
    <row r="82" spans="1:4" ht="18" customHeight="1" x14ac:dyDescent="0.2">
      <c r="A82" s="31">
        <v>64</v>
      </c>
      <c r="B82" s="27">
        <v>12</v>
      </c>
      <c r="C82" s="28">
        <v>7</v>
      </c>
      <c r="D82" s="29">
        <v>19</v>
      </c>
    </row>
    <row r="83" spans="1:4" ht="18" customHeight="1" x14ac:dyDescent="0.2">
      <c r="A83" s="31" t="s">
        <v>61</v>
      </c>
      <c r="B83" s="27">
        <v>36</v>
      </c>
      <c r="C83" s="28">
        <v>40</v>
      </c>
      <c r="D83" s="29">
        <v>76</v>
      </c>
    </row>
    <row r="84" spans="1:4" ht="18" customHeight="1" x14ac:dyDescent="0.2">
      <c r="A84" s="31" t="s">
        <v>62</v>
      </c>
      <c r="B84" s="27">
        <v>226</v>
      </c>
      <c r="C84" s="28">
        <v>242</v>
      </c>
      <c r="D84" s="29">
        <v>468</v>
      </c>
    </row>
    <row r="85" spans="1:4" ht="18" customHeight="1" x14ac:dyDescent="0.2">
      <c r="A85" s="31">
        <v>65</v>
      </c>
      <c r="B85" s="27">
        <v>4</v>
      </c>
      <c r="C85" s="28">
        <v>5</v>
      </c>
      <c r="D85" s="29">
        <v>9</v>
      </c>
    </row>
    <row r="86" spans="1:4" ht="18" customHeight="1" x14ac:dyDescent="0.2">
      <c r="A86" s="31">
        <v>66</v>
      </c>
      <c r="B86" s="27">
        <v>11</v>
      </c>
      <c r="C86" s="28">
        <v>11</v>
      </c>
      <c r="D86" s="29">
        <v>22</v>
      </c>
    </row>
    <row r="87" spans="1:4" ht="18" customHeight="1" x14ac:dyDescent="0.2">
      <c r="A87" s="31">
        <v>67</v>
      </c>
      <c r="B87" s="27">
        <v>15</v>
      </c>
      <c r="C87" s="28">
        <v>14</v>
      </c>
      <c r="D87" s="29">
        <v>29</v>
      </c>
    </row>
    <row r="88" spans="1:4" ht="18" customHeight="1" x14ac:dyDescent="0.2">
      <c r="A88" s="31">
        <v>68</v>
      </c>
      <c r="B88" s="27">
        <v>16</v>
      </c>
      <c r="C88" s="28">
        <v>11</v>
      </c>
      <c r="D88" s="29">
        <v>27</v>
      </c>
    </row>
    <row r="89" spans="1:4" ht="18" customHeight="1" x14ac:dyDescent="0.2">
      <c r="A89" s="31">
        <v>69</v>
      </c>
      <c r="B89" s="27">
        <v>4</v>
      </c>
      <c r="C89" s="28">
        <v>9</v>
      </c>
      <c r="D89" s="29">
        <v>13</v>
      </c>
    </row>
    <row r="90" spans="1:4" ht="18" customHeight="1" x14ac:dyDescent="0.2">
      <c r="A90" s="31" t="s">
        <v>63</v>
      </c>
      <c r="B90" s="27">
        <v>50</v>
      </c>
      <c r="C90" s="28">
        <v>50</v>
      </c>
      <c r="D90" s="29">
        <v>100</v>
      </c>
    </row>
    <row r="91" spans="1:4" ht="18" customHeight="1" x14ac:dyDescent="0.2">
      <c r="A91" s="31">
        <v>70</v>
      </c>
      <c r="B91" s="27">
        <v>11</v>
      </c>
      <c r="C91" s="28">
        <v>8</v>
      </c>
      <c r="D91" s="29">
        <v>19</v>
      </c>
    </row>
    <row r="92" spans="1:4" ht="18" customHeight="1" x14ac:dyDescent="0.2">
      <c r="A92" s="31">
        <v>71</v>
      </c>
      <c r="B92" s="27">
        <v>8</v>
      </c>
      <c r="C92" s="28">
        <v>12</v>
      </c>
      <c r="D92" s="29">
        <v>20</v>
      </c>
    </row>
    <row r="93" spans="1:4" ht="18" customHeight="1" x14ac:dyDescent="0.2">
      <c r="A93" s="31">
        <v>72</v>
      </c>
      <c r="B93" s="27">
        <v>11</v>
      </c>
      <c r="C93" s="28">
        <v>6</v>
      </c>
      <c r="D93" s="29">
        <v>17</v>
      </c>
    </row>
    <row r="94" spans="1:4" ht="18" customHeight="1" x14ac:dyDescent="0.2">
      <c r="A94" s="31">
        <v>73</v>
      </c>
      <c r="B94" s="27">
        <v>14</v>
      </c>
      <c r="C94" s="28">
        <v>7</v>
      </c>
      <c r="D94" s="29">
        <v>21</v>
      </c>
    </row>
    <row r="95" spans="1:4" ht="18" customHeight="1" x14ac:dyDescent="0.2">
      <c r="A95" s="31">
        <v>74</v>
      </c>
      <c r="B95" s="27">
        <v>6</v>
      </c>
      <c r="C95" s="28">
        <v>5</v>
      </c>
      <c r="D95" s="29">
        <v>11</v>
      </c>
    </row>
    <row r="96" spans="1:4" ht="18" customHeight="1" x14ac:dyDescent="0.2">
      <c r="A96" s="31" t="s">
        <v>64</v>
      </c>
      <c r="B96" s="27">
        <v>50</v>
      </c>
      <c r="C96" s="28">
        <v>38</v>
      </c>
      <c r="D96" s="29">
        <v>88</v>
      </c>
    </row>
    <row r="97" spans="1:4" ht="18" customHeight="1" x14ac:dyDescent="0.2">
      <c r="A97" s="31">
        <v>75</v>
      </c>
      <c r="B97" s="27">
        <v>2</v>
      </c>
      <c r="C97" s="28">
        <v>4</v>
      </c>
      <c r="D97" s="29">
        <v>6</v>
      </c>
    </row>
    <row r="98" spans="1:4" ht="18" customHeight="1" x14ac:dyDescent="0.2">
      <c r="A98" s="31">
        <v>76</v>
      </c>
      <c r="B98" s="27">
        <v>4</v>
      </c>
      <c r="C98" s="28">
        <v>5</v>
      </c>
      <c r="D98" s="29">
        <v>9</v>
      </c>
    </row>
    <row r="99" spans="1:4" ht="18" customHeight="1" x14ac:dyDescent="0.2">
      <c r="A99" s="31">
        <v>77</v>
      </c>
      <c r="B99" s="27">
        <v>10</v>
      </c>
      <c r="C99" s="28">
        <v>4</v>
      </c>
      <c r="D99" s="29">
        <v>14</v>
      </c>
    </row>
    <row r="100" spans="1:4" ht="18" customHeight="1" x14ac:dyDescent="0.2">
      <c r="A100" s="31">
        <v>78</v>
      </c>
      <c r="B100" s="27">
        <v>4</v>
      </c>
      <c r="C100" s="28">
        <v>10</v>
      </c>
      <c r="D100" s="29">
        <v>14</v>
      </c>
    </row>
    <row r="101" spans="1:4" ht="18" customHeight="1" x14ac:dyDescent="0.2">
      <c r="A101" s="31">
        <v>79</v>
      </c>
      <c r="B101" s="27">
        <v>4</v>
      </c>
      <c r="C101" s="28">
        <v>10</v>
      </c>
      <c r="D101" s="29">
        <v>14</v>
      </c>
    </row>
    <row r="102" spans="1:4" ht="18" customHeight="1" x14ac:dyDescent="0.2">
      <c r="A102" s="31" t="s">
        <v>65</v>
      </c>
      <c r="B102" s="27">
        <v>24</v>
      </c>
      <c r="C102" s="28">
        <v>33</v>
      </c>
      <c r="D102" s="29">
        <v>57</v>
      </c>
    </row>
    <row r="103" spans="1:4" ht="18" customHeight="1" x14ac:dyDescent="0.2">
      <c r="A103" s="31">
        <v>80</v>
      </c>
      <c r="B103" s="27">
        <v>3</v>
      </c>
      <c r="C103" s="28">
        <v>3</v>
      </c>
      <c r="D103" s="29">
        <v>6</v>
      </c>
    </row>
    <row r="104" spans="1:4" ht="18" customHeight="1" x14ac:dyDescent="0.2">
      <c r="A104" s="31">
        <v>81</v>
      </c>
      <c r="B104" s="27">
        <v>3</v>
      </c>
      <c r="C104" s="28">
        <v>3</v>
      </c>
      <c r="D104" s="29">
        <v>6</v>
      </c>
    </row>
    <row r="105" spans="1:4" ht="18" customHeight="1" x14ac:dyDescent="0.2">
      <c r="A105" s="31">
        <v>82</v>
      </c>
      <c r="B105" s="27">
        <v>5</v>
      </c>
      <c r="C105" s="28">
        <v>4</v>
      </c>
      <c r="D105" s="29">
        <v>9</v>
      </c>
    </row>
    <row r="106" spans="1:4" ht="18" customHeight="1" x14ac:dyDescent="0.2">
      <c r="A106" s="31">
        <v>83</v>
      </c>
      <c r="B106" s="27">
        <v>3</v>
      </c>
      <c r="C106" s="28">
        <v>5</v>
      </c>
      <c r="D106" s="29">
        <v>8</v>
      </c>
    </row>
    <row r="107" spans="1:4" ht="18" customHeight="1" x14ac:dyDescent="0.2">
      <c r="A107" s="31">
        <v>84</v>
      </c>
      <c r="B107" s="27">
        <v>2</v>
      </c>
      <c r="C107" s="28">
        <v>6</v>
      </c>
      <c r="D107" s="29">
        <v>8</v>
      </c>
    </row>
    <row r="108" spans="1:4" ht="18" customHeight="1" x14ac:dyDescent="0.2">
      <c r="A108" s="31" t="s">
        <v>66</v>
      </c>
      <c r="B108" s="27">
        <v>16</v>
      </c>
      <c r="C108" s="28">
        <v>21</v>
      </c>
      <c r="D108" s="29">
        <v>37</v>
      </c>
    </row>
    <row r="109" spans="1:4" ht="18" customHeight="1" x14ac:dyDescent="0.2">
      <c r="A109" s="31">
        <v>85</v>
      </c>
      <c r="B109" s="27">
        <v>1</v>
      </c>
      <c r="C109" s="28">
        <v>8</v>
      </c>
      <c r="D109" s="29">
        <v>9</v>
      </c>
    </row>
    <row r="110" spans="1:4" ht="18" customHeight="1" x14ac:dyDescent="0.2">
      <c r="A110" s="31">
        <v>86</v>
      </c>
      <c r="B110" s="27">
        <v>3</v>
      </c>
      <c r="C110" s="28">
        <v>9</v>
      </c>
      <c r="D110" s="29">
        <v>12</v>
      </c>
    </row>
    <row r="111" spans="1:4" ht="18" customHeight="1" x14ac:dyDescent="0.2">
      <c r="A111" s="31">
        <v>87</v>
      </c>
      <c r="B111" s="27">
        <v>1</v>
      </c>
      <c r="C111" s="28">
        <v>2</v>
      </c>
      <c r="D111" s="29">
        <v>3</v>
      </c>
    </row>
    <row r="112" spans="1:4" ht="18" customHeight="1" x14ac:dyDescent="0.2">
      <c r="A112" s="31">
        <v>88</v>
      </c>
      <c r="B112" s="27">
        <v>0</v>
      </c>
      <c r="C112" s="28">
        <v>8</v>
      </c>
      <c r="D112" s="29">
        <v>8</v>
      </c>
    </row>
    <row r="113" spans="1:4" ht="18" customHeight="1" x14ac:dyDescent="0.2">
      <c r="A113" s="31">
        <v>89</v>
      </c>
      <c r="B113" s="27">
        <v>3</v>
      </c>
      <c r="C113" s="28">
        <v>6</v>
      </c>
      <c r="D113" s="29">
        <v>9</v>
      </c>
    </row>
    <row r="114" spans="1:4" ht="18" customHeight="1" x14ac:dyDescent="0.2">
      <c r="A114" s="31" t="s">
        <v>67</v>
      </c>
      <c r="B114" s="27">
        <v>8</v>
      </c>
      <c r="C114" s="28">
        <v>33</v>
      </c>
      <c r="D114" s="29">
        <v>41</v>
      </c>
    </row>
    <row r="115" spans="1:4" ht="18" customHeight="1" x14ac:dyDescent="0.2">
      <c r="A115" s="31">
        <v>90</v>
      </c>
      <c r="B115" s="27">
        <v>4</v>
      </c>
      <c r="C115" s="28">
        <v>2</v>
      </c>
      <c r="D115" s="29">
        <v>6</v>
      </c>
    </row>
    <row r="116" spans="1:4" ht="18" customHeight="1" x14ac:dyDescent="0.2">
      <c r="A116" s="31">
        <v>91</v>
      </c>
      <c r="B116" s="27">
        <v>1</v>
      </c>
      <c r="C116" s="28">
        <v>6</v>
      </c>
      <c r="D116" s="29">
        <v>7</v>
      </c>
    </row>
    <row r="117" spans="1:4" ht="18" customHeight="1" x14ac:dyDescent="0.2">
      <c r="A117" s="31">
        <v>92</v>
      </c>
      <c r="B117" s="27">
        <v>0</v>
      </c>
      <c r="C117" s="28">
        <v>5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5</v>
      </c>
      <c r="C120" s="28">
        <v>18</v>
      </c>
      <c r="D120" s="29">
        <v>23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5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2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54</v>
      </c>
      <c r="C130" s="5">
        <v>198</v>
      </c>
      <c r="D130" s="6">
        <v>352</v>
      </c>
    </row>
    <row r="131" spans="1:4" ht="18" customHeight="1" x14ac:dyDescent="0.2">
      <c r="A131" s="33" t="s">
        <v>47</v>
      </c>
      <c r="B131" s="7">
        <v>434</v>
      </c>
      <c r="C131" s="8">
        <v>480</v>
      </c>
      <c r="D131" s="9">
        <v>91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A00-000000000000}">
  <sheetPr codeName="Sheet9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1</v>
      </c>
      <c r="C6" s="28">
        <v>2</v>
      </c>
      <c r="D6" s="29">
        <v>3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2</v>
      </c>
      <c r="C10" s="28">
        <v>2</v>
      </c>
      <c r="D10" s="29">
        <v>4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2</v>
      </c>
      <c r="D12" s="29">
        <v>2</v>
      </c>
    </row>
    <row r="13" spans="1:4" ht="18" customHeight="1" x14ac:dyDescent="0.2">
      <c r="A13" s="31">
        <v>7</v>
      </c>
      <c r="B13" s="35">
        <v>0</v>
      </c>
      <c r="C13" s="28">
        <v>2</v>
      </c>
      <c r="D13" s="29">
        <v>2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2</v>
      </c>
      <c r="C15" s="28">
        <v>0</v>
      </c>
      <c r="D15" s="29">
        <v>2</v>
      </c>
    </row>
    <row r="16" spans="1:4" ht="18" customHeight="1" x14ac:dyDescent="0.2">
      <c r="A16" s="31" t="s">
        <v>49</v>
      </c>
      <c r="B16" s="27">
        <v>3</v>
      </c>
      <c r="C16" s="28">
        <v>4</v>
      </c>
      <c r="D16" s="29">
        <v>7</v>
      </c>
    </row>
    <row r="17" spans="1:4" ht="18" customHeight="1" x14ac:dyDescent="0.2">
      <c r="A17" s="31">
        <v>10</v>
      </c>
      <c r="B17" s="27">
        <v>2</v>
      </c>
      <c r="C17" s="28">
        <v>0</v>
      </c>
      <c r="D17" s="29">
        <v>2</v>
      </c>
    </row>
    <row r="18" spans="1:4" ht="18" customHeight="1" x14ac:dyDescent="0.2">
      <c r="A18" s="31">
        <v>11</v>
      </c>
      <c r="B18" s="27">
        <v>0</v>
      </c>
      <c r="C18" s="28">
        <v>2</v>
      </c>
      <c r="D18" s="29">
        <v>2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1</v>
      </c>
      <c r="C20" s="28">
        <v>0</v>
      </c>
      <c r="D20" s="29">
        <v>1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4</v>
      </c>
      <c r="C22" s="28">
        <v>4</v>
      </c>
      <c r="D22" s="29">
        <v>8</v>
      </c>
    </row>
    <row r="23" spans="1:4" ht="18" customHeight="1" x14ac:dyDescent="0.2">
      <c r="A23" s="31" t="s">
        <v>51</v>
      </c>
      <c r="B23" s="27">
        <v>9</v>
      </c>
      <c r="C23" s="28">
        <v>10</v>
      </c>
      <c r="D23" s="29">
        <v>19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1</v>
      </c>
      <c r="C25" s="28">
        <v>1</v>
      </c>
      <c r="D25" s="29">
        <v>2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1</v>
      </c>
      <c r="C27" s="28">
        <v>0</v>
      </c>
      <c r="D27" s="29">
        <v>1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2</v>
      </c>
      <c r="C29" s="28">
        <v>2</v>
      </c>
      <c r="D29" s="29">
        <v>4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1</v>
      </c>
      <c r="D34" s="29">
        <v>1</v>
      </c>
    </row>
    <row r="35" spans="1:4" ht="18" customHeight="1" x14ac:dyDescent="0.2">
      <c r="A35" s="31" t="s">
        <v>53</v>
      </c>
      <c r="B35" s="27">
        <v>0</v>
      </c>
      <c r="C35" s="28">
        <v>1</v>
      </c>
      <c r="D35" s="29">
        <v>1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3</v>
      </c>
      <c r="C38" s="28">
        <v>1</v>
      </c>
      <c r="D38" s="29">
        <v>4</v>
      </c>
    </row>
    <row r="39" spans="1:4" ht="18" customHeight="1" x14ac:dyDescent="0.2">
      <c r="A39" s="31">
        <v>28</v>
      </c>
      <c r="B39" s="27">
        <v>1</v>
      </c>
      <c r="C39" s="28">
        <v>1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5</v>
      </c>
      <c r="C41" s="28">
        <v>3</v>
      </c>
      <c r="D41" s="29">
        <v>8</v>
      </c>
    </row>
    <row r="42" spans="1:4" ht="18" customHeight="1" x14ac:dyDescent="0.2">
      <c r="A42" s="31">
        <v>30</v>
      </c>
      <c r="B42" s="27">
        <v>1</v>
      </c>
      <c r="C42" s="28">
        <v>0</v>
      </c>
      <c r="D42" s="29">
        <v>1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1</v>
      </c>
      <c r="D45" s="29">
        <v>1</v>
      </c>
    </row>
    <row r="46" spans="1:4" ht="18" customHeight="1" x14ac:dyDescent="0.2">
      <c r="A46" s="31">
        <v>34</v>
      </c>
      <c r="B46" s="27">
        <v>0</v>
      </c>
      <c r="C46" s="28">
        <v>1</v>
      </c>
      <c r="D46" s="29">
        <v>1</v>
      </c>
    </row>
    <row r="47" spans="1:4" ht="18" customHeight="1" x14ac:dyDescent="0.2">
      <c r="A47" s="31" t="s">
        <v>55</v>
      </c>
      <c r="B47" s="27">
        <v>1</v>
      </c>
      <c r="C47" s="28">
        <v>2</v>
      </c>
      <c r="D47" s="29">
        <v>3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0</v>
      </c>
      <c r="C50" s="28">
        <v>1</v>
      </c>
      <c r="D50" s="29">
        <v>1</v>
      </c>
    </row>
    <row r="51" spans="1:4" ht="18" customHeight="1" x14ac:dyDescent="0.2">
      <c r="A51" s="31">
        <v>38</v>
      </c>
      <c r="B51" s="27">
        <v>1</v>
      </c>
      <c r="C51" s="28">
        <v>1</v>
      </c>
      <c r="D51" s="29">
        <v>2</v>
      </c>
    </row>
    <row r="52" spans="1:4" ht="18" customHeight="1" x14ac:dyDescent="0.2">
      <c r="A52" s="31">
        <v>39</v>
      </c>
      <c r="B52" s="27">
        <v>1</v>
      </c>
      <c r="C52" s="28">
        <v>0</v>
      </c>
      <c r="D52" s="29">
        <v>1</v>
      </c>
    </row>
    <row r="53" spans="1:4" ht="18" customHeight="1" x14ac:dyDescent="0.2">
      <c r="A53" s="31" t="s">
        <v>56</v>
      </c>
      <c r="B53" s="27">
        <v>4</v>
      </c>
      <c r="C53" s="28">
        <v>2</v>
      </c>
      <c r="D53" s="29">
        <v>6</v>
      </c>
    </row>
    <row r="54" spans="1:4" ht="18" customHeight="1" x14ac:dyDescent="0.2">
      <c r="A54" s="31">
        <v>40</v>
      </c>
      <c r="B54" s="27">
        <v>2</v>
      </c>
      <c r="C54" s="28">
        <v>0</v>
      </c>
      <c r="D54" s="29">
        <v>2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1</v>
      </c>
      <c r="C56" s="28">
        <v>0</v>
      </c>
      <c r="D56" s="29">
        <v>1</v>
      </c>
    </row>
    <row r="57" spans="1:4" ht="18" customHeight="1" x14ac:dyDescent="0.2">
      <c r="A57" s="31">
        <v>43</v>
      </c>
      <c r="B57" s="27">
        <v>1</v>
      </c>
      <c r="C57" s="28">
        <v>2</v>
      </c>
      <c r="D57" s="29">
        <v>3</v>
      </c>
    </row>
    <row r="58" spans="1:4" ht="18" customHeight="1" x14ac:dyDescent="0.2">
      <c r="A58" s="31">
        <v>44</v>
      </c>
      <c r="B58" s="27">
        <v>0</v>
      </c>
      <c r="C58" s="28">
        <v>1</v>
      </c>
      <c r="D58" s="29">
        <v>1</v>
      </c>
    </row>
    <row r="59" spans="1:4" ht="18" customHeight="1" x14ac:dyDescent="0.2">
      <c r="A59" s="31" t="s">
        <v>57</v>
      </c>
      <c r="B59" s="27">
        <v>4</v>
      </c>
      <c r="C59" s="28">
        <v>4</v>
      </c>
      <c r="D59" s="29">
        <v>8</v>
      </c>
    </row>
    <row r="60" spans="1:4" ht="18" customHeight="1" x14ac:dyDescent="0.2">
      <c r="A60" s="31">
        <v>45</v>
      </c>
      <c r="B60" s="27">
        <v>5</v>
      </c>
      <c r="C60" s="28">
        <v>2</v>
      </c>
      <c r="D60" s="29">
        <v>7</v>
      </c>
    </row>
    <row r="61" spans="1:4" ht="18" customHeight="1" x14ac:dyDescent="0.2">
      <c r="A61" s="31">
        <v>46</v>
      </c>
      <c r="B61" s="27">
        <v>1</v>
      </c>
      <c r="C61" s="28">
        <v>0</v>
      </c>
      <c r="D61" s="29">
        <v>1</v>
      </c>
    </row>
    <row r="62" spans="1:4" ht="18" customHeight="1" x14ac:dyDescent="0.2">
      <c r="A62" s="31">
        <v>47</v>
      </c>
      <c r="B62" s="27">
        <v>4</v>
      </c>
      <c r="C62" s="28">
        <v>2</v>
      </c>
      <c r="D62" s="29">
        <v>6</v>
      </c>
    </row>
    <row r="63" spans="1:4" ht="18" customHeight="1" x14ac:dyDescent="0.2">
      <c r="A63" s="31">
        <v>48</v>
      </c>
      <c r="B63" s="27">
        <v>2</v>
      </c>
      <c r="C63" s="28">
        <v>1</v>
      </c>
      <c r="D63" s="29">
        <v>3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12</v>
      </c>
      <c r="C65" s="28">
        <v>5</v>
      </c>
      <c r="D65" s="29">
        <v>17</v>
      </c>
    </row>
    <row r="66" spans="1:4" ht="18" customHeight="1" x14ac:dyDescent="0.2">
      <c r="A66" s="31">
        <v>50</v>
      </c>
      <c r="B66" s="27">
        <v>1</v>
      </c>
      <c r="C66" s="28">
        <v>0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1</v>
      </c>
      <c r="C69" s="28">
        <v>1</v>
      </c>
      <c r="D69" s="29">
        <v>2</v>
      </c>
    </row>
    <row r="70" spans="1:4" ht="18" customHeight="1" x14ac:dyDescent="0.2">
      <c r="A70" s="31">
        <v>54</v>
      </c>
      <c r="B70" s="27">
        <v>0</v>
      </c>
      <c r="C70" s="28">
        <v>2</v>
      </c>
      <c r="D70" s="29">
        <v>2</v>
      </c>
    </row>
    <row r="71" spans="1:4" ht="18" customHeight="1" x14ac:dyDescent="0.2">
      <c r="A71" s="31" t="s">
        <v>59</v>
      </c>
      <c r="B71" s="27">
        <v>2</v>
      </c>
      <c r="C71" s="28">
        <v>3</v>
      </c>
      <c r="D71" s="29">
        <v>5</v>
      </c>
    </row>
    <row r="72" spans="1:4" ht="18" customHeight="1" x14ac:dyDescent="0.2">
      <c r="A72" s="31">
        <v>55</v>
      </c>
      <c r="B72" s="27">
        <v>0</v>
      </c>
      <c r="C72" s="28">
        <v>1</v>
      </c>
      <c r="D72" s="29">
        <v>1</v>
      </c>
    </row>
    <row r="73" spans="1:4" ht="18" customHeight="1" x14ac:dyDescent="0.2">
      <c r="A73" s="31">
        <v>56</v>
      </c>
      <c r="B73" s="27">
        <v>0</v>
      </c>
      <c r="C73" s="28">
        <v>1</v>
      </c>
      <c r="D73" s="29">
        <v>1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3</v>
      </c>
      <c r="D75" s="29">
        <v>3</v>
      </c>
    </row>
    <row r="76" spans="1:4" ht="18" customHeight="1" x14ac:dyDescent="0.2">
      <c r="A76" s="31">
        <v>59</v>
      </c>
      <c r="B76" s="27">
        <v>2</v>
      </c>
      <c r="C76" s="28">
        <v>0</v>
      </c>
      <c r="D76" s="29">
        <v>2</v>
      </c>
    </row>
    <row r="77" spans="1:4" ht="18" customHeight="1" x14ac:dyDescent="0.2">
      <c r="A77" s="31" t="s">
        <v>60</v>
      </c>
      <c r="B77" s="27">
        <v>2</v>
      </c>
      <c r="C77" s="28">
        <v>5</v>
      </c>
      <c r="D77" s="29">
        <v>7</v>
      </c>
    </row>
    <row r="78" spans="1:4" ht="18" customHeight="1" x14ac:dyDescent="0.2">
      <c r="A78" s="31">
        <v>60</v>
      </c>
      <c r="B78" s="27">
        <v>0</v>
      </c>
      <c r="C78" s="28">
        <v>2</v>
      </c>
      <c r="D78" s="29">
        <v>2</v>
      </c>
    </row>
    <row r="79" spans="1:4" ht="18" customHeight="1" x14ac:dyDescent="0.2">
      <c r="A79" s="31">
        <v>61</v>
      </c>
      <c r="B79" s="27">
        <v>2</v>
      </c>
      <c r="C79" s="28">
        <v>0</v>
      </c>
      <c r="D79" s="29">
        <v>2</v>
      </c>
    </row>
    <row r="80" spans="1:4" ht="18" customHeight="1" x14ac:dyDescent="0.2">
      <c r="A80" s="31">
        <v>62</v>
      </c>
      <c r="B80" s="27">
        <v>3</v>
      </c>
      <c r="C80" s="28">
        <v>1</v>
      </c>
      <c r="D80" s="29">
        <v>4</v>
      </c>
    </row>
    <row r="81" spans="1:4" ht="18" customHeight="1" x14ac:dyDescent="0.2">
      <c r="A81" s="31">
        <v>63</v>
      </c>
      <c r="B81" s="27">
        <v>4</v>
      </c>
      <c r="C81" s="28">
        <v>0</v>
      </c>
      <c r="D81" s="29">
        <v>4</v>
      </c>
    </row>
    <row r="82" spans="1:4" ht="18" customHeight="1" x14ac:dyDescent="0.2">
      <c r="A82" s="31">
        <v>64</v>
      </c>
      <c r="B82" s="27">
        <v>1</v>
      </c>
      <c r="C82" s="28">
        <v>2</v>
      </c>
      <c r="D82" s="29">
        <v>3</v>
      </c>
    </row>
    <row r="83" spans="1:4" ht="18" customHeight="1" x14ac:dyDescent="0.2">
      <c r="A83" s="31" t="s">
        <v>61</v>
      </c>
      <c r="B83" s="27">
        <v>10</v>
      </c>
      <c r="C83" s="28">
        <v>5</v>
      </c>
      <c r="D83" s="29">
        <v>15</v>
      </c>
    </row>
    <row r="84" spans="1:4" ht="18" customHeight="1" x14ac:dyDescent="0.2">
      <c r="A84" s="31" t="s">
        <v>62</v>
      </c>
      <c r="B84" s="27">
        <v>42</v>
      </c>
      <c r="C84" s="28">
        <v>32</v>
      </c>
      <c r="D84" s="29">
        <v>74</v>
      </c>
    </row>
    <row r="85" spans="1:4" ht="18" customHeight="1" x14ac:dyDescent="0.2">
      <c r="A85" s="31">
        <v>65</v>
      </c>
      <c r="B85" s="27">
        <v>1</v>
      </c>
      <c r="C85" s="28">
        <v>1</v>
      </c>
      <c r="D85" s="29">
        <v>2</v>
      </c>
    </row>
    <row r="86" spans="1:4" ht="18" customHeight="1" x14ac:dyDescent="0.2">
      <c r="A86" s="31">
        <v>66</v>
      </c>
      <c r="B86" s="27">
        <v>3</v>
      </c>
      <c r="C86" s="28">
        <v>2</v>
      </c>
      <c r="D86" s="29">
        <v>5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3</v>
      </c>
      <c r="C88" s="28">
        <v>0</v>
      </c>
      <c r="D88" s="29">
        <v>3</v>
      </c>
    </row>
    <row r="89" spans="1:4" ht="18" customHeight="1" x14ac:dyDescent="0.2">
      <c r="A89" s="31">
        <v>69</v>
      </c>
      <c r="B89" s="27">
        <v>2</v>
      </c>
      <c r="C89" s="28">
        <v>1</v>
      </c>
      <c r="D89" s="29">
        <v>3</v>
      </c>
    </row>
    <row r="90" spans="1:4" ht="18" customHeight="1" x14ac:dyDescent="0.2">
      <c r="A90" s="31" t="s">
        <v>63</v>
      </c>
      <c r="B90" s="27">
        <v>9</v>
      </c>
      <c r="C90" s="28">
        <v>4</v>
      </c>
      <c r="D90" s="29">
        <v>13</v>
      </c>
    </row>
    <row r="91" spans="1:4" ht="18" customHeight="1" x14ac:dyDescent="0.2">
      <c r="A91" s="31">
        <v>70</v>
      </c>
      <c r="B91" s="27">
        <v>0</v>
      </c>
      <c r="C91" s="28">
        <v>4</v>
      </c>
      <c r="D91" s="29">
        <v>4</v>
      </c>
    </row>
    <row r="92" spans="1:4" ht="18" customHeight="1" x14ac:dyDescent="0.2">
      <c r="A92" s="31">
        <v>71</v>
      </c>
      <c r="B92" s="27">
        <v>2</v>
      </c>
      <c r="C92" s="28">
        <v>2</v>
      </c>
      <c r="D92" s="29">
        <v>4</v>
      </c>
    </row>
    <row r="93" spans="1:4" ht="18" customHeight="1" x14ac:dyDescent="0.2">
      <c r="A93" s="31">
        <v>72</v>
      </c>
      <c r="B93" s="27">
        <v>3</v>
      </c>
      <c r="C93" s="28">
        <v>2</v>
      </c>
      <c r="D93" s="29">
        <v>5</v>
      </c>
    </row>
    <row r="94" spans="1:4" ht="18" customHeight="1" x14ac:dyDescent="0.2">
      <c r="A94" s="31">
        <v>73</v>
      </c>
      <c r="B94" s="27">
        <v>2</v>
      </c>
      <c r="C94" s="28">
        <v>0</v>
      </c>
      <c r="D94" s="29">
        <v>2</v>
      </c>
    </row>
    <row r="95" spans="1:4" ht="18" customHeight="1" x14ac:dyDescent="0.2">
      <c r="A95" s="31">
        <v>74</v>
      </c>
      <c r="B95" s="27">
        <v>0</v>
      </c>
      <c r="C95" s="28">
        <v>1</v>
      </c>
      <c r="D95" s="29">
        <v>1</v>
      </c>
    </row>
    <row r="96" spans="1:4" ht="18" customHeight="1" x14ac:dyDescent="0.2">
      <c r="A96" s="31" t="s">
        <v>64</v>
      </c>
      <c r="B96" s="27">
        <v>7</v>
      </c>
      <c r="C96" s="28">
        <v>9</v>
      </c>
      <c r="D96" s="29">
        <v>16</v>
      </c>
    </row>
    <row r="97" spans="1:4" ht="18" customHeight="1" x14ac:dyDescent="0.2">
      <c r="A97" s="31">
        <v>75</v>
      </c>
      <c r="B97" s="27">
        <v>4</v>
      </c>
      <c r="C97" s="28">
        <v>0</v>
      </c>
      <c r="D97" s="29">
        <v>4</v>
      </c>
    </row>
    <row r="98" spans="1:4" ht="18" customHeight="1" x14ac:dyDescent="0.2">
      <c r="A98" s="31">
        <v>76</v>
      </c>
      <c r="B98" s="27">
        <v>2</v>
      </c>
      <c r="C98" s="28">
        <v>1</v>
      </c>
      <c r="D98" s="29">
        <v>3</v>
      </c>
    </row>
    <row r="99" spans="1:4" ht="18" customHeight="1" x14ac:dyDescent="0.2">
      <c r="A99" s="31">
        <v>77</v>
      </c>
      <c r="B99" s="27">
        <v>0</v>
      </c>
      <c r="C99" s="28">
        <v>1</v>
      </c>
      <c r="D99" s="29">
        <v>1</v>
      </c>
    </row>
    <row r="100" spans="1:4" ht="18" customHeight="1" x14ac:dyDescent="0.2">
      <c r="A100" s="31">
        <v>78</v>
      </c>
      <c r="B100" s="27">
        <v>1</v>
      </c>
      <c r="C100" s="28">
        <v>1</v>
      </c>
      <c r="D100" s="29">
        <v>2</v>
      </c>
    </row>
    <row r="101" spans="1:4" ht="18" customHeight="1" x14ac:dyDescent="0.2">
      <c r="A101" s="31">
        <v>79</v>
      </c>
      <c r="B101" s="27">
        <v>1</v>
      </c>
      <c r="C101" s="28">
        <v>0</v>
      </c>
      <c r="D101" s="29">
        <v>1</v>
      </c>
    </row>
    <row r="102" spans="1:4" ht="18" customHeight="1" x14ac:dyDescent="0.2">
      <c r="A102" s="31" t="s">
        <v>65</v>
      </c>
      <c r="B102" s="27">
        <v>8</v>
      </c>
      <c r="C102" s="28">
        <v>3</v>
      </c>
      <c r="D102" s="29">
        <v>11</v>
      </c>
    </row>
    <row r="103" spans="1:4" ht="18" customHeight="1" x14ac:dyDescent="0.2">
      <c r="A103" s="31">
        <v>80</v>
      </c>
      <c r="B103" s="27">
        <v>0</v>
      </c>
      <c r="C103" s="28">
        <v>2</v>
      </c>
      <c r="D103" s="29">
        <v>2</v>
      </c>
    </row>
    <row r="104" spans="1:4" ht="18" customHeight="1" x14ac:dyDescent="0.2">
      <c r="A104" s="31">
        <v>81</v>
      </c>
      <c r="B104" s="27">
        <v>3</v>
      </c>
      <c r="C104" s="28">
        <v>2</v>
      </c>
      <c r="D104" s="29">
        <v>5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1</v>
      </c>
      <c r="C106" s="28">
        <v>2</v>
      </c>
      <c r="D106" s="29">
        <v>3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4</v>
      </c>
      <c r="C108" s="28">
        <v>6</v>
      </c>
      <c r="D108" s="29">
        <v>10</v>
      </c>
    </row>
    <row r="109" spans="1:4" ht="18" customHeight="1" x14ac:dyDescent="0.2">
      <c r="A109" s="31">
        <v>85</v>
      </c>
      <c r="B109" s="27">
        <v>2</v>
      </c>
      <c r="C109" s="28">
        <v>2</v>
      </c>
      <c r="D109" s="29">
        <v>4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4</v>
      </c>
      <c r="D111" s="29">
        <v>4</v>
      </c>
    </row>
    <row r="112" spans="1:4" ht="18" customHeight="1" x14ac:dyDescent="0.2">
      <c r="A112" s="31">
        <v>88</v>
      </c>
      <c r="B112" s="27">
        <v>3</v>
      </c>
      <c r="C112" s="28">
        <v>1</v>
      </c>
      <c r="D112" s="29">
        <v>4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5</v>
      </c>
      <c r="C114" s="28">
        <v>8</v>
      </c>
      <c r="D114" s="29">
        <v>13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2</v>
      </c>
      <c r="C117" s="28">
        <v>2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3</v>
      </c>
      <c r="C120" s="28">
        <v>3</v>
      </c>
      <c r="D120" s="29">
        <v>6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4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96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6</v>
      </c>
      <c r="C130" s="5">
        <v>37</v>
      </c>
      <c r="D130" s="6">
        <v>73</v>
      </c>
    </row>
    <row r="131" spans="1:4" ht="18" customHeight="1" x14ac:dyDescent="0.2">
      <c r="A131" s="33" t="s">
        <v>47</v>
      </c>
      <c r="B131" s="7">
        <v>87</v>
      </c>
      <c r="C131" s="8">
        <v>79</v>
      </c>
      <c r="D131" s="9">
        <v>16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B00-000000000000}">
  <sheetPr codeName="Sheet9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2</v>
      </c>
      <c r="C8" s="28">
        <v>0</v>
      </c>
      <c r="D8" s="29">
        <v>2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3</v>
      </c>
      <c r="C10" s="28">
        <v>3</v>
      </c>
      <c r="D10" s="29">
        <v>6</v>
      </c>
    </row>
    <row r="11" spans="1:4" ht="18" customHeight="1" x14ac:dyDescent="0.2">
      <c r="A11" s="31">
        <v>5</v>
      </c>
      <c r="B11" s="35">
        <v>2</v>
      </c>
      <c r="C11" s="28">
        <v>1</v>
      </c>
      <c r="D11" s="29">
        <v>3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2</v>
      </c>
      <c r="C14" s="28">
        <v>1</v>
      </c>
      <c r="D14" s="29">
        <v>3</v>
      </c>
    </row>
    <row r="15" spans="1:4" ht="18" customHeight="1" x14ac:dyDescent="0.2">
      <c r="A15" s="31">
        <v>9</v>
      </c>
      <c r="B15" s="35">
        <v>2</v>
      </c>
      <c r="C15" s="28">
        <v>0</v>
      </c>
      <c r="D15" s="29">
        <v>2</v>
      </c>
    </row>
    <row r="16" spans="1:4" ht="18" customHeight="1" x14ac:dyDescent="0.2">
      <c r="A16" s="31" t="s">
        <v>49</v>
      </c>
      <c r="B16" s="27">
        <v>7</v>
      </c>
      <c r="C16" s="28">
        <v>2</v>
      </c>
      <c r="D16" s="29">
        <v>9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3</v>
      </c>
      <c r="C19" s="28">
        <v>1</v>
      </c>
      <c r="D19" s="29">
        <v>4</v>
      </c>
    </row>
    <row r="20" spans="1:4" ht="18" customHeight="1" x14ac:dyDescent="0.2">
      <c r="A20" s="31">
        <v>13</v>
      </c>
      <c r="B20" s="27">
        <v>1</v>
      </c>
      <c r="C20" s="28">
        <v>1</v>
      </c>
      <c r="D20" s="29">
        <v>2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5</v>
      </c>
      <c r="C22" s="28">
        <v>4</v>
      </c>
      <c r="D22" s="29">
        <v>9</v>
      </c>
    </row>
    <row r="23" spans="1:4" ht="18" customHeight="1" x14ac:dyDescent="0.2">
      <c r="A23" s="31" t="s">
        <v>51</v>
      </c>
      <c r="B23" s="27">
        <v>15</v>
      </c>
      <c r="C23" s="28">
        <v>9</v>
      </c>
      <c r="D23" s="29">
        <v>24</v>
      </c>
    </row>
    <row r="24" spans="1:4" ht="18" customHeight="1" x14ac:dyDescent="0.2">
      <c r="A24" s="31">
        <v>15</v>
      </c>
      <c r="B24" s="27">
        <v>1</v>
      </c>
      <c r="C24" s="28">
        <v>2</v>
      </c>
      <c r="D24" s="29">
        <v>3</v>
      </c>
    </row>
    <row r="25" spans="1:4" ht="18" customHeight="1" x14ac:dyDescent="0.2">
      <c r="A25" s="31">
        <v>16</v>
      </c>
      <c r="B25" s="27">
        <v>3</v>
      </c>
      <c r="C25" s="28">
        <v>1</v>
      </c>
      <c r="D25" s="29">
        <v>4</v>
      </c>
    </row>
    <row r="26" spans="1:4" ht="18" customHeight="1" x14ac:dyDescent="0.2">
      <c r="A26" s="31">
        <v>17</v>
      </c>
      <c r="B26" s="27">
        <v>2</v>
      </c>
      <c r="C26" s="28">
        <v>1</v>
      </c>
      <c r="D26" s="29">
        <v>3</v>
      </c>
    </row>
    <row r="27" spans="1:4" ht="18" customHeight="1" x14ac:dyDescent="0.2">
      <c r="A27" s="31">
        <v>18</v>
      </c>
      <c r="B27" s="27">
        <v>2</v>
      </c>
      <c r="C27" s="28">
        <v>1</v>
      </c>
      <c r="D27" s="29">
        <v>3</v>
      </c>
    </row>
    <row r="28" spans="1:4" ht="18" customHeight="1" x14ac:dyDescent="0.2">
      <c r="A28" s="31">
        <v>19</v>
      </c>
      <c r="B28" s="27">
        <v>1</v>
      </c>
      <c r="C28" s="28">
        <v>1</v>
      </c>
      <c r="D28" s="29">
        <v>2</v>
      </c>
    </row>
    <row r="29" spans="1:4" ht="18" customHeight="1" x14ac:dyDescent="0.2">
      <c r="A29" s="31" t="s">
        <v>52</v>
      </c>
      <c r="B29" s="27">
        <v>9</v>
      </c>
      <c r="C29" s="28">
        <v>6</v>
      </c>
      <c r="D29" s="29">
        <v>15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4</v>
      </c>
      <c r="C31" s="28">
        <v>2</v>
      </c>
      <c r="D31" s="29">
        <v>6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1</v>
      </c>
      <c r="D34" s="29">
        <v>1</v>
      </c>
    </row>
    <row r="35" spans="1:4" ht="18" customHeight="1" x14ac:dyDescent="0.2">
      <c r="A35" s="31" t="s">
        <v>53</v>
      </c>
      <c r="B35" s="27">
        <v>4</v>
      </c>
      <c r="C35" s="28">
        <v>3</v>
      </c>
      <c r="D35" s="29">
        <v>7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1</v>
      </c>
      <c r="C37" s="28">
        <v>0</v>
      </c>
      <c r="D37" s="29">
        <v>1</v>
      </c>
    </row>
    <row r="38" spans="1:4" ht="18" customHeight="1" x14ac:dyDescent="0.2">
      <c r="A38" s="31">
        <v>27</v>
      </c>
      <c r="B38" s="27">
        <v>0</v>
      </c>
      <c r="C38" s="28">
        <v>1</v>
      </c>
      <c r="D38" s="29">
        <v>1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4</v>
      </c>
      <c r="C40" s="28">
        <v>1</v>
      </c>
      <c r="D40" s="29">
        <v>5</v>
      </c>
    </row>
    <row r="41" spans="1:4" ht="18" customHeight="1" x14ac:dyDescent="0.2">
      <c r="A41" s="31" t="s">
        <v>54</v>
      </c>
      <c r="B41" s="27">
        <v>6</v>
      </c>
      <c r="C41" s="28">
        <v>3</v>
      </c>
      <c r="D41" s="29">
        <v>9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1</v>
      </c>
      <c r="C43" s="28">
        <v>1</v>
      </c>
      <c r="D43" s="29">
        <v>2</v>
      </c>
    </row>
    <row r="44" spans="1:4" ht="18" customHeight="1" x14ac:dyDescent="0.2">
      <c r="A44" s="31">
        <v>32</v>
      </c>
      <c r="B44" s="27">
        <v>2</v>
      </c>
      <c r="C44" s="28">
        <v>1</v>
      </c>
      <c r="D44" s="29">
        <v>3</v>
      </c>
    </row>
    <row r="45" spans="1:4" ht="18" customHeight="1" x14ac:dyDescent="0.2">
      <c r="A45" s="31">
        <v>33</v>
      </c>
      <c r="B45" s="27">
        <v>1</v>
      </c>
      <c r="C45" s="28">
        <v>0</v>
      </c>
      <c r="D45" s="29">
        <v>1</v>
      </c>
    </row>
    <row r="46" spans="1:4" ht="18" customHeight="1" x14ac:dyDescent="0.2">
      <c r="A46" s="31">
        <v>34</v>
      </c>
      <c r="B46" s="27">
        <v>1</v>
      </c>
      <c r="C46" s="28">
        <v>1</v>
      </c>
      <c r="D46" s="29">
        <v>2</v>
      </c>
    </row>
    <row r="47" spans="1:4" ht="18" customHeight="1" x14ac:dyDescent="0.2">
      <c r="A47" s="31" t="s">
        <v>55</v>
      </c>
      <c r="B47" s="27">
        <v>5</v>
      </c>
      <c r="C47" s="28">
        <v>3</v>
      </c>
      <c r="D47" s="29">
        <v>8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1</v>
      </c>
      <c r="C49" s="28">
        <v>2</v>
      </c>
      <c r="D49" s="29">
        <v>3</v>
      </c>
    </row>
    <row r="50" spans="1:4" ht="18" customHeight="1" x14ac:dyDescent="0.2">
      <c r="A50" s="31">
        <v>37</v>
      </c>
      <c r="B50" s="27">
        <v>1</v>
      </c>
      <c r="C50" s="28">
        <v>0</v>
      </c>
      <c r="D50" s="29">
        <v>1</v>
      </c>
    </row>
    <row r="51" spans="1:4" ht="18" customHeight="1" x14ac:dyDescent="0.2">
      <c r="A51" s="31">
        <v>38</v>
      </c>
      <c r="B51" s="27">
        <v>0</v>
      </c>
      <c r="C51" s="28">
        <v>1</v>
      </c>
      <c r="D51" s="29">
        <v>1</v>
      </c>
    </row>
    <row r="52" spans="1:4" ht="18" customHeight="1" x14ac:dyDescent="0.2">
      <c r="A52" s="31">
        <v>39</v>
      </c>
      <c r="B52" s="27">
        <v>4</v>
      </c>
      <c r="C52" s="28">
        <v>3</v>
      </c>
      <c r="D52" s="29">
        <v>7</v>
      </c>
    </row>
    <row r="53" spans="1:4" ht="18" customHeight="1" x14ac:dyDescent="0.2">
      <c r="A53" s="31" t="s">
        <v>56</v>
      </c>
      <c r="B53" s="27">
        <v>7</v>
      </c>
      <c r="C53" s="28">
        <v>6</v>
      </c>
      <c r="D53" s="29">
        <v>13</v>
      </c>
    </row>
    <row r="54" spans="1:4" ht="18" customHeight="1" x14ac:dyDescent="0.2">
      <c r="A54" s="31">
        <v>40</v>
      </c>
      <c r="B54" s="27">
        <v>1</v>
      </c>
      <c r="C54" s="28">
        <v>2</v>
      </c>
      <c r="D54" s="29">
        <v>3</v>
      </c>
    </row>
    <row r="55" spans="1:4" ht="18" customHeight="1" x14ac:dyDescent="0.2">
      <c r="A55" s="31">
        <v>41</v>
      </c>
      <c r="B55" s="27">
        <v>1</v>
      </c>
      <c r="C55" s="28">
        <v>1</v>
      </c>
      <c r="D55" s="29">
        <v>2</v>
      </c>
    </row>
    <row r="56" spans="1:4" ht="18" customHeight="1" x14ac:dyDescent="0.2">
      <c r="A56" s="31">
        <v>42</v>
      </c>
      <c r="B56" s="27">
        <v>3</v>
      </c>
      <c r="C56" s="28">
        <v>1</v>
      </c>
      <c r="D56" s="29">
        <v>4</v>
      </c>
    </row>
    <row r="57" spans="1:4" ht="18" customHeight="1" x14ac:dyDescent="0.2">
      <c r="A57" s="31">
        <v>43</v>
      </c>
      <c r="B57" s="27">
        <v>4</v>
      </c>
      <c r="C57" s="28">
        <v>1</v>
      </c>
      <c r="D57" s="29">
        <v>5</v>
      </c>
    </row>
    <row r="58" spans="1:4" ht="18" customHeight="1" x14ac:dyDescent="0.2">
      <c r="A58" s="31">
        <v>44</v>
      </c>
      <c r="B58" s="27">
        <v>1</v>
      </c>
      <c r="C58" s="28">
        <v>5</v>
      </c>
      <c r="D58" s="29">
        <v>6</v>
      </c>
    </row>
    <row r="59" spans="1:4" ht="18" customHeight="1" x14ac:dyDescent="0.2">
      <c r="A59" s="31" t="s">
        <v>57</v>
      </c>
      <c r="B59" s="27">
        <v>10</v>
      </c>
      <c r="C59" s="28">
        <v>10</v>
      </c>
      <c r="D59" s="29">
        <v>20</v>
      </c>
    </row>
    <row r="60" spans="1:4" ht="18" customHeight="1" x14ac:dyDescent="0.2">
      <c r="A60" s="31">
        <v>45</v>
      </c>
      <c r="B60" s="27">
        <v>4</v>
      </c>
      <c r="C60" s="28">
        <v>2</v>
      </c>
      <c r="D60" s="29">
        <v>6</v>
      </c>
    </row>
    <row r="61" spans="1:4" ht="18" customHeight="1" x14ac:dyDescent="0.2">
      <c r="A61" s="31">
        <v>46</v>
      </c>
      <c r="B61" s="27">
        <v>4</v>
      </c>
      <c r="C61" s="28">
        <v>4</v>
      </c>
      <c r="D61" s="29">
        <v>8</v>
      </c>
    </row>
    <row r="62" spans="1:4" ht="18" customHeight="1" x14ac:dyDescent="0.2">
      <c r="A62" s="31">
        <v>47</v>
      </c>
      <c r="B62" s="27">
        <v>0</v>
      </c>
      <c r="C62" s="28">
        <v>2</v>
      </c>
      <c r="D62" s="29">
        <v>2</v>
      </c>
    </row>
    <row r="63" spans="1:4" ht="18" customHeight="1" x14ac:dyDescent="0.2">
      <c r="A63" s="31">
        <v>48</v>
      </c>
      <c r="B63" s="27">
        <v>6</v>
      </c>
      <c r="C63" s="28">
        <v>3</v>
      </c>
      <c r="D63" s="29">
        <v>9</v>
      </c>
    </row>
    <row r="64" spans="1:4" ht="18" customHeight="1" x14ac:dyDescent="0.2">
      <c r="A64" s="31">
        <v>49</v>
      </c>
      <c r="B64" s="27">
        <v>6</v>
      </c>
      <c r="C64" s="28">
        <v>1</v>
      </c>
      <c r="D64" s="29">
        <v>7</v>
      </c>
    </row>
    <row r="65" spans="1:4" ht="18" customHeight="1" x14ac:dyDescent="0.2">
      <c r="A65" s="31" t="s">
        <v>58</v>
      </c>
      <c r="B65" s="27">
        <v>20</v>
      </c>
      <c r="C65" s="28">
        <v>12</v>
      </c>
      <c r="D65" s="29">
        <v>32</v>
      </c>
    </row>
    <row r="66" spans="1:4" ht="18" customHeight="1" x14ac:dyDescent="0.2">
      <c r="A66" s="31">
        <v>50</v>
      </c>
      <c r="B66" s="27">
        <v>4</v>
      </c>
      <c r="C66" s="28">
        <v>2</v>
      </c>
      <c r="D66" s="29">
        <v>6</v>
      </c>
    </row>
    <row r="67" spans="1:4" ht="18" customHeight="1" x14ac:dyDescent="0.2">
      <c r="A67" s="31">
        <v>51</v>
      </c>
      <c r="B67" s="27">
        <v>1</v>
      </c>
      <c r="C67" s="28">
        <v>5</v>
      </c>
      <c r="D67" s="29">
        <v>6</v>
      </c>
    </row>
    <row r="68" spans="1:4" ht="18" customHeight="1" x14ac:dyDescent="0.2">
      <c r="A68" s="31">
        <v>52</v>
      </c>
      <c r="B68" s="27">
        <v>5</v>
      </c>
      <c r="C68" s="28">
        <v>3</v>
      </c>
      <c r="D68" s="29">
        <v>8</v>
      </c>
    </row>
    <row r="69" spans="1:4" ht="18" customHeight="1" x14ac:dyDescent="0.2">
      <c r="A69" s="31">
        <v>53</v>
      </c>
      <c r="B69" s="27">
        <v>2</v>
      </c>
      <c r="C69" s="28">
        <v>0</v>
      </c>
      <c r="D69" s="29">
        <v>2</v>
      </c>
    </row>
    <row r="70" spans="1:4" ht="18" customHeight="1" x14ac:dyDescent="0.2">
      <c r="A70" s="31">
        <v>54</v>
      </c>
      <c r="B70" s="27">
        <v>2</v>
      </c>
      <c r="C70" s="28">
        <v>3</v>
      </c>
      <c r="D70" s="29">
        <v>5</v>
      </c>
    </row>
    <row r="71" spans="1:4" ht="18" customHeight="1" x14ac:dyDescent="0.2">
      <c r="A71" s="31" t="s">
        <v>59</v>
      </c>
      <c r="B71" s="27">
        <v>14</v>
      </c>
      <c r="C71" s="28">
        <v>13</v>
      </c>
      <c r="D71" s="29">
        <v>27</v>
      </c>
    </row>
    <row r="72" spans="1:4" ht="18" customHeight="1" x14ac:dyDescent="0.2">
      <c r="A72" s="31">
        <v>55</v>
      </c>
      <c r="B72" s="27">
        <v>1</v>
      </c>
      <c r="C72" s="28">
        <v>2</v>
      </c>
      <c r="D72" s="29">
        <v>3</v>
      </c>
    </row>
    <row r="73" spans="1:4" ht="18" customHeight="1" x14ac:dyDescent="0.2">
      <c r="A73" s="31">
        <v>56</v>
      </c>
      <c r="B73" s="27">
        <v>1</v>
      </c>
      <c r="C73" s="28">
        <v>2</v>
      </c>
      <c r="D73" s="29">
        <v>3</v>
      </c>
    </row>
    <row r="74" spans="1:4" ht="18" customHeight="1" x14ac:dyDescent="0.2">
      <c r="A74" s="31">
        <v>57</v>
      </c>
      <c r="B74" s="27">
        <v>0</v>
      </c>
      <c r="C74" s="28">
        <v>1</v>
      </c>
      <c r="D74" s="29">
        <v>1</v>
      </c>
    </row>
    <row r="75" spans="1:4" ht="18" customHeight="1" x14ac:dyDescent="0.2">
      <c r="A75" s="31">
        <v>58</v>
      </c>
      <c r="B75" s="27">
        <v>0</v>
      </c>
      <c r="C75" s="28">
        <v>3</v>
      </c>
      <c r="D75" s="29">
        <v>3</v>
      </c>
    </row>
    <row r="76" spans="1:4" ht="18" customHeight="1" x14ac:dyDescent="0.2">
      <c r="A76" s="31">
        <v>59</v>
      </c>
      <c r="B76" s="27">
        <v>1</v>
      </c>
      <c r="C76" s="28">
        <v>2</v>
      </c>
      <c r="D76" s="29">
        <v>3</v>
      </c>
    </row>
    <row r="77" spans="1:4" ht="18" customHeight="1" x14ac:dyDescent="0.2">
      <c r="A77" s="31" t="s">
        <v>60</v>
      </c>
      <c r="B77" s="27">
        <v>3</v>
      </c>
      <c r="C77" s="28">
        <v>10</v>
      </c>
      <c r="D77" s="29">
        <v>13</v>
      </c>
    </row>
    <row r="78" spans="1:4" ht="18" customHeight="1" x14ac:dyDescent="0.2">
      <c r="A78" s="31">
        <v>60</v>
      </c>
      <c r="B78" s="27">
        <v>0</v>
      </c>
      <c r="C78" s="28">
        <v>1</v>
      </c>
      <c r="D78" s="29">
        <v>1</v>
      </c>
    </row>
    <row r="79" spans="1:4" ht="18" customHeight="1" x14ac:dyDescent="0.2">
      <c r="A79" s="31">
        <v>61</v>
      </c>
      <c r="B79" s="27">
        <v>1</v>
      </c>
      <c r="C79" s="28">
        <v>1</v>
      </c>
      <c r="D79" s="29">
        <v>2</v>
      </c>
    </row>
    <row r="80" spans="1:4" ht="18" customHeight="1" x14ac:dyDescent="0.2">
      <c r="A80" s="31">
        <v>62</v>
      </c>
      <c r="B80" s="27">
        <v>4</v>
      </c>
      <c r="C80" s="28">
        <v>1</v>
      </c>
      <c r="D80" s="29">
        <v>5</v>
      </c>
    </row>
    <row r="81" spans="1:4" ht="18" customHeight="1" x14ac:dyDescent="0.2">
      <c r="A81" s="31">
        <v>63</v>
      </c>
      <c r="B81" s="27">
        <v>0</v>
      </c>
      <c r="C81" s="28">
        <v>2</v>
      </c>
      <c r="D81" s="29">
        <v>2</v>
      </c>
    </row>
    <row r="82" spans="1:4" ht="18" customHeight="1" x14ac:dyDescent="0.2">
      <c r="A82" s="31">
        <v>64</v>
      </c>
      <c r="B82" s="27">
        <v>4</v>
      </c>
      <c r="C82" s="28">
        <v>2</v>
      </c>
      <c r="D82" s="29">
        <v>6</v>
      </c>
    </row>
    <row r="83" spans="1:4" ht="18" customHeight="1" x14ac:dyDescent="0.2">
      <c r="A83" s="31" t="s">
        <v>61</v>
      </c>
      <c r="B83" s="27">
        <v>9</v>
      </c>
      <c r="C83" s="28">
        <v>7</v>
      </c>
      <c r="D83" s="29">
        <v>16</v>
      </c>
    </row>
    <row r="84" spans="1:4" ht="18" customHeight="1" x14ac:dyDescent="0.2">
      <c r="A84" s="31" t="s">
        <v>62</v>
      </c>
      <c r="B84" s="27">
        <v>87</v>
      </c>
      <c r="C84" s="28">
        <v>73</v>
      </c>
      <c r="D84" s="29">
        <v>160</v>
      </c>
    </row>
    <row r="85" spans="1:4" ht="18" customHeight="1" x14ac:dyDescent="0.2">
      <c r="A85" s="31">
        <v>65</v>
      </c>
      <c r="B85" s="27">
        <v>3</v>
      </c>
      <c r="C85" s="28">
        <v>4</v>
      </c>
      <c r="D85" s="29">
        <v>7</v>
      </c>
    </row>
    <row r="86" spans="1:4" ht="18" customHeight="1" x14ac:dyDescent="0.2">
      <c r="A86" s="31">
        <v>66</v>
      </c>
      <c r="B86" s="27">
        <v>4</v>
      </c>
      <c r="C86" s="28">
        <v>2</v>
      </c>
      <c r="D86" s="29">
        <v>6</v>
      </c>
    </row>
    <row r="87" spans="1:4" ht="18" customHeight="1" x14ac:dyDescent="0.2">
      <c r="A87" s="31">
        <v>67</v>
      </c>
      <c r="B87" s="27">
        <v>3</v>
      </c>
      <c r="C87" s="28">
        <v>2</v>
      </c>
      <c r="D87" s="29">
        <v>5</v>
      </c>
    </row>
    <row r="88" spans="1:4" ht="18" customHeight="1" x14ac:dyDescent="0.2">
      <c r="A88" s="31">
        <v>68</v>
      </c>
      <c r="B88" s="27">
        <v>1</v>
      </c>
      <c r="C88" s="28">
        <v>3</v>
      </c>
      <c r="D88" s="29">
        <v>4</v>
      </c>
    </row>
    <row r="89" spans="1:4" ht="18" customHeight="1" x14ac:dyDescent="0.2">
      <c r="A89" s="31">
        <v>69</v>
      </c>
      <c r="B89" s="27">
        <v>3</v>
      </c>
      <c r="C89" s="28">
        <v>2</v>
      </c>
      <c r="D89" s="29">
        <v>5</v>
      </c>
    </row>
    <row r="90" spans="1:4" ht="18" customHeight="1" x14ac:dyDescent="0.2">
      <c r="A90" s="31" t="s">
        <v>63</v>
      </c>
      <c r="B90" s="27">
        <v>14</v>
      </c>
      <c r="C90" s="28">
        <v>13</v>
      </c>
      <c r="D90" s="29">
        <v>27</v>
      </c>
    </row>
    <row r="91" spans="1:4" ht="18" customHeight="1" x14ac:dyDescent="0.2">
      <c r="A91" s="31">
        <v>70</v>
      </c>
      <c r="B91" s="27">
        <v>5</v>
      </c>
      <c r="C91" s="28">
        <v>4</v>
      </c>
      <c r="D91" s="29">
        <v>9</v>
      </c>
    </row>
    <row r="92" spans="1:4" ht="18" customHeight="1" x14ac:dyDescent="0.2">
      <c r="A92" s="31">
        <v>71</v>
      </c>
      <c r="B92" s="27">
        <v>2</v>
      </c>
      <c r="C92" s="28">
        <v>3</v>
      </c>
      <c r="D92" s="29">
        <v>5</v>
      </c>
    </row>
    <row r="93" spans="1:4" ht="18" customHeight="1" x14ac:dyDescent="0.2">
      <c r="A93" s="31">
        <v>72</v>
      </c>
      <c r="B93" s="27">
        <v>0</v>
      </c>
      <c r="C93" s="28">
        <v>2</v>
      </c>
      <c r="D93" s="29">
        <v>2</v>
      </c>
    </row>
    <row r="94" spans="1:4" ht="18" customHeight="1" x14ac:dyDescent="0.2">
      <c r="A94" s="31">
        <v>73</v>
      </c>
      <c r="B94" s="27">
        <v>4</v>
      </c>
      <c r="C94" s="28">
        <v>4</v>
      </c>
      <c r="D94" s="29">
        <v>8</v>
      </c>
    </row>
    <row r="95" spans="1:4" ht="18" customHeight="1" x14ac:dyDescent="0.2">
      <c r="A95" s="31">
        <v>74</v>
      </c>
      <c r="B95" s="27">
        <v>1</v>
      </c>
      <c r="C95" s="28">
        <v>0</v>
      </c>
      <c r="D95" s="29">
        <v>1</v>
      </c>
    </row>
    <row r="96" spans="1:4" ht="18" customHeight="1" x14ac:dyDescent="0.2">
      <c r="A96" s="31" t="s">
        <v>64</v>
      </c>
      <c r="B96" s="27">
        <v>12</v>
      </c>
      <c r="C96" s="28">
        <v>13</v>
      </c>
      <c r="D96" s="29">
        <v>25</v>
      </c>
    </row>
    <row r="97" spans="1:4" ht="18" customHeight="1" x14ac:dyDescent="0.2">
      <c r="A97" s="31">
        <v>75</v>
      </c>
      <c r="B97" s="27">
        <v>0</v>
      </c>
      <c r="C97" s="28">
        <v>1</v>
      </c>
      <c r="D97" s="29">
        <v>1</v>
      </c>
    </row>
    <row r="98" spans="1:4" ht="18" customHeight="1" x14ac:dyDescent="0.2">
      <c r="A98" s="31">
        <v>76</v>
      </c>
      <c r="B98" s="27">
        <v>1</v>
      </c>
      <c r="C98" s="28">
        <v>1</v>
      </c>
      <c r="D98" s="29">
        <v>2</v>
      </c>
    </row>
    <row r="99" spans="1:4" ht="18" customHeight="1" x14ac:dyDescent="0.2">
      <c r="A99" s="31">
        <v>77</v>
      </c>
      <c r="B99" s="27">
        <v>2</v>
      </c>
      <c r="C99" s="28">
        <v>2</v>
      </c>
      <c r="D99" s="29">
        <v>4</v>
      </c>
    </row>
    <row r="100" spans="1:4" ht="18" customHeight="1" x14ac:dyDescent="0.2">
      <c r="A100" s="31">
        <v>78</v>
      </c>
      <c r="B100" s="27">
        <v>1</v>
      </c>
      <c r="C100" s="28">
        <v>2</v>
      </c>
      <c r="D100" s="29">
        <v>3</v>
      </c>
    </row>
    <row r="101" spans="1:4" ht="18" customHeight="1" x14ac:dyDescent="0.2">
      <c r="A101" s="31">
        <v>79</v>
      </c>
      <c r="B101" s="27">
        <v>2</v>
      </c>
      <c r="C101" s="28">
        <v>3</v>
      </c>
      <c r="D101" s="29">
        <v>5</v>
      </c>
    </row>
    <row r="102" spans="1:4" ht="18" customHeight="1" x14ac:dyDescent="0.2">
      <c r="A102" s="31" t="s">
        <v>65</v>
      </c>
      <c r="B102" s="27">
        <v>6</v>
      </c>
      <c r="C102" s="28">
        <v>9</v>
      </c>
      <c r="D102" s="29">
        <v>15</v>
      </c>
    </row>
    <row r="103" spans="1:4" ht="18" customHeight="1" x14ac:dyDescent="0.2">
      <c r="A103" s="31">
        <v>80</v>
      </c>
      <c r="B103" s="27">
        <v>1</v>
      </c>
      <c r="C103" s="28">
        <v>0</v>
      </c>
      <c r="D103" s="29">
        <v>1</v>
      </c>
    </row>
    <row r="104" spans="1:4" ht="18" customHeight="1" x14ac:dyDescent="0.2">
      <c r="A104" s="31">
        <v>81</v>
      </c>
      <c r="B104" s="27">
        <v>0</v>
      </c>
      <c r="C104" s="28">
        <v>1</v>
      </c>
      <c r="D104" s="29">
        <v>1</v>
      </c>
    </row>
    <row r="105" spans="1:4" ht="18" customHeight="1" x14ac:dyDescent="0.2">
      <c r="A105" s="31">
        <v>82</v>
      </c>
      <c r="B105" s="27">
        <v>1</v>
      </c>
      <c r="C105" s="28">
        <v>1</v>
      </c>
      <c r="D105" s="29">
        <v>2</v>
      </c>
    </row>
    <row r="106" spans="1:4" ht="18" customHeight="1" x14ac:dyDescent="0.2">
      <c r="A106" s="31">
        <v>83</v>
      </c>
      <c r="B106" s="27">
        <v>2</v>
      </c>
      <c r="C106" s="28">
        <v>1</v>
      </c>
      <c r="D106" s="29">
        <v>3</v>
      </c>
    </row>
    <row r="107" spans="1:4" ht="18" customHeight="1" x14ac:dyDescent="0.2">
      <c r="A107" s="31">
        <v>84</v>
      </c>
      <c r="B107" s="27">
        <v>1</v>
      </c>
      <c r="C107" s="28">
        <v>2</v>
      </c>
      <c r="D107" s="29">
        <v>3</v>
      </c>
    </row>
    <row r="108" spans="1:4" ht="18" customHeight="1" x14ac:dyDescent="0.2">
      <c r="A108" s="31" t="s">
        <v>66</v>
      </c>
      <c r="B108" s="27">
        <v>5</v>
      </c>
      <c r="C108" s="28">
        <v>5</v>
      </c>
      <c r="D108" s="29">
        <v>10</v>
      </c>
    </row>
    <row r="109" spans="1:4" ht="18" customHeight="1" x14ac:dyDescent="0.2">
      <c r="A109" s="31">
        <v>85</v>
      </c>
      <c r="B109" s="27">
        <v>0</v>
      </c>
      <c r="C109" s="28">
        <v>2</v>
      </c>
      <c r="D109" s="29">
        <v>2</v>
      </c>
    </row>
    <row r="110" spans="1:4" ht="18" customHeight="1" x14ac:dyDescent="0.2">
      <c r="A110" s="31">
        <v>86</v>
      </c>
      <c r="B110" s="27">
        <v>1</v>
      </c>
      <c r="C110" s="28">
        <v>1</v>
      </c>
      <c r="D110" s="29">
        <v>2</v>
      </c>
    </row>
    <row r="111" spans="1:4" ht="18" customHeight="1" x14ac:dyDescent="0.2">
      <c r="A111" s="31">
        <v>87</v>
      </c>
      <c r="B111" s="27">
        <v>1</v>
      </c>
      <c r="C111" s="28">
        <v>2</v>
      </c>
      <c r="D111" s="29">
        <v>3</v>
      </c>
    </row>
    <row r="112" spans="1:4" ht="18" customHeight="1" x14ac:dyDescent="0.2">
      <c r="A112" s="31">
        <v>88</v>
      </c>
      <c r="B112" s="27">
        <v>2</v>
      </c>
      <c r="C112" s="28">
        <v>1</v>
      </c>
      <c r="D112" s="29">
        <v>3</v>
      </c>
    </row>
    <row r="113" spans="1:4" ht="18" customHeight="1" x14ac:dyDescent="0.2">
      <c r="A113" s="31">
        <v>89</v>
      </c>
      <c r="B113" s="27">
        <v>0</v>
      </c>
      <c r="C113" s="28">
        <v>2</v>
      </c>
      <c r="D113" s="29">
        <v>2</v>
      </c>
    </row>
    <row r="114" spans="1:4" ht="18" customHeight="1" x14ac:dyDescent="0.2">
      <c r="A114" s="31" t="s">
        <v>67</v>
      </c>
      <c r="B114" s="27">
        <v>4</v>
      </c>
      <c r="C114" s="28">
        <v>8</v>
      </c>
      <c r="D114" s="29">
        <v>12</v>
      </c>
    </row>
    <row r="115" spans="1:4" ht="18" customHeight="1" x14ac:dyDescent="0.2">
      <c r="A115" s="31">
        <v>90</v>
      </c>
      <c r="B115" s="27">
        <v>0</v>
      </c>
      <c r="C115" s="28">
        <v>2</v>
      </c>
      <c r="D115" s="29">
        <v>2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2</v>
      </c>
      <c r="C120" s="28">
        <v>9</v>
      </c>
      <c r="D120" s="29">
        <v>11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3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4</v>
      </c>
      <c r="C130" s="5">
        <v>58</v>
      </c>
      <c r="D130" s="6">
        <v>102</v>
      </c>
    </row>
    <row r="131" spans="1:4" ht="18" customHeight="1" x14ac:dyDescent="0.2">
      <c r="A131" s="33" t="s">
        <v>47</v>
      </c>
      <c r="B131" s="7">
        <v>146</v>
      </c>
      <c r="C131" s="8">
        <v>140</v>
      </c>
      <c r="D131" s="9">
        <v>28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C00-000000000000}">
  <sheetPr codeName="Sheet9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4</v>
      </c>
      <c r="C5" s="37">
        <v>4</v>
      </c>
      <c r="D5" s="39">
        <v>8</v>
      </c>
    </row>
    <row r="6" spans="1:4" ht="18" customHeight="1" x14ac:dyDescent="0.2">
      <c r="A6" s="31">
        <v>1</v>
      </c>
      <c r="B6" s="35">
        <v>2</v>
      </c>
      <c r="C6" s="28">
        <v>6</v>
      </c>
      <c r="D6" s="29">
        <v>8</v>
      </c>
    </row>
    <row r="7" spans="1:4" ht="18" customHeight="1" x14ac:dyDescent="0.2">
      <c r="A7" s="31">
        <v>2</v>
      </c>
      <c r="B7" s="35">
        <v>3</v>
      </c>
      <c r="C7" s="28">
        <v>2</v>
      </c>
      <c r="D7" s="29">
        <v>5</v>
      </c>
    </row>
    <row r="8" spans="1:4" ht="18" customHeight="1" x14ac:dyDescent="0.2">
      <c r="A8" s="31">
        <v>3</v>
      </c>
      <c r="B8" s="35">
        <v>7</v>
      </c>
      <c r="C8" s="28">
        <v>1</v>
      </c>
      <c r="D8" s="29">
        <v>8</v>
      </c>
    </row>
    <row r="9" spans="1:4" ht="18" customHeight="1" x14ac:dyDescent="0.2">
      <c r="A9" s="31">
        <v>4</v>
      </c>
      <c r="B9" s="36">
        <v>4</v>
      </c>
      <c r="C9" s="38">
        <v>2</v>
      </c>
      <c r="D9" s="40">
        <v>6</v>
      </c>
    </row>
    <row r="10" spans="1:4" ht="18" customHeight="1" x14ac:dyDescent="0.2">
      <c r="A10" s="31" t="s">
        <v>48</v>
      </c>
      <c r="B10" s="27">
        <v>20</v>
      </c>
      <c r="C10" s="28">
        <v>15</v>
      </c>
      <c r="D10" s="29">
        <v>35</v>
      </c>
    </row>
    <row r="11" spans="1:4" ht="18" customHeight="1" x14ac:dyDescent="0.2">
      <c r="A11" s="31">
        <v>5</v>
      </c>
      <c r="B11" s="35">
        <v>8</v>
      </c>
      <c r="C11" s="28">
        <v>6</v>
      </c>
      <c r="D11" s="29">
        <v>14</v>
      </c>
    </row>
    <row r="12" spans="1:4" ht="18" customHeight="1" x14ac:dyDescent="0.2">
      <c r="A12" s="31">
        <v>6</v>
      </c>
      <c r="B12" s="35">
        <v>2</v>
      </c>
      <c r="C12" s="28">
        <v>2</v>
      </c>
      <c r="D12" s="29">
        <v>4</v>
      </c>
    </row>
    <row r="13" spans="1:4" ht="18" customHeight="1" x14ac:dyDescent="0.2">
      <c r="A13" s="31">
        <v>7</v>
      </c>
      <c r="B13" s="35">
        <v>1</v>
      </c>
      <c r="C13" s="28">
        <v>5</v>
      </c>
      <c r="D13" s="29">
        <v>6</v>
      </c>
    </row>
    <row r="14" spans="1:4" ht="18" customHeight="1" x14ac:dyDescent="0.2">
      <c r="A14" s="31">
        <v>8</v>
      </c>
      <c r="B14" s="35">
        <v>8</v>
      </c>
      <c r="C14" s="28">
        <v>4</v>
      </c>
      <c r="D14" s="29">
        <v>12</v>
      </c>
    </row>
    <row r="15" spans="1:4" ht="18" customHeight="1" x14ac:dyDescent="0.2">
      <c r="A15" s="31">
        <v>9</v>
      </c>
      <c r="B15" s="35">
        <v>8</v>
      </c>
      <c r="C15" s="28">
        <v>1</v>
      </c>
      <c r="D15" s="29">
        <v>9</v>
      </c>
    </row>
    <row r="16" spans="1:4" ht="18" customHeight="1" x14ac:dyDescent="0.2">
      <c r="A16" s="31" t="s">
        <v>49</v>
      </c>
      <c r="B16" s="27">
        <v>27</v>
      </c>
      <c r="C16" s="28">
        <v>18</v>
      </c>
      <c r="D16" s="29">
        <v>45</v>
      </c>
    </row>
    <row r="17" spans="1:4" ht="18" customHeight="1" x14ac:dyDescent="0.2">
      <c r="A17" s="31">
        <v>10</v>
      </c>
      <c r="B17" s="27">
        <v>5</v>
      </c>
      <c r="C17" s="28">
        <v>4</v>
      </c>
      <c r="D17" s="29">
        <v>9</v>
      </c>
    </row>
    <row r="18" spans="1:4" ht="18" customHeight="1" x14ac:dyDescent="0.2">
      <c r="A18" s="31">
        <v>11</v>
      </c>
      <c r="B18" s="27">
        <v>8</v>
      </c>
      <c r="C18" s="28">
        <v>8</v>
      </c>
      <c r="D18" s="29">
        <v>16</v>
      </c>
    </row>
    <row r="19" spans="1:4" ht="18" customHeight="1" x14ac:dyDescent="0.2">
      <c r="A19" s="31">
        <v>12</v>
      </c>
      <c r="B19" s="27">
        <v>6</v>
      </c>
      <c r="C19" s="28">
        <v>2</v>
      </c>
      <c r="D19" s="29">
        <v>8</v>
      </c>
    </row>
    <row r="20" spans="1:4" ht="18" customHeight="1" x14ac:dyDescent="0.2">
      <c r="A20" s="31">
        <v>13</v>
      </c>
      <c r="B20" s="27">
        <v>7</v>
      </c>
      <c r="C20" s="28">
        <v>4</v>
      </c>
      <c r="D20" s="29">
        <v>11</v>
      </c>
    </row>
    <row r="21" spans="1:4" ht="18" customHeight="1" x14ac:dyDescent="0.2">
      <c r="A21" s="31">
        <v>14</v>
      </c>
      <c r="B21" s="27">
        <v>5</v>
      </c>
      <c r="C21" s="28">
        <v>8</v>
      </c>
      <c r="D21" s="29">
        <v>13</v>
      </c>
    </row>
    <row r="22" spans="1:4" ht="18" customHeight="1" x14ac:dyDescent="0.2">
      <c r="A22" s="31" t="s">
        <v>50</v>
      </c>
      <c r="B22" s="27">
        <v>31</v>
      </c>
      <c r="C22" s="28">
        <v>26</v>
      </c>
      <c r="D22" s="29">
        <v>57</v>
      </c>
    </row>
    <row r="23" spans="1:4" ht="18" customHeight="1" x14ac:dyDescent="0.2">
      <c r="A23" s="31" t="s">
        <v>51</v>
      </c>
      <c r="B23" s="27">
        <v>78</v>
      </c>
      <c r="C23" s="28">
        <v>59</v>
      </c>
      <c r="D23" s="29">
        <v>137</v>
      </c>
    </row>
    <row r="24" spans="1:4" ht="18" customHeight="1" x14ac:dyDescent="0.2">
      <c r="A24" s="31">
        <v>15</v>
      </c>
      <c r="B24" s="27">
        <v>5</v>
      </c>
      <c r="C24" s="28">
        <v>6</v>
      </c>
      <c r="D24" s="29">
        <v>11</v>
      </c>
    </row>
    <row r="25" spans="1:4" ht="18" customHeight="1" x14ac:dyDescent="0.2">
      <c r="A25" s="31">
        <v>16</v>
      </c>
      <c r="B25" s="27">
        <v>8</v>
      </c>
      <c r="C25" s="28">
        <v>8</v>
      </c>
      <c r="D25" s="29">
        <v>16</v>
      </c>
    </row>
    <row r="26" spans="1:4" ht="18" customHeight="1" x14ac:dyDescent="0.2">
      <c r="A26" s="31">
        <v>17</v>
      </c>
      <c r="B26" s="27">
        <v>8</v>
      </c>
      <c r="C26" s="28">
        <v>2</v>
      </c>
      <c r="D26" s="29">
        <v>10</v>
      </c>
    </row>
    <row r="27" spans="1:4" ht="18" customHeight="1" x14ac:dyDescent="0.2">
      <c r="A27" s="31">
        <v>18</v>
      </c>
      <c r="B27" s="27">
        <v>6</v>
      </c>
      <c r="C27" s="28">
        <v>8</v>
      </c>
      <c r="D27" s="29">
        <v>14</v>
      </c>
    </row>
    <row r="28" spans="1:4" ht="18" customHeight="1" x14ac:dyDescent="0.2">
      <c r="A28" s="31">
        <v>19</v>
      </c>
      <c r="B28" s="27">
        <v>3</v>
      </c>
      <c r="C28" s="28">
        <v>5</v>
      </c>
      <c r="D28" s="29">
        <v>8</v>
      </c>
    </row>
    <row r="29" spans="1:4" ht="18" customHeight="1" x14ac:dyDescent="0.2">
      <c r="A29" s="31" t="s">
        <v>52</v>
      </c>
      <c r="B29" s="27">
        <v>30</v>
      </c>
      <c r="C29" s="28">
        <v>29</v>
      </c>
      <c r="D29" s="29">
        <v>59</v>
      </c>
    </row>
    <row r="30" spans="1:4" ht="18" customHeight="1" x14ac:dyDescent="0.2">
      <c r="A30" s="31">
        <v>20</v>
      </c>
      <c r="B30" s="27">
        <v>1</v>
      </c>
      <c r="C30" s="28">
        <v>3</v>
      </c>
      <c r="D30" s="29">
        <v>4</v>
      </c>
    </row>
    <row r="31" spans="1:4" ht="18" customHeight="1" x14ac:dyDescent="0.2">
      <c r="A31" s="31">
        <v>21</v>
      </c>
      <c r="B31" s="27">
        <v>7</v>
      </c>
      <c r="C31" s="28">
        <v>5</v>
      </c>
      <c r="D31" s="29">
        <v>12</v>
      </c>
    </row>
    <row r="32" spans="1:4" ht="18" customHeight="1" x14ac:dyDescent="0.2">
      <c r="A32" s="31">
        <v>22</v>
      </c>
      <c r="B32" s="27">
        <v>4</v>
      </c>
      <c r="C32" s="28">
        <v>5</v>
      </c>
      <c r="D32" s="29">
        <v>9</v>
      </c>
    </row>
    <row r="33" spans="1:4" ht="18" customHeight="1" x14ac:dyDescent="0.2">
      <c r="A33" s="31">
        <v>23</v>
      </c>
      <c r="B33" s="27">
        <v>4</v>
      </c>
      <c r="C33" s="28">
        <v>1</v>
      </c>
      <c r="D33" s="29">
        <v>5</v>
      </c>
    </row>
    <row r="34" spans="1:4" ht="18" customHeight="1" x14ac:dyDescent="0.2">
      <c r="A34" s="31">
        <v>24</v>
      </c>
      <c r="B34" s="27">
        <v>8</v>
      </c>
      <c r="C34" s="28">
        <v>5</v>
      </c>
      <c r="D34" s="29">
        <v>13</v>
      </c>
    </row>
    <row r="35" spans="1:4" ht="18" customHeight="1" x14ac:dyDescent="0.2">
      <c r="A35" s="31" t="s">
        <v>53</v>
      </c>
      <c r="B35" s="27">
        <v>24</v>
      </c>
      <c r="C35" s="28">
        <v>19</v>
      </c>
      <c r="D35" s="29">
        <v>43</v>
      </c>
    </row>
    <row r="36" spans="1:4" ht="18" customHeight="1" x14ac:dyDescent="0.2">
      <c r="A36" s="31">
        <v>25</v>
      </c>
      <c r="B36" s="27">
        <v>3</v>
      </c>
      <c r="C36" s="28">
        <v>4</v>
      </c>
      <c r="D36" s="29">
        <v>7</v>
      </c>
    </row>
    <row r="37" spans="1:4" ht="18" customHeight="1" x14ac:dyDescent="0.2">
      <c r="A37" s="31">
        <v>26</v>
      </c>
      <c r="B37" s="27">
        <v>5</v>
      </c>
      <c r="C37" s="28">
        <v>2</v>
      </c>
      <c r="D37" s="29">
        <v>7</v>
      </c>
    </row>
    <row r="38" spans="1:4" ht="18" customHeight="1" x14ac:dyDescent="0.2">
      <c r="A38" s="31">
        <v>27</v>
      </c>
      <c r="B38" s="27">
        <v>5</v>
      </c>
      <c r="C38" s="28">
        <v>6</v>
      </c>
      <c r="D38" s="29">
        <v>11</v>
      </c>
    </row>
    <row r="39" spans="1:4" ht="18" customHeight="1" x14ac:dyDescent="0.2">
      <c r="A39" s="31">
        <v>28</v>
      </c>
      <c r="B39" s="27">
        <v>6</v>
      </c>
      <c r="C39" s="28">
        <v>6</v>
      </c>
      <c r="D39" s="29">
        <v>12</v>
      </c>
    </row>
    <row r="40" spans="1:4" ht="18" customHeight="1" x14ac:dyDescent="0.2">
      <c r="A40" s="31">
        <v>29</v>
      </c>
      <c r="B40" s="27">
        <v>8</v>
      </c>
      <c r="C40" s="28">
        <v>5</v>
      </c>
      <c r="D40" s="29">
        <v>13</v>
      </c>
    </row>
    <row r="41" spans="1:4" ht="18" customHeight="1" x14ac:dyDescent="0.2">
      <c r="A41" s="31" t="s">
        <v>54</v>
      </c>
      <c r="B41" s="27">
        <v>27</v>
      </c>
      <c r="C41" s="28">
        <v>23</v>
      </c>
      <c r="D41" s="29">
        <v>50</v>
      </c>
    </row>
    <row r="42" spans="1:4" ht="18" customHeight="1" x14ac:dyDescent="0.2">
      <c r="A42" s="31">
        <v>30</v>
      </c>
      <c r="B42" s="27">
        <v>6</v>
      </c>
      <c r="C42" s="28">
        <v>4</v>
      </c>
      <c r="D42" s="29">
        <v>10</v>
      </c>
    </row>
    <row r="43" spans="1:4" ht="18" customHeight="1" x14ac:dyDescent="0.2">
      <c r="A43" s="31">
        <v>31</v>
      </c>
      <c r="B43" s="27">
        <v>8</v>
      </c>
      <c r="C43" s="28">
        <v>7</v>
      </c>
      <c r="D43" s="29">
        <v>15</v>
      </c>
    </row>
    <row r="44" spans="1:4" ht="18" customHeight="1" x14ac:dyDescent="0.2">
      <c r="A44" s="31">
        <v>32</v>
      </c>
      <c r="B44" s="27">
        <v>3</v>
      </c>
      <c r="C44" s="28">
        <v>7</v>
      </c>
      <c r="D44" s="29">
        <v>10</v>
      </c>
    </row>
    <row r="45" spans="1:4" ht="18" customHeight="1" x14ac:dyDescent="0.2">
      <c r="A45" s="31">
        <v>33</v>
      </c>
      <c r="B45" s="27">
        <v>6</v>
      </c>
      <c r="C45" s="28">
        <v>6</v>
      </c>
      <c r="D45" s="29">
        <v>12</v>
      </c>
    </row>
    <row r="46" spans="1:4" ht="18" customHeight="1" x14ac:dyDescent="0.2">
      <c r="A46" s="31">
        <v>34</v>
      </c>
      <c r="B46" s="27">
        <v>6</v>
      </c>
      <c r="C46" s="28">
        <v>6</v>
      </c>
      <c r="D46" s="29">
        <v>12</v>
      </c>
    </row>
    <row r="47" spans="1:4" ht="18" customHeight="1" x14ac:dyDescent="0.2">
      <c r="A47" s="31" t="s">
        <v>55</v>
      </c>
      <c r="B47" s="27">
        <v>29</v>
      </c>
      <c r="C47" s="28">
        <v>30</v>
      </c>
      <c r="D47" s="29">
        <v>59</v>
      </c>
    </row>
    <row r="48" spans="1:4" ht="18" customHeight="1" x14ac:dyDescent="0.2">
      <c r="A48" s="31">
        <v>35</v>
      </c>
      <c r="B48" s="27">
        <v>6</v>
      </c>
      <c r="C48" s="28">
        <v>5</v>
      </c>
      <c r="D48" s="29">
        <v>11</v>
      </c>
    </row>
    <row r="49" spans="1:4" ht="18" customHeight="1" x14ac:dyDescent="0.2">
      <c r="A49" s="31">
        <v>36</v>
      </c>
      <c r="B49" s="27">
        <v>5</v>
      </c>
      <c r="C49" s="28">
        <v>5</v>
      </c>
      <c r="D49" s="29">
        <v>10</v>
      </c>
    </row>
    <row r="50" spans="1:4" ht="18" customHeight="1" x14ac:dyDescent="0.2">
      <c r="A50" s="31">
        <v>37</v>
      </c>
      <c r="B50" s="27">
        <v>7</v>
      </c>
      <c r="C50" s="28">
        <v>4</v>
      </c>
      <c r="D50" s="29">
        <v>11</v>
      </c>
    </row>
    <row r="51" spans="1:4" ht="18" customHeight="1" x14ac:dyDescent="0.2">
      <c r="A51" s="31">
        <v>38</v>
      </c>
      <c r="B51" s="27">
        <v>5</v>
      </c>
      <c r="C51" s="28">
        <v>9</v>
      </c>
      <c r="D51" s="29">
        <v>14</v>
      </c>
    </row>
    <row r="52" spans="1:4" ht="18" customHeight="1" x14ac:dyDescent="0.2">
      <c r="A52" s="31">
        <v>39</v>
      </c>
      <c r="B52" s="27">
        <v>10</v>
      </c>
      <c r="C52" s="28">
        <v>10</v>
      </c>
      <c r="D52" s="29">
        <v>20</v>
      </c>
    </row>
    <row r="53" spans="1:4" ht="18" customHeight="1" x14ac:dyDescent="0.2">
      <c r="A53" s="31" t="s">
        <v>56</v>
      </c>
      <c r="B53" s="27">
        <v>33</v>
      </c>
      <c r="C53" s="28">
        <v>33</v>
      </c>
      <c r="D53" s="29">
        <v>66</v>
      </c>
    </row>
    <row r="54" spans="1:4" ht="18" customHeight="1" x14ac:dyDescent="0.2">
      <c r="A54" s="31">
        <v>40</v>
      </c>
      <c r="B54" s="27">
        <v>8</v>
      </c>
      <c r="C54" s="28">
        <v>4</v>
      </c>
      <c r="D54" s="29">
        <v>12</v>
      </c>
    </row>
    <row r="55" spans="1:4" ht="18" customHeight="1" x14ac:dyDescent="0.2">
      <c r="A55" s="31">
        <v>41</v>
      </c>
      <c r="B55" s="27">
        <v>3</v>
      </c>
      <c r="C55" s="28">
        <v>4</v>
      </c>
      <c r="D55" s="29">
        <v>7</v>
      </c>
    </row>
    <row r="56" spans="1:4" ht="18" customHeight="1" x14ac:dyDescent="0.2">
      <c r="A56" s="31">
        <v>42</v>
      </c>
      <c r="B56" s="27">
        <v>7</v>
      </c>
      <c r="C56" s="28">
        <v>7</v>
      </c>
      <c r="D56" s="29">
        <v>14</v>
      </c>
    </row>
    <row r="57" spans="1:4" ht="18" customHeight="1" x14ac:dyDescent="0.2">
      <c r="A57" s="31">
        <v>43</v>
      </c>
      <c r="B57" s="27">
        <v>10</v>
      </c>
      <c r="C57" s="28">
        <v>6</v>
      </c>
      <c r="D57" s="29">
        <v>16</v>
      </c>
    </row>
    <row r="58" spans="1:4" ht="18" customHeight="1" x14ac:dyDescent="0.2">
      <c r="A58" s="31">
        <v>44</v>
      </c>
      <c r="B58" s="27">
        <v>5</v>
      </c>
      <c r="C58" s="28">
        <v>10</v>
      </c>
      <c r="D58" s="29">
        <v>15</v>
      </c>
    </row>
    <row r="59" spans="1:4" ht="18" customHeight="1" x14ac:dyDescent="0.2">
      <c r="A59" s="31" t="s">
        <v>57</v>
      </c>
      <c r="B59" s="27">
        <v>33</v>
      </c>
      <c r="C59" s="28">
        <v>31</v>
      </c>
      <c r="D59" s="29">
        <v>64</v>
      </c>
    </row>
    <row r="60" spans="1:4" ht="18" customHeight="1" x14ac:dyDescent="0.2">
      <c r="A60" s="31">
        <v>45</v>
      </c>
      <c r="B60" s="27">
        <v>14</v>
      </c>
      <c r="C60" s="28">
        <v>13</v>
      </c>
      <c r="D60" s="29">
        <v>27</v>
      </c>
    </row>
    <row r="61" spans="1:4" ht="18" customHeight="1" x14ac:dyDescent="0.2">
      <c r="A61" s="31">
        <v>46</v>
      </c>
      <c r="B61" s="27">
        <v>14</v>
      </c>
      <c r="C61" s="28">
        <v>9</v>
      </c>
      <c r="D61" s="29">
        <v>23</v>
      </c>
    </row>
    <row r="62" spans="1:4" ht="18" customHeight="1" x14ac:dyDescent="0.2">
      <c r="A62" s="31">
        <v>47</v>
      </c>
      <c r="B62" s="27">
        <v>8</v>
      </c>
      <c r="C62" s="28">
        <v>10</v>
      </c>
      <c r="D62" s="29">
        <v>18</v>
      </c>
    </row>
    <row r="63" spans="1:4" ht="18" customHeight="1" x14ac:dyDescent="0.2">
      <c r="A63" s="31">
        <v>48</v>
      </c>
      <c r="B63" s="27">
        <v>14</v>
      </c>
      <c r="C63" s="28">
        <v>6</v>
      </c>
      <c r="D63" s="29">
        <v>20</v>
      </c>
    </row>
    <row r="64" spans="1:4" ht="18" customHeight="1" x14ac:dyDescent="0.2">
      <c r="A64" s="31">
        <v>49</v>
      </c>
      <c r="B64" s="27">
        <v>8</v>
      </c>
      <c r="C64" s="28">
        <v>8</v>
      </c>
      <c r="D64" s="29">
        <v>16</v>
      </c>
    </row>
    <row r="65" spans="1:4" ht="18" customHeight="1" x14ac:dyDescent="0.2">
      <c r="A65" s="31" t="s">
        <v>58</v>
      </c>
      <c r="B65" s="27">
        <v>58</v>
      </c>
      <c r="C65" s="28">
        <v>46</v>
      </c>
      <c r="D65" s="29">
        <v>104</v>
      </c>
    </row>
    <row r="66" spans="1:4" ht="18" customHeight="1" x14ac:dyDescent="0.2">
      <c r="A66" s="31">
        <v>50</v>
      </c>
      <c r="B66" s="27">
        <v>12</v>
      </c>
      <c r="C66" s="28">
        <v>7</v>
      </c>
      <c r="D66" s="29">
        <v>19</v>
      </c>
    </row>
    <row r="67" spans="1:4" ht="18" customHeight="1" x14ac:dyDescent="0.2">
      <c r="A67" s="31">
        <v>51</v>
      </c>
      <c r="B67" s="27">
        <v>5</v>
      </c>
      <c r="C67" s="28">
        <v>10</v>
      </c>
      <c r="D67" s="29">
        <v>15</v>
      </c>
    </row>
    <row r="68" spans="1:4" ht="18" customHeight="1" x14ac:dyDescent="0.2">
      <c r="A68" s="31">
        <v>52</v>
      </c>
      <c r="B68" s="27">
        <v>7</v>
      </c>
      <c r="C68" s="28">
        <v>11</v>
      </c>
      <c r="D68" s="29">
        <v>18</v>
      </c>
    </row>
    <row r="69" spans="1:4" ht="18" customHeight="1" x14ac:dyDescent="0.2">
      <c r="A69" s="31">
        <v>53</v>
      </c>
      <c r="B69" s="27">
        <v>8</v>
      </c>
      <c r="C69" s="28">
        <v>10</v>
      </c>
      <c r="D69" s="29">
        <v>18</v>
      </c>
    </row>
    <row r="70" spans="1:4" ht="18" customHeight="1" x14ac:dyDescent="0.2">
      <c r="A70" s="31">
        <v>54</v>
      </c>
      <c r="B70" s="27">
        <v>8</v>
      </c>
      <c r="C70" s="28">
        <v>9</v>
      </c>
      <c r="D70" s="29">
        <v>17</v>
      </c>
    </row>
    <row r="71" spans="1:4" ht="18" customHeight="1" x14ac:dyDescent="0.2">
      <c r="A71" s="31" t="s">
        <v>59</v>
      </c>
      <c r="B71" s="27">
        <v>40</v>
      </c>
      <c r="C71" s="28">
        <v>47</v>
      </c>
      <c r="D71" s="29">
        <v>87</v>
      </c>
    </row>
    <row r="72" spans="1:4" ht="18" customHeight="1" x14ac:dyDescent="0.2">
      <c r="A72" s="31">
        <v>55</v>
      </c>
      <c r="B72" s="27">
        <v>5</v>
      </c>
      <c r="C72" s="28">
        <v>7</v>
      </c>
      <c r="D72" s="29">
        <v>12</v>
      </c>
    </row>
    <row r="73" spans="1:4" ht="18" customHeight="1" x14ac:dyDescent="0.2">
      <c r="A73" s="31">
        <v>56</v>
      </c>
      <c r="B73" s="27">
        <v>9</v>
      </c>
      <c r="C73" s="28">
        <v>10</v>
      </c>
      <c r="D73" s="29">
        <v>19</v>
      </c>
    </row>
    <row r="74" spans="1:4" ht="18" customHeight="1" x14ac:dyDescent="0.2">
      <c r="A74" s="31">
        <v>57</v>
      </c>
      <c r="B74" s="27">
        <v>6</v>
      </c>
      <c r="C74" s="28">
        <v>8</v>
      </c>
      <c r="D74" s="29">
        <v>14</v>
      </c>
    </row>
    <row r="75" spans="1:4" ht="18" customHeight="1" x14ac:dyDescent="0.2">
      <c r="A75" s="31">
        <v>58</v>
      </c>
      <c r="B75" s="27">
        <v>2</v>
      </c>
      <c r="C75" s="28">
        <v>11</v>
      </c>
      <c r="D75" s="29">
        <v>13</v>
      </c>
    </row>
    <row r="76" spans="1:4" ht="18" customHeight="1" x14ac:dyDescent="0.2">
      <c r="A76" s="31">
        <v>59</v>
      </c>
      <c r="B76" s="27">
        <v>6</v>
      </c>
      <c r="C76" s="28">
        <v>4</v>
      </c>
      <c r="D76" s="29">
        <v>10</v>
      </c>
    </row>
    <row r="77" spans="1:4" ht="18" customHeight="1" x14ac:dyDescent="0.2">
      <c r="A77" s="31" t="s">
        <v>60</v>
      </c>
      <c r="B77" s="27">
        <v>28</v>
      </c>
      <c r="C77" s="28">
        <v>40</v>
      </c>
      <c r="D77" s="29">
        <v>68</v>
      </c>
    </row>
    <row r="78" spans="1:4" ht="18" customHeight="1" x14ac:dyDescent="0.2">
      <c r="A78" s="31">
        <v>60</v>
      </c>
      <c r="B78" s="27">
        <v>7</v>
      </c>
      <c r="C78" s="28">
        <v>10</v>
      </c>
      <c r="D78" s="29">
        <v>17</v>
      </c>
    </row>
    <row r="79" spans="1:4" ht="18" customHeight="1" x14ac:dyDescent="0.2">
      <c r="A79" s="31">
        <v>61</v>
      </c>
      <c r="B79" s="27">
        <v>5</v>
      </c>
      <c r="C79" s="28">
        <v>9</v>
      </c>
      <c r="D79" s="29">
        <v>14</v>
      </c>
    </row>
    <row r="80" spans="1:4" ht="18" customHeight="1" x14ac:dyDescent="0.2">
      <c r="A80" s="31">
        <v>62</v>
      </c>
      <c r="B80" s="27">
        <v>13</v>
      </c>
      <c r="C80" s="28">
        <v>13</v>
      </c>
      <c r="D80" s="29">
        <v>26</v>
      </c>
    </row>
    <row r="81" spans="1:4" ht="18" customHeight="1" x14ac:dyDescent="0.2">
      <c r="A81" s="31">
        <v>63</v>
      </c>
      <c r="B81" s="27">
        <v>13</v>
      </c>
      <c r="C81" s="28">
        <v>9</v>
      </c>
      <c r="D81" s="29">
        <v>22</v>
      </c>
    </row>
    <row r="82" spans="1:4" ht="18" customHeight="1" x14ac:dyDescent="0.2">
      <c r="A82" s="31">
        <v>64</v>
      </c>
      <c r="B82" s="27">
        <v>17</v>
      </c>
      <c r="C82" s="28">
        <v>11</v>
      </c>
      <c r="D82" s="29">
        <v>28</v>
      </c>
    </row>
    <row r="83" spans="1:4" ht="18" customHeight="1" x14ac:dyDescent="0.2">
      <c r="A83" s="31" t="s">
        <v>61</v>
      </c>
      <c r="B83" s="27">
        <v>55</v>
      </c>
      <c r="C83" s="28">
        <v>52</v>
      </c>
      <c r="D83" s="29">
        <v>107</v>
      </c>
    </row>
    <row r="84" spans="1:4" ht="18" customHeight="1" x14ac:dyDescent="0.2">
      <c r="A84" s="31" t="s">
        <v>62</v>
      </c>
      <c r="B84" s="27">
        <v>357</v>
      </c>
      <c r="C84" s="28">
        <v>350</v>
      </c>
      <c r="D84" s="29">
        <v>707</v>
      </c>
    </row>
    <row r="85" spans="1:4" ht="18" customHeight="1" x14ac:dyDescent="0.2">
      <c r="A85" s="31">
        <v>65</v>
      </c>
      <c r="B85" s="27">
        <v>9</v>
      </c>
      <c r="C85" s="28">
        <v>10</v>
      </c>
      <c r="D85" s="29">
        <v>19</v>
      </c>
    </row>
    <row r="86" spans="1:4" ht="18" customHeight="1" x14ac:dyDescent="0.2">
      <c r="A86" s="31">
        <v>66</v>
      </c>
      <c r="B86" s="27">
        <v>18</v>
      </c>
      <c r="C86" s="28">
        <v>16</v>
      </c>
      <c r="D86" s="29">
        <v>34</v>
      </c>
    </row>
    <row r="87" spans="1:4" ht="18" customHeight="1" x14ac:dyDescent="0.2">
      <c r="A87" s="31">
        <v>67</v>
      </c>
      <c r="B87" s="27">
        <v>18</v>
      </c>
      <c r="C87" s="28">
        <v>16</v>
      </c>
      <c r="D87" s="29">
        <v>34</v>
      </c>
    </row>
    <row r="88" spans="1:4" ht="18" customHeight="1" x14ac:dyDescent="0.2">
      <c r="A88" s="31">
        <v>68</v>
      </c>
      <c r="B88" s="27">
        <v>20</v>
      </c>
      <c r="C88" s="28">
        <v>14</v>
      </c>
      <c r="D88" s="29">
        <v>34</v>
      </c>
    </row>
    <row r="89" spans="1:4" ht="18" customHeight="1" x14ac:dyDescent="0.2">
      <c r="A89" s="31">
        <v>69</v>
      </c>
      <c r="B89" s="27">
        <v>9</v>
      </c>
      <c r="C89" s="28">
        <v>12</v>
      </c>
      <c r="D89" s="29">
        <v>21</v>
      </c>
    </row>
    <row r="90" spans="1:4" ht="18" customHeight="1" x14ac:dyDescent="0.2">
      <c r="A90" s="31" t="s">
        <v>63</v>
      </c>
      <c r="B90" s="27">
        <v>74</v>
      </c>
      <c r="C90" s="28">
        <v>68</v>
      </c>
      <c r="D90" s="29">
        <v>142</v>
      </c>
    </row>
    <row r="91" spans="1:4" ht="18" customHeight="1" x14ac:dyDescent="0.2">
      <c r="A91" s="31">
        <v>70</v>
      </c>
      <c r="B91" s="27">
        <v>16</v>
      </c>
      <c r="C91" s="28">
        <v>16</v>
      </c>
      <c r="D91" s="29">
        <v>32</v>
      </c>
    </row>
    <row r="92" spans="1:4" ht="18" customHeight="1" x14ac:dyDescent="0.2">
      <c r="A92" s="31">
        <v>71</v>
      </c>
      <c r="B92" s="27">
        <v>12</v>
      </c>
      <c r="C92" s="28">
        <v>17</v>
      </c>
      <c r="D92" s="29">
        <v>29</v>
      </c>
    </row>
    <row r="93" spans="1:4" ht="18" customHeight="1" x14ac:dyDescent="0.2">
      <c r="A93" s="31">
        <v>72</v>
      </c>
      <c r="B93" s="27">
        <v>14</v>
      </c>
      <c r="C93" s="28">
        <v>10</v>
      </c>
      <c r="D93" s="29">
        <v>24</v>
      </c>
    </row>
    <row r="94" spans="1:4" ht="18" customHeight="1" x14ac:dyDescent="0.2">
      <c r="A94" s="31">
        <v>73</v>
      </c>
      <c r="B94" s="27">
        <v>20</v>
      </c>
      <c r="C94" s="28">
        <v>11</v>
      </c>
      <c r="D94" s="29">
        <v>31</v>
      </c>
    </row>
    <row r="95" spans="1:4" ht="18" customHeight="1" x14ac:dyDescent="0.2">
      <c r="A95" s="31">
        <v>74</v>
      </c>
      <c r="B95" s="27">
        <v>7</v>
      </c>
      <c r="C95" s="28">
        <v>7</v>
      </c>
      <c r="D95" s="29">
        <v>14</v>
      </c>
    </row>
    <row r="96" spans="1:4" ht="18" customHeight="1" x14ac:dyDescent="0.2">
      <c r="A96" s="31" t="s">
        <v>64</v>
      </c>
      <c r="B96" s="27">
        <v>69</v>
      </c>
      <c r="C96" s="28">
        <v>61</v>
      </c>
      <c r="D96" s="29">
        <v>130</v>
      </c>
    </row>
    <row r="97" spans="1:4" ht="18" customHeight="1" x14ac:dyDescent="0.2">
      <c r="A97" s="31">
        <v>75</v>
      </c>
      <c r="B97" s="27">
        <v>6</v>
      </c>
      <c r="C97" s="28">
        <v>5</v>
      </c>
      <c r="D97" s="29">
        <v>11</v>
      </c>
    </row>
    <row r="98" spans="1:4" ht="18" customHeight="1" x14ac:dyDescent="0.2">
      <c r="A98" s="31">
        <v>76</v>
      </c>
      <c r="B98" s="27">
        <v>7</v>
      </c>
      <c r="C98" s="28">
        <v>7</v>
      </c>
      <c r="D98" s="29">
        <v>14</v>
      </c>
    </row>
    <row r="99" spans="1:4" ht="18" customHeight="1" x14ac:dyDescent="0.2">
      <c r="A99" s="31">
        <v>77</v>
      </c>
      <c r="B99" s="27">
        <v>12</v>
      </c>
      <c r="C99" s="28">
        <v>7</v>
      </c>
      <c r="D99" s="29">
        <v>19</v>
      </c>
    </row>
    <row r="100" spans="1:4" ht="18" customHeight="1" x14ac:dyDescent="0.2">
      <c r="A100" s="31">
        <v>78</v>
      </c>
      <c r="B100" s="27">
        <v>6</v>
      </c>
      <c r="C100" s="28">
        <v>13</v>
      </c>
      <c r="D100" s="29">
        <v>19</v>
      </c>
    </row>
    <row r="101" spans="1:4" ht="18" customHeight="1" x14ac:dyDescent="0.2">
      <c r="A101" s="31">
        <v>79</v>
      </c>
      <c r="B101" s="27">
        <v>7</v>
      </c>
      <c r="C101" s="28">
        <v>13</v>
      </c>
      <c r="D101" s="29">
        <v>20</v>
      </c>
    </row>
    <row r="102" spans="1:4" ht="18" customHeight="1" x14ac:dyDescent="0.2">
      <c r="A102" s="31" t="s">
        <v>65</v>
      </c>
      <c r="B102" s="27">
        <v>38</v>
      </c>
      <c r="C102" s="28">
        <v>45</v>
      </c>
      <c r="D102" s="29">
        <v>83</v>
      </c>
    </row>
    <row r="103" spans="1:4" ht="18" customHeight="1" x14ac:dyDescent="0.2">
      <c r="A103" s="31">
        <v>80</v>
      </c>
      <c r="B103" s="27">
        <v>4</v>
      </c>
      <c r="C103" s="28">
        <v>5</v>
      </c>
      <c r="D103" s="29">
        <v>9</v>
      </c>
    </row>
    <row r="104" spans="1:4" ht="18" customHeight="1" x14ac:dyDescent="0.2">
      <c r="A104" s="31">
        <v>81</v>
      </c>
      <c r="B104" s="27">
        <v>6</v>
      </c>
      <c r="C104" s="28">
        <v>6</v>
      </c>
      <c r="D104" s="29">
        <v>12</v>
      </c>
    </row>
    <row r="105" spans="1:4" ht="18" customHeight="1" x14ac:dyDescent="0.2">
      <c r="A105" s="31">
        <v>82</v>
      </c>
      <c r="B105" s="27">
        <v>6</v>
      </c>
      <c r="C105" s="28">
        <v>5</v>
      </c>
      <c r="D105" s="29">
        <v>11</v>
      </c>
    </row>
    <row r="106" spans="1:4" ht="18" customHeight="1" x14ac:dyDescent="0.2">
      <c r="A106" s="31">
        <v>83</v>
      </c>
      <c r="B106" s="27">
        <v>6</v>
      </c>
      <c r="C106" s="28">
        <v>8</v>
      </c>
      <c r="D106" s="29">
        <v>14</v>
      </c>
    </row>
    <row r="107" spans="1:4" ht="18" customHeight="1" x14ac:dyDescent="0.2">
      <c r="A107" s="31">
        <v>84</v>
      </c>
      <c r="B107" s="27">
        <v>3</v>
      </c>
      <c r="C107" s="28">
        <v>8</v>
      </c>
      <c r="D107" s="29">
        <v>11</v>
      </c>
    </row>
    <row r="108" spans="1:4" ht="18" customHeight="1" x14ac:dyDescent="0.2">
      <c r="A108" s="31" t="s">
        <v>66</v>
      </c>
      <c r="B108" s="27">
        <v>25</v>
      </c>
      <c r="C108" s="28">
        <v>32</v>
      </c>
      <c r="D108" s="29">
        <v>57</v>
      </c>
    </row>
    <row r="109" spans="1:4" ht="18" customHeight="1" x14ac:dyDescent="0.2">
      <c r="A109" s="31">
        <v>85</v>
      </c>
      <c r="B109" s="27">
        <v>3</v>
      </c>
      <c r="C109" s="28">
        <v>12</v>
      </c>
      <c r="D109" s="29">
        <v>15</v>
      </c>
    </row>
    <row r="110" spans="1:4" ht="18" customHeight="1" x14ac:dyDescent="0.2">
      <c r="A110" s="31">
        <v>86</v>
      </c>
      <c r="B110" s="27">
        <v>4</v>
      </c>
      <c r="C110" s="28">
        <v>11</v>
      </c>
      <c r="D110" s="29">
        <v>15</v>
      </c>
    </row>
    <row r="111" spans="1:4" ht="18" customHeight="1" x14ac:dyDescent="0.2">
      <c r="A111" s="31">
        <v>87</v>
      </c>
      <c r="B111" s="27">
        <v>2</v>
      </c>
      <c r="C111" s="28">
        <v>9</v>
      </c>
      <c r="D111" s="29">
        <v>11</v>
      </c>
    </row>
    <row r="112" spans="1:4" ht="18" customHeight="1" x14ac:dyDescent="0.2">
      <c r="A112" s="31">
        <v>88</v>
      </c>
      <c r="B112" s="27">
        <v>5</v>
      </c>
      <c r="C112" s="28">
        <v>10</v>
      </c>
      <c r="D112" s="29">
        <v>15</v>
      </c>
    </row>
    <row r="113" spans="1:4" ht="18" customHeight="1" x14ac:dyDescent="0.2">
      <c r="A113" s="31">
        <v>89</v>
      </c>
      <c r="B113" s="27">
        <v>3</v>
      </c>
      <c r="C113" s="28">
        <v>8</v>
      </c>
      <c r="D113" s="29">
        <v>11</v>
      </c>
    </row>
    <row r="114" spans="1:4" ht="18" customHeight="1" x14ac:dyDescent="0.2">
      <c r="A114" s="31" t="s">
        <v>67</v>
      </c>
      <c r="B114" s="27">
        <v>17</v>
      </c>
      <c r="C114" s="28">
        <v>50</v>
      </c>
      <c r="D114" s="29">
        <v>67</v>
      </c>
    </row>
    <row r="115" spans="1:4" ht="18" customHeight="1" x14ac:dyDescent="0.2">
      <c r="A115" s="31">
        <v>90</v>
      </c>
      <c r="B115" s="27">
        <v>4</v>
      </c>
      <c r="C115" s="28">
        <v>4</v>
      </c>
      <c r="D115" s="29">
        <v>8</v>
      </c>
    </row>
    <row r="116" spans="1:4" ht="18" customHeight="1" x14ac:dyDescent="0.2">
      <c r="A116" s="31">
        <v>91</v>
      </c>
      <c r="B116" s="27">
        <v>3</v>
      </c>
      <c r="C116" s="28">
        <v>10</v>
      </c>
      <c r="D116" s="29">
        <v>13</v>
      </c>
    </row>
    <row r="117" spans="1:4" ht="18" customHeight="1" x14ac:dyDescent="0.2">
      <c r="A117" s="31">
        <v>92</v>
      </c>
      <c r="B117" s="27">
        <v>3</v>
      </c>
      <c r="C117" s="28">
        <v>9</v>
      </c>
      <c r="D117" s="29">
        <v>12</v>
      </c>
    </row>
    <row r="118" spans="1:4" ht="18" customHeight="1" x14ac:dyDescent="0.2">
      <c r="A118" s="31">
        <v>93</v>
      </c>
      <c r="B118" s="27">
        <v>0</v>
      </c>
      <c r="C118" s="28">
        <v>5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4</v>
      </c>
      <c r="D119" s="29">
        <v>4</v>
      </c>
    </row>
    <row r="120" spans="1:4" ht="18" customHeight="1" x14ac:dyDescent="0.2">
      <c r="A120" s="31" t="s">
        <v>68</v>
      </c>
      <c r="B120" s="27">
        <v>10</v>
      </c>
      <c r="C120" s="28">
        <v>32</v>
      </c>
      <c r="D120" s="29">
        <v>42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3</v>
      </c>
      <c r="C122" s="28">
        <v>2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3</v>
      </c>
      <c r="C126" s="28">
        <v>10</v>
      </c>
      <c r="D126" s="29">
        <v>1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36</v>
      </c>
      <c r="C130" s="5">
        <v>298</v>
      </c>
      <c r="D130" s="6">
        <v>534</v>
      </c>
    </row>
    <row r="131" spans="1:4" ht="18" customHeight="1" x14ac:dyDescent="0.2">
      <c r="A131" s="33" t="s">
        <v>47</v>
      </c>
      <c r="B131" s="7">
        <v>671</v>
      </c>
      <c r="C131" s="8">
        <v>707</v>
      </c>
      <c r="D131" s="9">
        <v>137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D00-000000000000}">
  <sheetPr codeName="Sheet9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3</v>
      </c>
      <c r="D5" s="39">
        <v>3</v>
      </c>
    </row>
    <row r="6" spans="1:4" ht="18" customHeight="1" x14ac:dyDescent="0.2">
      <c r="A6" s="31">
        <v>1</v>
      </c>
      <c r="B6" s="35">
        <v>2</v>
      </c>
      <c r="C6" s="28">
        <v>2</v>
      </c>
      <c r="D6" s="29">
        <v>4</v>
      </c>
    </row>
    <row r="7" spans="1:4" ht="18" customHeight="1" x14ac:dyDescent="0.2">
      <c r="A7" s="31">
        <v>2</v>
      </c>
      <c r="B7" s="35">
        <v>2</v>
      </c>
      <c r="C7" s="28">
        <v>2</v>
      </c>
      <c r="D7" s="29">
        <v>4</v>
      </c>
    </row>
    <row r="8" spans="1:4" ht="18" customHeight="1" x14ac:dyDescent="0.2">
      <c r="A8" s="31">
        <v>3</v>
      </c>
      <c r="B8" s="35">
        <v>2</v>
      </c>
      <c r="C8" s="28">
        <v>1</v>
      </c>
      <c r="D8" s="29">
        <v>3</v>
      </c>
    </row>
    <row r="9" spans="1:4" ht="18" customHeight="1" x14ac:dyDescent="0.2">
      <c r="A9" s="31">
        <v>4</v>
      </c>
      <c r="B9" s="36">
        <v>1</v>
      </c>
      <c r="C9" s="38">
        <v>2</v>
      </c>
      <c r="D9" s="40">
        <v>3</v>
      </c>
    </row>
    <row r="10" spans="1:4" ht="18" customHeight="1" x14ac:dyDescent="0.2">
      <c r="A10" s="31" t="s">
        <v>48</v>
      </c>
      <c r="B10" s="27">
        <v>7</v>
      </c>
      <c r="C10" s="28">
        <v>10</v>
      </c>
      <c r="D10" s="29">
        <v>17</v>
      </c>
    </row>
    <row r="11" spans="1:4" ht="18" customHeight="1" x14ac:dyDescent="0.2">
      <c r="A11" s="31">
        <v>5</v>
      </c>
      <c r="B11" s="35">
        <v>2</v>
      </c>
      <c r="C11" s="28">
        <v>2</v>
      </c>
      <c r="D11" s="29">
        <v>4</v>
      </c>
    </row>
    <row r="12" spans="1:4" ht="18" customHeight="1" x14ac:dyDescent="0.2">
      <c r="A12" s="31">
        <v>6</v>
      </c>
      <c r="B12" s="35">
        <v>2</v>
      </c>
      <c r="C12" s="28">
        <v>0</v>
      </c>
      <c r="D12" s="29">
        <v>2</v>
      </c>
    </row>
    <row r="13" spans="1:4" ht="18" customHeight="1" x14ac:dyDescent="0.2">
      <c r="A13" s="31">
        <v>7</v>
      </c>
      <c r="B13" s="35">
        <v>2</v>
      </c>
      <c r="C13" s="28">
        <v>3</v>
      </c>
      <c r="D13" s="29">
        <v>5</v>
      </c>
    </row>
    <row r="14" spans="1:4" ht="18" customHeight="1" x14ac:dyDescent="0.2">
      <c r="A14" s="31">
        <v>8</v>
      </c>
      <c r="B14" s="35">
        <v>5</v>
      </c>
      <c r="C14" s="28">
        <v>3</v>
      </c>
      <c r="D14" s="29">
        <v>8</v>
      </c>
    </row>
    <row r="15" spans="1:4" ht="18" customHeight="1" x14ac:dyDescent="0.2">
      <c r="A15" s="31">
        <v>9</v>
      </c>
      <c r="B15" s="35">
        <v>7</v>
      </c>
      <c r="C15" s="28">
        <v>0</v>
      </c>
      <c r="D15" s="29">
        <v>7</v>
      </c>
    </row>
    <row r="16" spans="1:4" ht="18" customHeight="1" x14ac:dyDescent="0.2">
      <c r="A16" s="31" t="s">
        <v>49</v>
      </c>
      <c r="B16" s="27">
        <v>18</v>
      </c>
      <c r="C16" s="28">
        <v>8</v>
      </c>
      <c r="D16" s="29">
        <v>26</v>
      </c>
    </row>
    <row r="17" spans="1:4" ht="18" customHeight="1" x14ac:dyDescent="0.2">
      <c r="A17" s="31">
        <v>10</v>
      </c>
      <c r="B17" s="27">
        <v>6</v>
      </c>
      <c r="C17" s="28">
        <v>3</v>
      </c>
      <c r="D17" s="29">
        <v>9</v>
      </c>
    </row>
    <row r="18" spans="1:4" ht="18" customHeight="1" x14ac:dyDescent="0.2">
      <c r="A18" s="31">
        <v>11</v>
      </c>
      <c r="B18" s="27">
        <v>6</v>
      </c>
      <c r="C18" s="28">
        <v>3</v>
      </c>
      <c r="D18" s="29">
        <v>9</v>
      </c>
    </row>
    <row r="19" spans="1:4" ht="18" customHeight="1" x14ac:dyDescent="0.2">
      <c r="A19" s="31">
        <v>12</v>
      </c>
      <c r="B19" s="27">
        <v>1</v>
      </c>
      <c r="C19" s="28">
        <v>2</v>
      </c>
      <c r="D19" s="29">
        <v>3</v>
      </c>
    </row>
    <row r="20" spans="1:4" ht="18" customHeight="1" x14ac:dyDescent="0.2">
      <c r="A20" s="31">
        <v>13</v>
      </c>
      <c r="B20" s="27">
        <v>5</v>
      </c>
      <c r="C20" s="28">
        <v>3</v>
      </c>
      <c r="D20" s="29">
        <v>8</v>
      </c>
    </row>
    <row r="21" spans="1:4" ht="18" customHeight="1" x14ac:dyDescent="0.2">
      <c r="A21" s="31">
        <v>14</v>
      </c>
      <c r="B21" s="27">
        <v>7</v>
      </c>
      <c r="C21" s="28">
        <v>7</v>
      </c>
      <c r="D21" s="29">
        <v>14</v>
      </c>
    </row>
    <row r="22" spans="1:4" ht="18" customHeight="1" x14ac:dyDescent="0.2">
      <c r="A22" s="31" t="s">
        <v>50</v>
      </c>
      <c r="B22" s="27">
        <v>25</v>
      </c>
      <c r="C22" s="28">
        <v>18</v>
      </c>
      <c r="D22" s="29">
        <v>43</v>
      </c>
    </row>
    <row r="23" spans="1:4" ht="18" customHeight="1" x14ac:dyDescent="0.2">
      <c r="A23" s="31" t="s">
        <v>51</v>
      </c>
      <c r="B23" s="27">
        <v>50</v>
      </c>
      <c r="C23" s="28">
        <v>36</v>
      </c>
      <c r="D23" s="29">
        <v>86</v>
      </c>
    </row>
    <row r="24" spans="1:4" ht="18" customHeight="1" x14ac:dyDescent="0.2">
      <c r="A24" s="31">
        <v>15</v>
      </c>
      <c r="B24" s="27">
        <v>2</v>
      </c>
      <c r="C24" s="28">
        <v>3</v>
      </c>
      <c r="D24" s="29">
        <v>5</v>
      </c>
    </row>
    <row r="25" spans="1:4" ht="18" customHeight="1" x14ac:dyDescent="0.2">
      <c r="A25" s="31">
        <v>16</v>
      </c>
      <c r="B25" s="27">
        <v>4</v>
      </c>
      <c r="C25" s="28">
        <v>3</v>
      </c>
      <c r="D25" s="29">
        <v>7</v>
      </c>
    </row>
    <row r="26" spans="1:4" ht="18" customHeight="1" x14ac:dyDescent="0.2">
      <c r="A26" s="31">
        <v>17</v>
      </c>
      <c r="B26" s="27">
        <v>5</v>
      </c>
      <c r="C26" s="28">
        <v>3</v>
      </c>
      <c r="D26" s="29">
        <v>8</v>
      </c>
    </row>
    <row r="27" spans="1:4" ht="18" customHeight="1" x14ac:dyDescent="0.2">
      <c r="A27" s="31">
        <v>18</v>
      </c>
      <c r="B27" s="27">
        <v>6</v>
      </c>
      <c r="C27" s="28">
        <v>4</v>
      </c>
      <c r="D27" s="29">
        <v>10</v>
      </c>
    </row>
    <row r="28" spans="1:4" ht="18" customHeight="1" x14ac:dyDescent="0.2">
      <c r="A28" s="31">
        <v>19</v>
      </c>
      <c r="B28" s="27">
        <v>5</v>
      </c>
      <c r="C28" s="28">
        <v>4</v>
      </c>
      <c r="D28" s="29">
        <v>9</v>
      </c>
    </row>
    <row r="29" spans="1:4" ht="18" customHeight="1" x14ac:dyDescent="0.2">
      <c r="A29" s="31" t="s">
        <v>52</v>
      </c>
      <c r="B29" s="27">
        <v>22</v>
      </c>
      <c r="C29" s="28">
        <v>17</v>
      </c>
      <c r="D29" s="29">
        <v>39</v>
      </c>
    </row>
    <row r="30" spans="1:4" ht="18" customHeight="1" x14ac:dyDescent="0.2">
      <c r="A30" s="31">
        <v>20</v>
      </c>
      <c r="B30" s="27">
        <v>6</v>
      </c>
      <c r="C30" s="28">
        <v>2</v>
      </c>
      <c r="D30" s="29">
        <v>8</v>
      </c>
    </row>
    <row r="31" spans="1:4" ht="18" customHeight="1" x14ac:dyDescent="0.2">
      <c r="A31" s="31">
        <v>21</v>
      </c>
      <c r="B31" s="27">
        <v>9</v>
      </c>
      <c r="C31" s="28">
        <v>3</v>
      </c>
      <c r="D31" s="29">
        <v>12</v>
      </c>
    </row>
    <row r="32" spans="1:4" ht="18" customHeight="1" x14ac:dyDescent="0.2">
      <c r="A32" s="31">
        <v>22</v>
      </c>
      <c r="B32" s="27">
        <v>6</v>
      </c>
      <c r="C32" s="28">
        <v>3</v>
      </c>
      <c r="D32" s="29">
        <v>9</v>
      </c>
    </row>
    <row r="33" spans="1:4" ht="18" customHeight="1" x14ac:dyDescent="0.2">
      <c r="A33" s="31">
        <v>23</v>
      </c>
      <c r="B33" s="27">
        <v>9</v>
      </c>
      <c r="C33" s="28">
        <v>3</v>
      </c>
      <c r="D33" s="29">
        <v>12</v>
      </c>
    </row>
    <row r="34" spans="1:4" ht="18" customHeight="1" x14ac:dyDescent="0.2">
      <c r="A34" s="31">
        <v>24</v>
      </c>
      <c r="B34" s="27">
        <v>3</v>
      </c>
      <c r="C34" s="28">
        <v>7</v>
      </c>
      <c r="D34" s="29">
        <v>10</v>
      </c>
    </row>
    <row r="35" spans="1:4" ht="18" customHeight="1" x14ac:dyDescent="0.2">
      <c r="A35" s="31" t="s">
        <v>53</v>
      </c>
      <c r="B35" s="27">
        <v>33</v>
      </c>
      <c r="C35" s="28">
        <v>18</v>
      </c>
      <c r="D35" s="29">
        <v>51</v>
      </c>
    </row>
    <row r="36" spans="1:4" ht="18" customHeight="1" x14ac:dyDescent="0.2">
      <c r="A36" s="31">
        <v>25</v>
      </c>
      <c r="B36" s="27">
        <v>0</v>
      </c>
      <c r="C36" s="28">
        <v>3</v>
      </c>
      <c r="D36" s="29">
        <v>3</v>
      </c>
    </row>
    <row r="37" spans="1:4" ht="18" customHeight="1" x14ac:dyDescent="0.2">
      <c r="A37" s="31">
        <v>26</v>
      </c>
      <c r="B37" s="27">
        <v>5</v>
      </c>
      <c r="C37" s="28">
        <v>5</v>
      </c>
      <c r="D37" s="29">
        <v>10</v>
      </c>
    </row>
    <row r="38" spans="1:4" ht="18" customHeight="1" x14ac:dyDescent="0.2">
      <c r="A38" s="31">
        <v>27</v>
      </c>
      <c r="B38" s="27">
        <v>3</v>
      </c>
      <c r="C38" s="28">
        <v>2</v>
      </c>
      <c r="D38" s="29">
        <v>5</v>
      </c>
    </row>
    <row r="39" spans="1:4" ht="18" customHeight="1" x14ac:dyDescent="0.2">
      <c r="A39" s="31">
        <v>28</v>
      </c>
      <c r="B39" s="27">
        <v>4</v>
      </c>
      <c r="C39" s="28">
        <v>3</v>
      </c>
      <c r="D39" s="29">
        <v>7</v>
      </c>
    </row>
    <row r="40" spans="1:4" ht="18" customHeight="1" x14ac:dyDescent="0.2">
      <c r="A40" s="31">
        <v>29</v>
      </c>
      <c r="B40" s="27">
        <v>4</v>
      </c>
      <c r="C40" s="28">
        <v>3</v>
      </c>
      <c r="D40" s="29">
        <v>7</v>
      </c>
    </row>
    <row r="41" spans="1:4" ht="18" customHeight="1" x14ac:dyDescent="0.2">
      <c r="A41" s="31" t="s">
        <v>54</v>
      </c>
      <c r="B41" s="27">
        <v>16</v>
      </c>
      <c r="C41" s="28">
        <v>16</v>
      </c>
      <c r="D41" s="29">
        <v>32</v>
      </c>
    </row>
    <row r="42" spans="1:4" ht="18" customHeight="1" x14ac:dyDescent="0.2">
      <c r="A42" s="31">
        <v>30</v>
      </c>
      <c r="B42" s="27">
        <v>1</v>
      </c>
      <c r="C42" s="28">
        <v>3</v>
      </c>
      <c r="D42" s="29">
        <v>4</v>
      </c>
    </row>
    <row r="43" spans="1:4" ht="18" customHeight="1" x14ac:dyDescent="0.2">
      <c r="A43" s="31">
        <v>31</v>
      </c>
      <c r="B43" s="27">
        <v>2</v>
      </c>
      <c r="C43" s="28">
        <v>3</v>
      </c>
      <c r="D43" s="29">
        <v>5</v>
      </c>
    </row>
    <row r="44" spans="1:4" ht="18" customHeight="1" x14ac:dyDescent="0.2">
      <c r="A44" s="31">
        <v>32</v>
      </c>
      <c r="B44" s="27">
        <v>3</v>
      </c>
      <c r="C44" s="28">
        <v>1</v>
      </c>
      <c r="D44" s="29">
        <v>4</v>
      </c>
    </row>
    <row r="45" spans="1:4" ht="18" customHeight="1" x14ac:dyDescent="0.2">
      <c r="A45" s="31">
        <v>33</v>
      </c>
      <c r="B45" s="27">
        <v>3</v>
      </c>
      <c r="C45" s="28">
        <v>4</v>
      </c>
      <c r="D45" s="29">
        <v>7</v>
      </c>
    </row>
    <row r="46" spans="1:4" ht="18" customHeight="1" x14ac:dyDescent="0.2">
      <c r="A46" s="31">
        <v>34</v>
      </c>
      <c r="B46" s="27">
        <v>3</v>
      </c>
      <c r="C46" s="28">
        <v>5</v>
      </c>
      <c r="D46" s="29">
        <v>8</v>
      </c>
    </row>
    <row r="47" spans="1:4" ht="18" customHeight="1" x14ac:dyDescent="0.2">
      <c r="A47" s="31" t="s">
        <v>55</v>
      </c>
      <c r="B47" s="27">
        <v>12</v>
      </c>
      <c r="C47" s="28">
        <v>16</v>
      </c>
      <c r="D47" s="29">
        <v>28</v>
      </c>
    </row>
    <row r="48" spans="1:4" ht="18" customHeight="1" x14ac:dyDescent="0.2">
      <c r="A48" s="31">
        <v>35</v>
      </c>
      <c r="B48" s="27">
        <v>1</v>
      </c>
      <c r="C48" s="28">
        <v>6</v>
      </c>
      <c r="D48" s="29">
        <v>7</v>
      </c>
    </row>
    <row r="49" spans="1:4" ht="18" customHeight="1" x14ac:dyDescent="0.2">
      <c r="A49" s="31">
        <v>36</v>
      </c>
      <c r="B49" s="27">
        <v>5</v>
      </c>
      <c r="C49" s="28">
        <v>2</v>
      </c>
      <c r="D49" s="29">
        <v>7</v>
      </c>
    </row>
    <row r="50" spans="1:4" ht="18" customHeight="1" x14ac:dyDescent="0.2">
      <c r="A50" s="31">
        <v>37</v>
      </c>
      <c r="B50" s="27">
        <v>7</v>
      </c>
      <c r="C50" s="28">
        <v>0</v>
      </c>
      <c r="D50" s="29">
        <v>7</v>
      </c>
    </row>
    <row r="51" spans="1:4" ht="18" customHeight="1" x14ac:dyDescent="0.2">
      <c r="A51" s="31">
        <v>38</v>
      </c>
      <c r="B51" s="27">
        <v>7</v>
      </c>
      <c r="C51" s="28">
        <v>3</v>
      </c>
      <c r="D51" s="29">
        <v>10</v>
      </c>
    </row>
    <row r="52" spans="1:4" ht="18" customHeight="1" x14ac:dyDescent="0.2">
      <c r="A52" s="31">
        <v>39</v>
      </c>
      <c r="B52" s="27">
        <v>2</v>
      </c>
      <c r="C52" s="28">
        <v>6</v>
      </c>
      <c r="D52" s="29">
        <v>8</v>
      </c>
    </row>
    <row r="53" spans="1:4" ht="18" customHeight="1" x14ac:dyDescent="0.2">
      <c r="A53" s="31" t="s">
        <v>56</v>
      </c>
      <c r="B53" s="27">
        <v>22</v>
      </c>
      <c r="C53" s="28">
        <v>17</v>
      </c>
      <c r="D53" s="29">
        <v>39</v>
      </c>
    </row>
    <row r="54" spans="1:4" ht="18" customHeight="1" x14ac:dyDescent="0.2">
      <c r="A54" s="31">
        <v>40</v>
      </c>
      <c r="B54" s="27">
        <v>5</v>
      </c>
      <c r="C54" s="28">
        <v>3</v>
      </c>
      <c r="D54" s="29">
        <v>8</v>
      </c>
    </row>
    <row r="55" spans="1:4" ht="18" customHeight="1" x14ac:dyDescent="0.2">
      <c r="A55" s="31">
        <v>41</v>
      </c>
      <c r="B55" s="27">
        <v>6</v>
      </c>
      <c r="C55" s="28">
        <v>5</v>
      </c>
      <c r="D55" s="29">
        <v>11</v>
      </c>
    </row>
    <row r="56" spans="1:4" ht="18" customHeight="1" x14ac:dyDescent="0.2">
      <c r="A56" s="31">
        <v>42</v>
      </c>
      <c r="B56" s="27">
        <v>8</v>
      </c>
      <c r="C56" s="28">
        <v>2</v>
      </c>
      <c r="D56" s="29">
        <v>10</v>
      </c>
    </row>
    <row r="57" spans="1:4" ht="18" customHeight="1" x14ac:dyDescent="0.2">
      <c r="A57" s="31">
        <v>43</v>
      </c>
      <c r="B57" s="27">
        <v>9</v>
      </c>
      <c r="C57" s="28">
        <v>5</v>
      </c>
      <c r="D57" s="29">
        <v>14</v>
      </c>
    </row>
    <row r="58" spans="1:4" ht="18" customHeight="1" x14ac:dyDescent="0.2">
      <c r="A58" s="31">
        <v>44</v>
      </c>
      <c r="B58" s="27">
        <v>6</v>
      </c>
      <c r="C58" s="28">
        <v>4</v>
      </c>
      <c r="D58" s="29">
        <v>10</v>
      </c>
    </row>
    <row r="59" spans="1:4" ht="18" customHeight="1" x14ac:dyDescent="0.2">
      <c r="A59" s="31" t="s">
        <v>57</v>
      </c>
      <c r="B59" s="27">
        <v>34</v>
      </c>
      <c r="C59" s="28">
        <v>19</v>
      </c>
      <c r="D59" s="29">
        <v>53</v>
      </c>
    </row>
    <row r="60" spans="1:4" ht="18" customHeight="1" x14ac:dyDescent="0.2">
      <c r="A60" s="31">
        <v>45</v>
      </c>
      <c r="B60" s="27">
        <v>8</v>
      </c>
      <c r="C60" s="28">
        <v>8</v>
      </c>
      <c r="D60" s="29">
        <v>16</v>
      </c>
    </row>
    <row r="61" spans="1:4" ht="18" customHeight="1" x14ac:dyDescent="0.2">
      <c r="A61" s="31">
        <v>46</v>
      </c>
      <c r="B61" s="27">
        <v>7</v>
      </c>
      <c r="C61" s="28">
        <v>9</v>
      </c>
      <c r="D61" s="29">
        <v>16</v>
      </c>
    </row>
    <row r="62" spans="1:4" ht="18" customHeight="1" x14ac:dyDescent="0.2">
      <c r="A62" s="31">
        <v>47</v>
      </c>
      <c r="B62" s="27">
        <v>8</v>
      </c>
      <c r="C62" s="28">
        <v>3</v>
      </c>
      <c r="D62" s="29">
        <v>11</v>
      </c>
    </row>
    <row r="63" spans="1:4" ht="18" customHeight="1" x14ac:dyDescent="0.2">
      <c r="A63" s="31">
        <v>48</v>
      </c>
      <c r="B63" s="27">
        <v>6</v>
      </c>
      <c r="C63" s="28">
        <v>7</v>
      </c>
      <c r="D63" s="29">
        <v>13</v>
      </c>
    </row>
    <row r="64" spans="1:4" ht="18" customHeight="1" x14ac:dyDescent="0.2">
      <c r="A64" s="31">
        <v>49</v>
      </c>
      <c r="B64" s="27">
        <v>5</v>
      </c>
      <c r="C64" s="28">
        <v>9</v>
      </c>
      <c r="D64" s="29">
        <v>14</v>
      </c>
    </row>
    <row r="65" spans="1:4" ht="18" customHeight="1" x14ac:dyDescent="0.2">
      <c r="A65" s="31" t="s">
        <v>58</v>
      </c>
      <c r="B65" s="27">
        <v>34</v>
      </c>
      <c r="C65" s="28">
        <v>36</v>
      </c>
      <c r="D65" s="29">
        <v>70</v>
      </c>
    </row>
    <row r="66" spans="1:4" ht="18" customHeight="1" x14ac:dyDescent="0.2">
      <c r="A66" s="31">
        <v>50</v>
      </c>
      <c r="B66" s="27">
        <v>6</v>
      </c>
      <c r="C66" s="28">
        <v>7</v>
      </c>
      <c r="D66" s="29">
        <v>13</v>
      </c>
    </row>
    <row r="67" spans="1:4" ht="18" customHeight="1" x14ac:dyDescent="0.2">
      <c r="A67" s="31">
        <v>51</v>
      </c>
      <c r="B67" s="27">
        <v>6</v>
      </c>
      <c r="C67" s="28">
        <v>6</v>
      </c>
      <c r="D67" s="29">
        <v>12</v>
      </c>
    </row>
    <row r="68" spans="1:4" ht="18" customHeight="1" x14ac:dyDescent="0.2">
      <c r="A68" s="31">
        <v>52</v>
      </c>
      <c r="B68" s="27">
        <v>6</v>
      </c>
      <c r="C68" s="28">
        <v>8</v>
      </c>
      <c r="D68" s="29">
        <v>14</v>
      </c>
    </row>
    <row r="69" spans="1:4" ht="18" customHeight="1" x14ac:dyDescent="0.2">
      <c r="A69" s="31">
        <v>53</v>
      </c>
      <c r="B69" s="27">
        <v>5</v>
      </c>
      <c r="C69" s="28">
        <v>3</v>
      </c>
      <c r="D69" s="29">
        <v>8</v>
      </c>
    </row>
    <row r="70" spans="1:4" ht="18" customHeight="1" x14ac:dyDescent="0.2">
      <c r="A70" s="31">
        <v>54</v>
      </c>
      <c r="B70" s="27">
        <v>3</v>
      </c>
      <c r="C70" s="28">
        <v>4</v>
      </c>
      <c r="D70" s="29">
        <v>7</v>
      </c>
    </row>
    <row r="71" spans="1:4" ht="18" customHeight="1" x14ac:dyDescent="0.2">
      <c r="A71" s="31" t="s">
        <v>59</v>
      </c>
      <c r="B71" s="27">
        <v>26</v>
      </c>
      <c r="C71" s="28">
        <v>28</v>
      </c>
      <c r="D71" s="29">
        <v>54</v>
      </c>
    </row>
    <row r="72" spans="1:4" ht="18" customHeight="1" x14ac:dyDescent="0.2">
      <c r="A72" s="31">
        <v>55</v>
      </c>
      <c r="B72" s="27">
        <v>3</v>
      </c>
      <c r="C72" s="28">
        <v>5</v>
      </c>
      <c r="D72" s="29">
        <v>8</v>
      </c>
    </row>
    <row r="73" spans="1:4" ht="18" customHeight="1" x14ac:dyDescent="0.2">
      <c r="A73" s="31">
        <v>56</v>
      </c>
      <c r="B73" s="27">
        <v>6</v>
      </c>
      <c r="C73" s="28">
        <v>10</v>
      </c>
      <c r="D73" s="29">
        <v>16</v>
      </c>
    </row>
    <row r="74" spans="1:4" ht="18" customHeight="1" x14ac:dyDescent="0.2">
      <c r="A74" s="31">
        <v>57</v>
      </c>
      <c r="B74" s="27">
        <v>7</v>
      </c>
      <c r="C74" s="28">
        <v>4</v>
      </c>
      <c r="D74" s="29">
        <v>11</v>
      </c>
    </row>
    <row r="75" spans="1:4" ht="18" customHeight="1" x14ac:dyDescent="0.2">
      <c r="A75" s="31">
        <v>58</v>
      </c>
      <c r="B75" s="27">
        <v>5</v>
      </c>
      <c r="C75" s="28">
        <v>1</v>
      </c>
      <c r="D75" s="29">
        <v>6</v>
      </c>
    </row>
    <row r="76" spans="1:4" ht="18" customHeight="1" x14ac:dyDescent="0.2">
      <c r="A76" s="31">
        <v>59</v>
      </c>
      <c r="B76" s="27">
        <v>7</v>
      </c>
      <c r="C76" s="28">
        <v>9</v>
      </c>
      <c r="D76" s="29">
        <v>16</v>
      </c>
    </row>
    <row r="77" spans="1:4" ht="18" customHeight="1" x14ac:dyDescent="0.2">
      <c r="A77" s="31" t="s">
        <v>60</v>
      </c>
      <c r="B77" s="27">
        <v>28</v>
      </c>
      <c r="C77" s="28">
        <v>29</v>
      </c>
      <c r="D77" s="29">
        <v>57</v>
      </c>
    </row>
    <row r="78" spans="1:4" ht="18" customHeight="1" x14ac:dyDescent="0.2">
      <c r="A78" s="31">
        <v>60</v>
      </c>
      <c r="B78" s="27">
        <v>4</v>
      </c>
      <c r="C78" s="28">
        <v>6</v>
      </c>
      <c r="D78" s="29">
        <v>10</v>
      </c>
    </row>
    <row r="79" spans="1:4" ht="18" customHeight="1" x14ac:dyDescent="0.2">
      <c r="A79" s="31">
        <v>61</v>
      </c>
      <c r="B79" s="27">
        <v>6</v>
      </c>
      <c r="C79" s="28">
        <v>7</v>
      </c>
      <c r="D79" s="29">
        <v>13</v>
      </c>
    </row>
    <row r="80" spans="1:4" ht="18" customHeight="1" x14ac:dyDescent="0.2">
      <c r="A80" s="31">
        <v>62</v>
      </c>
      <c r="B80" s="27">
        <v>6</v>
      </c>
      <c r="C80" s="28">
        <v>4</v>
      </c>
      <c r="D80" s="29">
        <v>10</v>
      </c>
    </row>
    <row r="81" spans="1:4" ht="18" customHeight="1" x14ac:dyDescent="0.2">
      <c r="A81" s="31">
        <v>63</v>
      </c>
      <c r="B81" s="27">
        <v>3</v>
      </c>
      <c r="C81" s="28">
        <v>4</v>
      </c>
      <c r="D81" s="29">
        <v>7</v>
      </c>
    </row>
    <row r="82" spans="1:4" ht="18" customHeight="1" x14ac:dyDescent="0.2">
      <c r="A82" s="31">
        <v>64</v>
      </c>
      <c r="B82" s="27">
        <v>6</v>
      </c>
      <c r="C82" s="28">
        <v>6</v>
      </c>
      <c r="D82" s="29">
        <v>12</v>
      </c>
    </row>
    <row r="83" spans="1:4" ht="18" customHeight="1" x14ac:dyDescent="0.2">
      <c r="A83" s="31" t="s">
        <v>61</v>
      </c>
      <c r="B83" s="27">
        <v>25</v>
      </c>
      <c r="C83" s="28">
        <v>27</v>
      </c>
      <c r="D83" s="29">
        <v>52</v>
      </c>
    </row>
    <row r="84" spans="1:4" ht="18" customHeight="1" x14ac:dyDescent="0.2">
      <c r="A84" s="31" t="s">
        <v>62</v>
      </c>
      <c r="B84" s="27">
        <v>252</v>
      </c>
      <c r="C84" s="28">
        <v>223</v>
      </c>
      <c r="D84" s="29">
        <v>475</v>
      </c>
    </row>
    <row r="85" spans="1:4" ht="18" customHeight="1" x14ac:dyDescent="0.2">
      <c r="A85" s="31">
        <v>65</v>
      </c>
      <c r="B85" s="27">
        <v>6</v>
      </c>
      <c r="C85" s="28">
        <v>11</v>
      </c>
      <c r="D85" s="29">
        <v>17</v>
      </c>
    </row>
    <row r="86" spans="1:4" ht="18" customHeight="1" x14ac:dyDescent="0.2">
      <c r="A86" s="31">
        <v>66</v>
      </c>
      <c r="B86" s="27">
        <v>12</v>
      </c>
      <c r="C86" s="28">
        <v>9</v>
      </c>
      <c r="D86" s="29">
        <v>21</v>
      </c>
    </row>
    <row r="87" spans="1:4" ht="18" customHeight="1" x14ac:dyDescent="0.2">
      <c r="A87" s="31">
        <v>67</v>
      </c>
      <c r="B87" s="27">
        <v>8</v>
      </c>
      <c r="C87" s="28">
        <v>4</v>
      </c>
      <c r="D87" s="29">
        <v>12</v>
      </c>
    </row>
    <row r="88" spans="1:4" ht="18" customHeight="1" x14ac:dyDescent="0.2">
      <c r="A88" s="31">
        <v>68</v>
      </c>
      <c r="B88" s="27">
        <v>10</v>
      </c>
      <c r="C88" s="28">
        <v>7</v>
      </c>
      <c r="D88" s="29">
        <v>17</v>
      </c>
    </row>
    <row r="89" spans="1:4" ht="18" customHeight="1" x14ac:dyDescent="0.2">
      <c r="A89" s="31">
        <v>69</v>
      </c>
      <c r="B89" s="27">
        <v>8</v>
      </c>
      <c r="C89" s="28">
        <v>10</v>
      </c>
      <c r="D89" s="29">
        <v>18</v>
      </c>
    </row>
    <row r="90" spans="1:4" ht="18" customHeight="1" x14ac:dyDescent="0.2">
      <c r="A90" s="31" t="s">
        <v>63</v>
      </c>
      <c r="B90" s="27">
        <v>44</v>
      </c>
      <c r="C90" s="28">
        <v>41</v>
      </c>
      <c r="D90" s="29">
        <v>85</v>
      </c>
    </row>
    <row r="91" spans="1:4" ht="18" customHeight="1" x14ac:dyDescent="0.2">
      <c r="A91" s="31">
        <v>70</v>
      </c>
      <c r="B91" s="27">
        <v>6</v>
      </c>
      <c r="C91" s="28">
        <v>13</v>
      </c>
      <c r="D91" s="29">
        <v>19</v>
      </c>
    </row>
    <row r="92" spans="1:4" ht="18" customHeight="1" x14ac:dyDescent="0.2">
      <c r="A92" s="31">
        <v>71</v>
      </c>
      <c r="B92" s="27">
        <v>8</v>
      </c>
      <c r="C92" s="28">
        <v>13</v>
      </c>
      <c r="D92" s="29">
        <v>21</v>
      </c>
    </row>
    <row r="93" spans="1:4" ht="18" customHeight="1" x14ac:dyDescent="0.2">
      <c r="A93" s="31">
        <v>72</v>
      </c>
      <c r="B93" s="27">
        <v>7</v>
      </c>
      <c r="C93" s="28">
        <v>11</v>
      </c>
      <c r="D93" s="29">
        <v>18</v>
      </c>
    </row>
    <row r="94" spans="1:4" ht="18" customHeight="1" x14ac:dyDescent="0.2">
      <c r="A94" s="31">
        <v>73</v>
      </c>
      <c r="B94" s="27">
        <v>11</v>
      </c>
      <c r="C94" s="28">
        <v>20</v>
      </c>
      <c r="D94" s="29">
        <v>31</v>
      </c>
    </row>
    <row r="95" spans="1:4" ht="18" customHeight="1" x14ac:dyDescent="0.2">
      <c r="A95" s="31">
        <v>74</v>
      </c>
      <c r="B95" s="27">
        <v>11</v>
      </c>
      <c r="C95" s="28">
        <v>7</v>
      </c>
      <c r="D95" s="29">
        <v>18</v>
      </c>
    </row>
    <row r="96" spans="1:4" ht="18" customHeight="1" x14ac:dyDescent="0.2">
      <c r="A96" s="31" t="s">
        <v>64</v>
      </c>
      <c r="B96" s="27">
        <v>43</v>
      </c>
      <c r="C96" s="28">
        <v>64</v>
      </c>
      <c r="D96" s="29">
        <v>107</v>
      </c>
    </row>
    <row r="97" spans="1:4" ht="18" customHeight="1" x14ac:dyDescent="0.2">
      <c r="A97" s="31">
        <v>75</v>
      </c>
      <c r="B97" s="27">
        <v>8</v>
      </c>
      <c r="C97" s="28">
        <v>4</v>
      </c>
      <c r="D97" s="29">
        <v>12</v>
      </c>
    </row>
    <row r="98" spans="1:4" ht="18" customHeight="1" x14ac:dyDescent="0.2">
      <c r="A98" s="31">
        <v>76</v>
      </c>
      <c r="B98" s="27">
        <v>8</v>
      </c>
      <c r="C98" s="28">
        <v>12</v>
      </c>
      <c r="D98" s="29">
        <v>20</v>
      </c>
    </row>
    <row r="99" spans="1:4" ht="18" customHeight="1" x14ac:dyDescent="0.2">
      <c r="A99" s="31">
        <v>77</v>
      </c>
      <c r="B99" s="27">
        <v>6</v>
      </c>
      <c r="C99" s="28">
        <v>7</v>
      </c>
      <c r="D99" s="29">
        <v>13</v>
      </c>
    </row>
    <row r="100" spans="1:4" ht="18" customHeight="1" x14ac:dyDescent="0.2">
      <c r="A100" s="31">
        <v>78</v>
      </c>
      <c r="B100" s="27">
        <v>7</v>
      </c>
      <c r="C100" s="28">
        <v>9</v>
      </c>
      <c r="D100" s="29">
        <v>16</v>
      </c>
    </row>
    <row r="101" spans="1:4" ht="18" customHeight="1" x14ac:dyDescent="0.2">
      <c r="A101" s="31">
        <v>79</v>
      </c>
      <c r="B101" s="27">
        <v>7</v>
      </c>
      <c r="C101" s="28">
        <v>9</v>
      </c>
      <c r="D101" s="29">
        <v>16</v>
      </c>
    </row>
    <row r="102" spans="1:4" ht="18" customHeight="1" x14ac:dyDescent="0.2">
      <c r="A102" s="31" t="s">
        <v>65</v>
      </c>
      <c r="B102" s="27">
        <v>36</v>
      </c>
      <c r="C102" s="28">
        <v>41</v>
      </c>
      <c r="D102" s="29">
        <v>77</v>
      </c>
    </row>
    <row r="103" spans="1:4" ht="18" customHeight="1" x14ac:dyDescent="0.2">
      <c r="A103" s="31">
        <v>80</v>
      </c>
      <c r="B103" s="27">
        <v>5</v>
      </c>
      <c r="C103" s="28">
        <v>5</v>
      </c>
      <c r="D103" s="29">
        <v>10</v>
      </c>
    </row>
    <row r="104" spans="1:4" ht="18" customHeight="1" x14ac:dyDescent="0.2">
      <c r="A104" s="31">
        <v>81</v>
      </c>
      <c r="B104" s="27">
        <v>4</v>
      </c>
      <c r="C104" s="28">
        <v>7</v>
      </c>
      <c r="D104" s="29">
        <v>11</v>
      </c>
    </row>
    <row r="105" spans="1:4" ht="18" customHeight="1" x14ac:dyDescent="0.2">
      <c r="A105" s="31">
        <v>82</v>
      </c>
      <c r="B105" s="27">
        <v>2</v>
      </c>
      <c r="C105" s="28">
        <v>11</v>
      </c>
      <c r="D105" s="29">
        <v>13</v>
      </c>
    </row>
    <row r="106" spans="1:4" ht="18" customHeight="1" x14ac:dyDescent="0.2">
      <c r="A106" s="31">
        <v>83</v>
      </c>
      <c r="B106" s="27">
        <v>5</v>
      </c>
      <c r="C106" s="28">
        <v>2</v>
      </c>
      <c r="D106" s="29">
        <v>7</v>
      </c>
    </row>
    <row r="107" spans="1:4" ht="18" customHeight="1" x14ac:dyDescent="0.2">
      <c r="A107" s="31">
        <v>84</v>
      </c>
      <c r="B107" s="27">
        <v>6</v>
      </c>
      <c r="C107" s="28">
        <v>7</v>
      </c>
      <c r="D107" s="29">
        <v>13</v>
      </c>
    </row>
    <row r="108" spans="1:4" ht="18" customHeight="1" x14ac:dyDescent="0.2">
      <c r="A108" s="31" t="s">
        <v>66</v>
      </c>
      <c r="B108" s="27">
        <v>22</v>
      </c>
      <c r="C108" s="28">
        <v>32</v>
      </c>
      <c r="D108" s="29">
        <v>54</v>
      </c>
    </row>
    <row r="109" spans="1:4" ht="18" customHeight="1" x14ac:dyDescent="0.2">
      <c r="A109" s="31">
        <v>85</v>
      </c>
      <c r="B109" s="27">
        <v>3</v>
      </c>
      <c r="C109" s="28">
        <v>5</v>
      </c>
      <c r="D109" s="29">
        <v>8</v>
      </c>
    </row>
    <row r="110" spans="1:4" ht="18" customHeight="1" x14ac:dyDescent="0.2">
      <c r="A110" s="31">
        <v>86</v>
      </c>
      <c r="B110" s="27">
        <v>5</v>
      </c>
      <c r="C110" s="28">
        <v>5</v>
      </c>
      <c r="D110" s="29">
        <v>10</v>
      </c>
    </row>
    <row r="111" spans="1:4" ht="18" customHeight="1" x14ac:dyDescent="0.2">
      <c r="A111" s="31">
        <v>87</v>
      </c>
      <c r="B111" s="27">
        <v>6</v>
      </c>
      <c r="C111" s="28">
        <v>8</v>
      </c>
      <c r="D111" s="29">
        <v>14</v>
      </c>
    </row>
    <row r="112" spans="1:4" ht="18" customHeight="1" x14ac:dyDescent="0.2">
      <c r="A112" s="31">
        <v>88</v>
      </c>
      <c r="B112" s="27">
        <v>0</v>
      </c>
      <c r="C112" s="28">
        <v>8</v>
      </c>
      <c r="D112" s="29">
        <v>8</v>
      </c>
    </row>
    <row r="113" spans="1:4" ht="18" customHeight="1" x14ac:dyDescent="0.2">
      <c r="A113" s="31">
        <v>89</v>
      </c>
      <c r="B113" s="27">
        <v>2</v>
      </c>
      <c r="C113" s="28">
        <v>7</v>
      </c>
      <c r="D113" s="29">
        <v>9</v>
      </c>
    </row>
    <row r="114" spans="1:4" ht="18" customHeight="1" x14ac:dyDescent="0.2">
      <c r="A114" s="31" t="s">
        <v>67</v>
      </c>
      <c r="B114" s="27">
        <v>16</v>
      </c>
      <c r="C114" s="28">
        <v>33</v>
      </c>
      <c r="D114" s="29">
        <v>49</v>
      </c>
    </row>
    <row r="115" spans="1:4" ht="18" customHeight="1" x14ac:dyDescent="0.2">
      <c r="A115" s="31">
        <v>90</v>
      </c>
      <c r="B115" s="27">
        <v>2</v>
      </c>
      <c r="C115" s="28">
        <v>4</v>
      </c>
      <c r="D115" s="29">
        <v>6</v>
      </c>
    </row>
    <row r="116" spans="1:4" ht="18" customHeight="1" x14ac:dyDescent="0.2">
      <c r="A116" s="31">
        <v>91</v>
      </c>
      <c r="B116" s="27">
        <v>2</v>
      </c>
      <c r="C116" s="28">
        <v>9</v>
      </c>
      <c r="D116" s="29">
        <v>11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5</v>
      </c>
      <c r="C120" s="28">
        <v>14</v>
      </c>
      <c r="D120" s="29">
        <v>19</v>
      </c>
    </row>
    <row r="121" spans="1:4" ht="18" customHeight="1" x14ac:dyDescent="0.2">
      <c r="A121" s="31">
        <v>95</v>
      </c>
      <c r="B121" s="27">
        <v>2</v>
      </c>
      <c r="C121" s="28">
        <v>2</v>
      </c>
      <c r="D121" s="29">
        <v>4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8</v>
      </c>
      <c r="D126" s="29">
        <v>1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69</v>
      </c>
      <c r="C130" s="5">
        <v>235</v>
      </c>
      <c r="D130" s="6">
        <v>404</v>
      </c>
    </row>
    <row r="131" spans="1:4" ht="18" customHeight="1" x14ac:dyDescent="0.2">
      <c r="A131" s="33" t="s">
        <v>47</v>
      </c>
      <c r="B131" s="7">
        <v>471</v>
      </c>
      <c r="C131" s="8">
        <v>494</v>
      </c>
      <c r="D131" s="9">
        <v>96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E00-000000000000}">
  <sheetPr codeName="Sheet9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1</v>
      </c>
      <c r="C10" s="28">
        <v>1</v>
      </c>
      <c r="D10" s="29">
        <v>2</v>
      </c>
    </row>
    <row r="11" spans="1:4" ht="18" customHeight="1" x14ac:dyDescent="0.2">
      <c r="A11" s="31">
        <v>5</v>
      </c>
      <c r="B11" s="35">
        <v>1</v>
      </c>
      <c r="C11" s="28">
        <v>2</v>
      </c>
      <c r="D11" s="29">
        <v>3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2</v>
      </c>
      <c r="C15" s="28">
        <v>0</v>
      </c>
      <c r="D15" s="29">
        <v>2</v>
      </c>
    </row>
    <row r="16" spans="1:4" ht="18" customHeight="1" x14ac:dyDescent="0.2">
      <c r="A16" s="31" t="s">
        <v>49</v>
      </c>
      <c r="B16" s="27">
        <v>3</v>
      </c>
      <c r="C16" s="28">
        <v>2</v>
      </c>
      <c r="D16" s="29">
        <v>5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2</v>
      </c>
      <c r="C19" s="28">
        <v>3</v>
      </c>
      <c r="D19" s="29">
        <v>5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1</v>
      </c>
      <c r="C21" s="28">
        <v>2</v>
      </c>
      <c r="D21" s="29">
        <v>3</v>
      </c>
    </row>
    <row r="22" spans="1:4" ht="18" customHeight="1" x14ac:dyDescent="0.2">
      <c r="A22" s="31" t="s">
        <v>50</v>
      </c>
      <c r="B22" s="27">
        <v>3</v>
      </c>
      <c r="C22" s="28">
        <v>5</v>
      </c>
      <c r="D22" s="29">
        <v>8</v>
      </c>
    </row>
    <row r="23" spans="1:4" ht="18" customHeight="1" x14ac:dyDescent="0.2">
      <c r="A23" s="31" t="s">
        <v>51</v>
      </c>
      <c r="B23" s="27">
        <v>7</v>
      </c>
      <c r="C23" s="28">
        <v>8</v>
      </c>
      <c r="D23" s="29">
        <v>15</v>
      </c>
    </row>
    <row r="24" spans="1:4" ht="18" customHeight="1" x14ac:dyDescent="0.2">
      <c r="A24" s="31">
        <v>15</v>
      </c>
      <c r="B24" s="27">
        <v>1</v>
      </c>
      <c r="C24" s="28">
        <v>0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1</v>
      </c>
      <c r="C27" s="28">
        <v>0</v>
      </c>
      <c r="D27" s="29">
        <v>1</v>
      </c>
    </row>
    <row r="28" spans="1:4" ht="18" customHeight="1" x14ac:dyDescent="0.2">
      <c r="A28" s="31">
        <v>19</v>
      </c>
      <c r="B28" s="27">
        <v>1</v>
      </c>
      <c r="C28" s="28">
        <v>1</v>
      </c>
      <c r="D28" s="29">
        <v>2</v>
      </c>
    </row>
    <row r="29" spans="1:4" ht="18" customHeight="1" x14ac:dyDescent="0.2">
      <c r="A29" s="31" t="s">
        <v>52</v>
      </c>
      <c r="B29" s="27">
        <v>3</v>
      </c>
      <c r="C29" s="28">
        <v>2</v>
      </c>
      <c r="D29" s="29">
        <v>5</v>
      </c>
    </row>
    <row r="30" spans="1:4" ht="18" customHeight="1" x14ac:dyDescent="0.2">
      <c r="A30" s="31">
        <v>20</v>
      </c>
      <c r="B30" s="27">
        <v>1</v>
      </c>
      <c r="C30" s="28">
        <v>1</v>
      </c>
      <c r="D30" s="29">
        <v>2</v>
      </c>
    </row>
    <row r="31" spans="1:4" ht="18" customHeight="1" x14ac:dyDescent="0.2">
      <c r="A31" s="31">
        <v>21</v>
      </c>
      <c r="B31" s="27">
        <v>0</v>
      </c>
      <c r="C31" s="28">
        <v>3</v>
      </c>
      <c r="D31" s="29">
        <v>3</v>
      </c>
    </row>
    <row r="32" spans="1:4" ht="18" customHeight="1" x14ac:dyDescent="0.2">
      <c r="A32" s="31">
        <v>22</v>
      </c>
      <c r="B32" s="27">
        <v>3</v>
      </c>
      <c r="C32" s="28">
        <v>0</v>
      </c>
      <c r="D32" s="29">
        <v>3</v>
      </c>
    </row>
    <row r="33" spans="1:4" ht="18" customHeight="1" x14ac:dyDescent="0.2">
      <c r="A33" s="31">
        <v>23</v>
      </c>
      <c r="B33" s="27">
        <v>4</v>
      </c>
      <c r="C33" s="28">
        <v>0</v>
      </c>
      <c r="D33" s="29">
        <v>4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8</v>
      </c>
      <c r="C35" s="28">
        <v>4</v>
      </c>
      <c r="D35" s="29">
        <v>12</v>
      </c>
    </row>
    <row r="36" spans="1:4" ht="18" customHeight="1" x14ac:dyDescent="0.2">
      <c r="A36" s="31">
        <v>25</v>
      </c>
      <c r="B36" s="27">
        <v>2</v>
      </c>
      <c r="C36" s="28">
        <v>0</v>
      </c>
      <c r="D36" s="29">
        <v>2</v>
      </c>
    </row>
    <row r="37" spans="1:4" ht="18" customHeight="1" x14ac:dyDescent="0.2">
      <c r="A37" s="31">
        <v>26</v>
      </c>
      <c r="B37" s="27">
        <v>0</v>
      </c>
      <c r="C37" s="28">
        <v>2</v>
      </c>
      <c r="D37" s="29">
        <v>2</v>
      </c>
    </row>
    <row r="38" spans="1:4" ht="18" customHeight="1" x14ac:dyDescent="0.2">
      <c r="A38" s="31">
        <v>27</v>
      </c>
      <c r="B38" s="27">
        <v>0</v>
      </c>
      <c r="C38" s="28">
        <v>3</v>
      </c>
      <c r="D38" s="29">
        <v>3</v>
      </c>
    </row>
    <row r="39" spans="1:4" ht="18" customHeight="1" x14ac:dyDescent="0.2">
      <c r="A39" s="31">
        <v>28</v>
      </c>
      <c r="B39" s="27">
        <v>2</v>
      </c>
      <c r="C39" s="28">
        <v>0</v>
      </c>
      <c r="D39" s="29">
        <v>2</v>
      </c>
    </row>
    <row r="40" spans="1:4" ht="18" customHeight="1" x14ac:dyDescent="0.2">
      <c r="A40" s="31">
        <v>29</v>
      </c>
      <c r="B40" s="27">
        <v>2</v>
      </c>
      <c r="C40" s="28">
        <v>2</v>
      </c>
      <c r="D40" s="29">
        <v>4</v>
      </c>
    </row>
    <row r="41" spans="1:4" ht="18" customHeight="1" x14ac:dyDescent="0.2">
      <c r="A41" s="31" t="s">
        <v>54</v>
      </c>
      <c r="B41" s="27">
        <v>6</v>
      </c>
      <c r="C41" s="28">
        <v>7</v>
      </c>
      <c r="D41" s="29">
        <v>13</v>
      </c>
    </row>
    <row r="42" spans="1:4" ht="18" customHeight="1" x14ac:dyDescent="0.2">
      <c r="A42" s="31">
        <v>30</v>
      </c>
      <c r="B42" s="27">
        <v>0</v>
      </c>
      <c r="C42" s="28">
        <v>1</v>
      </c>
      <c r="D42" s="29">
        <v>1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3</v>
      </c>
      <c r="C44" s="28">
        <v>0</v>
      </c>
      <c r="D44" s="29">
        <v>3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2</v>
      </c>
      <c r="C46" s="28">
        <v>0</v>
      </c>
      <c r="D46" s="29">
        <v>2</v>
      </c>
    </row>
    <row r="47" spans="1:4" ht="18" customHeight="1" x14ac:dyDescent="0.2">
      <c r="A47" s="31" t="s">
        <v>55</v>
      </c>
      <c r="B47" s="27">
        <v>7</v>
      </c>
      <c r="C47" s="28">
        <v>2</v>
      </c>
      <c r="D47" s="29">
        <v>9</v>
      </c>
    </row>
    <row r="48" spans="1:4" ht="18" customHeight="1" x14ac:dyDescent="0.2">
      <c r="A48" s="31">
        <v>35</v>
      </c>
      <c r="B48" s="27">
        <v>2</v>
      </c>
      <c r="C48" s="28">
        <v>1</v>
      </c>
      <c r="D48" s="29">
        <v>3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0</v>
      </c>
      <c r="C50" s="28">
        <v>1</v>
      </c>
      <c r="D50" s="29">
        <v>1</v>
      </c>
    </row>
    <row r="51" spans="1:4" ht="18" customHeight="1" x14ac:dyDescent="0.2">
      <c r="A51" s="31">
        <v>38</v>
      </c>
      <c r="B51" s="27">
        <v>0</v>
      </c>
      <c r="C51" s="28">
        <v>2</v>
      </c>
      <c r="D51" s="29">
        <v>2</v>
      </c>
    </row>
    <row r="52" spans="1:4" ht="18" customHeight="1" x14ac:dyDescent="0.2">
      <c r="A52" s="31">
        <v>39</v>
      </c>
      <c r="B52" s="27">
        <v>1</v>
      </c>
      <c r="C52" s="28">
        <v>0</v>
      </c>
      <c r="D52" s="29">
        <v>1</v>
      </c>
    </row>
    <row r="53" spans="1:4" ht="18" customHeight="1" x14ac:dyDescent="0.2">
      <c r="A53" s="31" t="s">
        <v>56</v>
      </c>
      <c r="B53" s="27">
        <v>4</v>
      </c>
      <c r="C53" s="28">
        <v>4</v>
      </c>
      <c r="D53" s="29">
        <v>8</v>
      </c>
    </row>
    <row r="54" spans="1:4" ht="18" customHeight="1" x14ac:dyDescent="0.2">
      <c r="A54" s="31">
        <v>40</v>
      </c>
      <c r="B54" s="27">
        <v>0</v>
      </c>
      <c r="C54" s="28">
        <v>3</v>
      </c>
      <c r="D54" s="29">
        <v>3</v>
      </c>
    </row>
    <row r="55" spans="1:4" ht="18" customHeight="1" x14ac:dyDescent="0.2">
      <c r="A55" s="31">
        <v>41</v>
      </c>
      <c r="B55" s="27">
        <v>1</v>
      </c>
      <c r="C55" s="28">
        <v>1</v>
      </c>
      <c r="D55" s="29">
        <v>2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1</v>
      </c>
      <c r="C57" s="28">
        <v>0</v>
      </c>
      <c r="D57" s="29">
        <v>1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2</v>
      </c>
      <c r="C59" s="28">
        <v>4</v>
      </c>
      <c r="D59" s="29">
        <v>6</v>
      </c>
    </row>
    <row r="60" spans="1:4" ht="18" customHeight="1" x14ac:dyDescent="0.2">
      <c r="A60" s="31">
        <v>45</v>
      </c>
      <c r="B60" s="27">
        <v>1</v>
      </c>
      <c r="C60" s="28">
        <v>1</v>
      </c>
      <c r="D60" s="29">
        <v>2</v>
      </c>
    </row>
    <row r="61" spans="1:4" ht="18" customHeight="1" x14ac:dyDescent="0.2">
      <c r="A61" s="31">
        <v>46</v>
      </c>
      <c r="B61" s="27">
        <v>0</v>
      </c>
      <c r="C61" s="28">
        <v>2</v>
      </c>
      <c r="D61" s="29">
        <v>2</v>
      </c>
    </row>
    <row r="62" spans="1:4" ht="18" customHeight="1" x14ac:dyDescent="0.2">
      <c r="A62" s="31">
        <v>47</v>
      </c>
      <c r="B62" s="27">
        <v>2</v>
      </c>
      <c r="C62" s="28">
        <v>1</v>
      </c>
      <c r="D62" s="29">
        <v>3</v>
      </c>
    </row>
    <row r="63" spans="1:4" ht="18" customHeight="1" x14ac:dyDescent="0.2">
      <c r="A63" s="31">
        <v>48</v>
      </c>
      <c r="B63" s="27">
        <v>2</v>
      </c>
      <c r="C63" s="28">
        <v>3</v>
      </c>
      <c r="D63" s="29">
        <v>5</v>
      </c>
    </row>
    <row r="64" spans="1:4" ht="18" customHeight="1" x14ac:dyDescent="0.2">
      <c r="A64" s="31">
        <v>49</v>
      </c>
      <c r="B64" s="27">
        <v>1</v>
      </c>
      <c r="C64" s="28">
        <v>3</v>
      </c>
      <c r="D64" s="29">
        <v>4</v>
      </c>
    </row>
    <row r="65" spans="1:4" ht="18" customHeight="1" x14ac:dyDescent="0.2">
      <c r="A65" s="31" t="s">
        <v>58</v>
      </c>
      <c r="B65" s="27">
        <v>6</v>
      </c>
      <c r="C65" s="28">
        <v>10</v>
      </c>
      <c r="D65" s="29">
        <v>16</v>
      </c>
    </row>
    <row r="66" spans="1:4" ht="18" customHeight="1" x14ac:dyDescent="0.2">
      <c r="A66" s="31">
        <v>50</v>
      </c>
      <c r="B66" s="27">
        <v>2</v>
      </c>
      <c r="C66" s="28">
        <v>2</v>
      </c>
      <c r="D66" s="29">
        <v>4</v>
      </c>
    </row>
    <row r="67" spans="1:4" ht="18" customHeight="1" x14ac:dyDescent="0.2">
      <c r="A67" s="31">
        <v>51</v>
      </c>
      <c r="B67" s="27">
        <v>2</v>
      </c>
      <c r="C67" s="28">
        <v>1</v>
      </c>
      <c r="D67" s="29">
        <v>3</v>
      </c>
    </row>
    <row r="68" spans="1:4" ht="18" customHeight="1" x14ac:dyDescent="0.2">
      <c r="A68" s="31">
        <v>52</v>
      </c>
      <c r="B68" s="27">
        <v>2</v>
      </c>
      <c r="C68" s="28">
        <v>2</v>
      </c>
      <c r="D68" s="29">
        <v>4</v>
      </c>
    </row>
    <row r="69" spans="1:4" ht="18" customHeight="1" x14ac:dyDescent="0.2">
      <c r="A69" s="31">
        <v>53</v>
      </c>
      <c r="B69" s="27">
        <v>1</v>
      </c>
      <c r="C69" s="28">
        <v>3</v>
      </c>
      <c r="D69" s="29">
        <v>4</v>
      </c>
    </row>
    <row r="70" spans="1:4" ht="18" customHeight="1" x14ac:dyDescent="0.2">
      <c r="A70" s="31">
        <v>54</v>
      </c>
      <c r="B70" s="27">
        <v>0</v>
      </c>
      <c r="C70" s="28">
        <v>2</v>
      </c>
      <c r="D70" s="29">
        <v>2</v>
      </c>
    </row>
    <row r="71" spans="1:4" ht="18" customHeight="1" x14ac:dyDescent="0.2">
      <c r="A71" s="31" t="s">
        <v>59</v>
      </c>
      <c r="B71" s="27">
        <v>7</v>
      </c>
      <c r="C71" s="28">
        <v>10</v>
      </c>
      <c r="D71" s="29">
        <v>17</v>
      </c>
    </row>
    <row r="72" spans="1:4" ht="18" customHeight="1" x14ac:dyDescent="0.2">
      <c r="A72" s="31">
        <v>55</v>
      </c>
      <c r="B72" s="27">
        <v>1</v>
      </c>
      <c r="C72" s="28">
        <v>1</v>
      </c>
      <c r="D72" s="29">
        <v>2</v>
      </c>
    </row>
    <row r="73" spans="1:4" ht="18" customHeight="1" x14ac:dyDescent="0.2">
      <c r="A73" s="31">
        <v>56</v>
      </c>
      <c r="B73" s="27">
        <v>2</v>
      </c>
      <c r="C73" s="28">
        <v>1</v>
      </c>
      <c r="D73" s="29">
        <v>3</v>
      </c>
    </row>
    <row r="74" spans="1:4" ht="18" customHeight="1" x14ac:dyDescent="0.2">
      <c r="A74" s="31">
        <v>57</v>
      </c>
      <c r="B74" s="27">
        <v>1</v>
      </c>
      <c r="C74" s="28">
        <v>2</v>
      </c>
      <c r="D74" s="29">
        <v>3</v>
      </c>
    </row>
    <row r="75" spans="1:4" ht="18" customHeight="1" x14ac:dyDescent="0.2">
      <c r="A75" s="31">
        <v>58</v>
      </c>
      <c r="B75" s="27">
        <v>2</v>
      </c>
      <c r="C75" s="28">
        <v>1</v>
      </c>
      <c r="D75" s="29">
        <v>3</v>
      </c>
    </row>
    <row r="76" spans="1:4" ht="18" customHeight="1" x14ac:dyDescent="0.2">
      <c r="A76" s="31">
        <v>59</v>
      </c>
      <c r="B76" s="27">
        <v>1</v>
      </c>
      <c r="C76" s="28">
        <v>0</v>
      </c>
      <c r="D76" s="29">
        <v>1</v>
      </c>
    </row>
    <row r="77" spans="1:4" ht="18" customHeight="1" x14ac:dyDescent="0.2">
      <c r="A77" s="31" t="s">
        <v>60</v>
      </c>
      <c r="B77" s="27">
        <v>7</v>
      </c>
      <c r="C77" s="28">
        <v>5</v>
      </c>
      <c r="D77" s="29">
        <v>12</v>
      </c>
    </row>
    <row r="78" spans="1:4" ht="18" customHeight="1" x14ac:dyDescent="0.2">
      <c r="A78" s="31">
        <v>60</v>
      </c>
      <c r="B78" s="27">
        <v>2</v>
      </c>
      <c r="C78" s="28">
        <v>2</v>
      </c>
      <c r="D78" s="29">
        <v>4</v>
      </c>
    </row>
    <row r="79" spans="1:4" ht="18" customHeight="1" x14ac:dyDescent="0.2">
      <c r="A79" s="31">
        <v>61</v>
      </c>
      <c r="B79" s="27">
        <v>1</v>
      </c>
      <c r="C79" s="28">
        <v>3</v>
      </c>
      <c r="D79" s="29">
        <v>4</v>
      </c>
    </row>
    <row r="80" spans="1:4" ht="18" customHeight="1" x14ac:dyDescent="0.2">
      <c r="A80" s="31">
        <v>62</v>
      </c>
      <c r="B80" s="27">
        <v>3</v>
      </c>
      <c r="C80" s="28">
        <v>4</v>
      </c>
      <c r="D80" s="29">
        <v>7</v>
      </c>
    </row>
    <row r="81" spans="1:4" ht="18" customHeight="1" x14ac:dyDescent="0.2">
      <c r="A81" s="31">
        <v>63</v>
      </c>
      <c r="B81" s="27">
        <v>3</v>
      </c>
      <c r="C81" s="28">
        <v>3</v>
      </c>
      <c r="D81" s="29">
        <v>6</v>
      </c>
    </row>
    <row r="82" spans="1:4" ht="18" customHeight="1" x14ac:dyDescent="0.2">
      <c r="A82" s="31">
        <v>64</v>
      </c>
      <c r="B82" s="27">
        <v>1</v>
      </c>
      <c r="C82" s="28">
        <v>2</v>
      </c>
      <c r="D82" s="29">
        <v>3</v>
      </c>
    </row>
    <row r="83" spans="1:4" ht="18" customHeight="1" x14ac:dyDescent="0.2">
      <c r="A83" s="31" t="s">
        <v>61</v>
      </c>
      <c r="B83" s="27">
        <v>10</v>
      </c>
      <c r="C83" s="28">
        <v>14</v>
      </c>
      <c r="D83" s="29">
        <v>24</v>
      </c>
    </row>
    <row r="84" spans="1:4" ht="18" customHeight="1" x14ac:dyDescent="0.2">
      <c r="A84" s="31" t="s">
        <v>62</v>
      </c>
      <c r="B84" s="27">
        <v>60</v>
      </c>
      <c r="C84" s="28">
        <v>62</v>
      </c>
      <c r="D84" s="29">
        <v>122</v>
      </c>
    </row>
    <row r="85" spans="1:4" ht="18" customHeight="1" x14ac:dyDescent="0.2">
      <c r="A85" s="31">
        <v>65</v>
      </c>
      <c r="B85" s="27">
        <v>4</v>
      </c>
      <c r="C85" s="28">
        <v>3</v>
      </c>
      <c r="D85" s="29">
        <v>7</v>
      </c>
    </row>
    <row r="86" spans="1:4" ht="18" customHeight="1" x14ac:dyDescent="0.2">
      <c r="A86" s="31">
        <v>66</v>
      </c>
      <c r="B86" s="27">
        <v>4</v>
      </c>
      <c r="C86" s="28">
        <v>5</v>
      </c>
      <c r="D86" s="29">
        <v>9</v>
      </c>
    </row>
    <row r="87" spans="1:4" ht="18" customHeight="1" x14ac:dyDescent="0.2">
      <c r="A87" s="31">
        <v>67</v>
      </c>
      <c r="B87" s="27">
        <v>1</v>
      </c>
      <c r="C87" s="28">
        <v>1</v>
      </c>
      <c r="D87" s="29">
        <v>2</v>
      </c>
    </row>
    <row r="88" spans="1:4" ht="18" customHeight="1" x14ac:dyDescent="0.2">
      <c r="A88" s="31">
        <v>68</v>
      </c>
      <c r="B88" s="27">
        <v>2</v>
      </c>
      <c r="C88" s="28">
        <v>2</v>
      </c>
      <c r="D88" s="29">
        <v>4</v>
      </c>
    </row>
    <row r="89" spans="1:4" ht="18" customHeight="1" x14ac:dyDescent="0.2">
      <c r="A89" s="31">
        <v>69</v>
      </c>
      <c r="B89" s="27">
        <v>5</v>
      </c>
      <c r="C89" s="28">
        <v>3</v>
      </c>
      <c r="D89" s="29">
        <v>8</v>
      </c>
    </row>
    <row r="90" spans="1:4" ht="18" customHeight="1" x14ac:dyDescent="0.2">
      <c r="A90" s="31" t="s">
        <v>63</v>
      </c>
      <c r="B90" s="27">
        <v>16</v>
      </c>
      <c r="C90" s="28">
        <v>14</v>
      </c>
      <c r="D90" s="29">
        <v>30</v>
      </c>
    </row>
    <row r="91" spans="1:4" ht="18" customHeight="1" x14ac:dyDescent="0.2">
      <c r="A91" s="31">
        <v>70</v>
      </c>
      <c r="B91" s="27">
        <v>2</v>
      </c>
      <c r="C91" s="28">
        <v>3</v>
      </c>
      <c r="D91" s="29">
        <v>5</v>
      </c>
    </row>
    <row r="92" spans="1:4" ht="18" customHeight="1" x14ac:dyDescent="0.2">
      <c r="A92" s="31">
        <v>71</v>
      </c>
      <c r="B92" s="27">
        <v>5</v>
      </c>
      <c r="C92" s="28">
        <v>3</v>
      </c>
      <c r="D92" s="29">
        <v>8</v>
      </c>
    </row>
    <row r="93" spans="1:4" ht="18" customHeight="1" x14ac:dyDescent="0.2">
      <c r="A93" s="31">
        <v>72</v>
      </c>
      <c r="B93" s="27">
        <v>5</v>
      </c>
      <c r="C93" s="28">
        <v>3</v>
      </c>
      <c r="D93" s="29">
        <v>8</v>
      </c>
    </row>
    <row r="94" spans="1:4" ht="18" customHeight="1" x14ac:dyDescent="0.2">
      <c r="A94" s="31">
        <v>73</v>
      </c>
      <c r="B94" s="27">
        <v>2</v>
      </c>
      <c r="C94" s="28">
        <v>2</v>
      </c>
      <c r="D94" s="29">
        <v>4</v>
      </c>
    </row>
    <row r="95" spans="1:4" ht="18" customHeight="1" x14ac:dyDescent="0.2">
      <c r="A95" s="31">
        <v>74</v>
      </c>
      <c r="B95" s="27">
        <v>1</v>
      </c>
      <c r="C95" s="28">
        <v>2</v>
      </c>
      <c r="D95" s="29">
        <v>3</v>
      </c>
    </row>
    <row r="96" spans="1:4" ht="18" customHeight="1" x14ac:dyDescent="0.2">
      <c r="A96" s="31" t="s">
        <v>64</v>
      </c>
      <c r="B96" s="27">
        <v>15</v>
      </c>
      <c r="C96" s="28">
        <v>13</v>
      </c>
      <c r="D96" s="29">
        <v>28</v>
      </c>
    </row>
    <row r="97" spans="1:4" ht="18" customHeight="1" x14ac:dyDescent="0.2">
      <c r="A97" s="31">
        <v>75</v>
      </c>
      <c r="B97" s="27">
        <v>4</v>
      </c>
      <c r="C97" s="28">
        <v>3</v>
      </c>
      <c r="D97" s="29">
        <v>7</v>
      </c>
    </row>
    <row r="98" spans="1:4" ht="18" customHeight="1" x14ac:dyDescent="0.2">
      <c r="A98" s="31">
        <v>76</v>
      </c>
      <c r="B98" s="27">
        <v>3</v>
      </c>
      <c r="C98" s="28">
        <v>2</v>
      </c>
      <c r="D98" s="29">
        <v>5</v>
      </c>
    </row>
    <row r="99" spans="1:4" ht="18" customHeight="1" x14ac:dyDescent="0.2">
      <c r="A99" s="31">
        <v>77</v>
      </c>
      <c r="B99" s="27">
        <v>3</v>
      </c>
      <c r="C99" s="28">
        <v>3</v>
      </c>
      <c r="D99" s="29">
        <v>6</v>
      </c>
    </row>
    <row r="100" spans="1:4" ht="18" customHeight="1" x14ac:dyDescent="0.2">
      <c r="A100" s="31">
        <v>78</v>
      </c>
      <c r="B100" s="27">
        <v>1</v>
      </c>
      <c r="C100" s="28">
        <v>3</v>
      </c>
      <c r="D100" s="29">
        <v>4</v>
      </c>
    </row>
    <row r="101" spans="1:4" ht="18" customHeight="1" x14ac:dyDescent="0.2">
      <c r="A101" s="31">
        <v>79</v>
      </c>
      <c r="B101" s="27">
        <v>4</v>
      </c>
      <c r="C101" s="28">
        <v>3</v>
      </c>
      <c r="D101" s="29">
        <v>7</v>
      </c>
    </row>
    <row r="102" spans="1:4" ht="18" customHeight="1" x14ac:dyDescent="0.2">
      <c r="A102" s="31" t="s">
        <v>65</v>
      </c>
      <c r="B102" s="27">
        <v>15</v>
      </c>
      <c r="C102" s="28">
        <v>14</v>
      </c>
      <c r="D102" s="29">
        <v>29</v>
      </c>
    </row>
    <row r="103" spans="1:4" ht="18" customHeight="1" x14ac:dyDescent="0.2">
      <c r="A103" s="31">
        <v>80</v>
      </c>
      <c r="B103" s="27">
        <v>1</v>
      </c>
      <c r="C103" s="28">
        <v>4</v>
      </c>
      <c r="D103" s="29">
        <v>5</v>
      </c>
    </row>
    <row r="104" spans="1:4" ht="18" customHeight="1" x14ac:dyDescent="0.2">
      <c r="A104" s="31">
        <v>81</v>
      </c>
      <c r="B104" s="27">
        <v>1</v>
      </c>
      <c r="C104" s="28">
        <v>1</v>
      </c>
      <c r="D104" s="29">
        <v>2</v>
      </c>
    </row>
    <row r="105" spans="1:4" ht="18" customHeight="1" x14ac:dyDescent="0.2">
      <c r="A105" s="31">
        <v>82</v>
      </c>
      <c r="B105" s="27">
        <v>4</v>
      </c>
      <c r="C105" s="28">
        <v>5</v>
      </c>
      <c r="D105" s="29">
        <v>9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2</v>
      </c>
      <c r="C107" s="28">
        <v>1</v>
      </c>
      <c r="D107" s="29">
        <v>3</v>
      </c>
    </row>
    <row r="108" spans="1:4" ht="18" customHeight="1" x14ac:dyDescent="0.2">
      <c r="A108" s="31" t="s">
        <v>66</v>
      </c>
      <c r="B108" s="27">
        <v>8</v>
      </c>
      <c r="C108" s="28">
        <v>11</v>
      </c>
      <c r="D108" s="29">
        <v>19</v>
      </c>
    </row>
    <row r="109" spans="1:4" ht="18" customHeight="1" x14ac:dyDescent="0.2">
      <c r="A109" s="31">
        <v>85</v>
      </c>
      <c r="B109" s="27">
        <v>0</v>
      </c>
      <c r="C109" s="28">
        <v>3</v>
      </c>
      <c r="D109" s="29">
        <v>3</v>
      </c>
    </row>
    <row r="110" spans="1:4" ht="18" customHeight="1" x14ac:dyDescent="0.2">
      <c r="A110" s="31">
        <v>86</v>
      </c>
      <c r="B110" s="27">
        <v>2</v>
      </c>
      <c r="C110" s="28">
        <v>1</v>
      </c>
      <c r="D110" s="29">
        <v>3</v>
      </c>
    </row>
    <row r="111" spans="1:4" ht="18" customHeight="1" x14ac:dyDescent="0.2">
      <c r="A111" s="31">
        <v>87</v>
      </c>
      <c r="B111" s="27">
        <v>1</v>
      </c>
      <c r="C111" s="28">
        <v>5</v>
      </c>
      <c r="D111" s="29">
        <v>6</v>
      </c>
    </row>
    <row r="112" spans="1:4" ht="18" customHeight="1" x14ac:dyDescent="0.2">
      <c r="A112" s="31">
        <v>88</v>
      </c>
      <c r="B112" s="27">
        <v>2</v>
      </c>
      <c r="C112" s="28">
        <v>5</v>
      </c>
      <c r="D112" s="29">
        <v>7</v>
      </c>
    </row>
    <row r="113" spans="1:4" ht="18" customHeight="1" x14ac:dyDescent="0.2">
      <c r="A113" s="31">
        <v>89</v>
      </c>
      <c r="B113" s="27">
        <v>0</v>
      </c>
      <c r="C113" s="28">
        <v>3</v>
      </c>
      <c r="D113" s="29">
        <v>3</v>
      </c>
    </row>
    <row r="114" spans="1:4" ht="18" customHeight="1" x14ac:dyDescent="0.2">
      <c r="A114" s="31" t="s">
        <v>67</v>
      </c>
      <c r="B114" s="27">
        <v>5</v>
      </c>
      <c r="C114" s="28">
        <v>17</v>
      </c>
      <c r="D114" s="29">
        <v>22</v>
      </c>
    </row>
    <row r="115" spans="1:4" ht="18" customHeight="1" x14ac:dyDescent="0.2">
      <c r="A115" s="31">
        <v>90</v>
      </c>
      <c r="B115" s="27">
        <v>1</v>
      </c>
      <c r="C115" s="28">
        <v>0</v>
      </c>
      <c r="D115" s="29">
        <v>1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1</v>
      </c>
      <c r="C119" s="28">
        <v>3</v>
      </c>
      <c r="D119" s="29">
        <v>4</v>
      </c>
    </row>
    <row r="120" spans="1:4" ht="18" customHeight="1" x14ac:dyDescent="0.2">
      <c r="A120" s="31" t="s">
        <v>68</v>
      </c>
      <c r="B120" s="27">
        <v>3</v>
      </c>
      <c r="C120" s="28">
        <v>7</v>
      </c>
      <c r="D120" s="29">
        <v>10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4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62</v>
      </c>
      <c r="C130" s="5">
        <v>80</v>
      </c>
      <c r="D130" s="6">
        <v>142</v>
      </c>
    </row>
    <row r="131" spans="1:4" ht="18" customHeight="1" x14ac:dyDescent="0.2">
      <c r="A131" s="33" t="s">
        <v>47</v>
      </c>
      <c r="B131" s="7">
        <v>129</v>
      </c>
      <c r="C131" s="8">
        <v>150</v>
      </c>
      <c r="D131" s="9">
        <v>27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1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5</v>
      </c>
      <c r="D5" s="13">
        <v>13</v>
      </c>
    </row>
    <row r="6" spans="1:4" ht="18" customHeight="1" x14ac:dyDescent="0.2">
      <c r="A6" s="14">
        <v>1</v>
      </c>
      <c r="B6" s="15">
        <v>13</v>
      </c>
      <c r="C6" s="16">
        <v>11</v>
      </c>
      <c r="D6" s="17">
        <v>24</v>
      </c>
    </row>
    <row r="7" spans="1:4" ht="18" customHeight="1" x14ac:dyDescent="0.2">
      <c r="A7" s="14">
        <v>2</v>
      </c>
      <c r="B7" s="15">
        <v>2</v>
      </c>
      <c r="C7" s="16">
        <v>3</v>
      </c>
      <c r="D7" s="17">
        <v>5</v>
      </c>
    </row>
    <row r="8" spans="1:4" ht="18" customHeight="1" x14ac:dyDescent="0.2">
      <c r="A8" s="14">
        <v>3</v>
      </c>
      <c r="B8" s="15">
        <v>7</v>
      </c>
      <c r="C8" s="16">
        <v>8</v>
      </c>
      <c r="D8" s="17">
        <v>15</v>
      </c>
    </row>
    <row r="9" spans="1:4" ht="18" customHeight="1" x14ac:dyDescent="0.2">
      <c r="A9" s="14">
        <v>4</v>
      </c>
      <c r="B9" s="15">
        <v>10</v>
      </c>
      <c r="C9" s="16">
        <v>9</v>
      </c>
      <c r="D9" s="17">
        <v>19</v>
      </c>
    </row>
    <row r="10" spans="1:4" ht="18" customHeight="1" x14ac:dyDescent="0.2">
      <c r="A10" s="18" t="s">
        <v>48</v>
      </c>
      <c r="B10" s="15">
        <v>40</v>
      </c>
      <c r="C10" s="16">
        <v>36</v>
      </c>
      <c r="D10" s="17">
        <v>76</v>
      </c>
    </row>
    <row r="11" spans="1:4" ht="18" customHeight="1" x14ac:dyDescent="0.2">
      <c r="A11" s="14">
        <v>5</v>
      </c>
      <c r="B11" s="15">
        <v>7</v>
      </c>
      <c r="C11" s="16">
        <v>6</v>
      </c>
      <c r="D11" s="17">
        <v>13</v>
      </c>
    </row>
    <row r="12" spans="1:4" ht="18" customHeight="1" x14ac:dyDescent="0.2">
      <c r="A12" s="14">
        <v>6</v>
      </c>
      <c r="B12" s="15">
        <v>1</v>
      </c>
      <c r="C12" s="16">
        <v>12</v>
      </c>
      <c r="D12" s="17">
        <v>13</v>
      </c>
    </row>
    <row r="13" spans="1:4" ht="18" customHeight="1" x14ac:dyDescent="0.2">
      <c r="A13" s="14">
        <v>7</v>
      </c>
      <c r="B13" s="15">
        <v>6</v>
      </c>
      <c r="C13" s="16">
        <v>4</v>
      </c>
      <c r="D13" s="17">
        <v>10</v>
      </c>
    </row>
    <row r="14" spans="1:4" ht="18" customHeight="1" x14ac:dyDescent="0.2">
      <c r="A14" s="14">
        <v>8</v>
      </c>
      <c r="B14" s="15">
        <v>8</v>
      </c>
      <c r="C14" s="16">
        <v>4</v>
      </c>
      <c r="D14" s="17">
        <v>12</v>
      </c>
    </row>
    <row r="15" spans="1:4" ht="18" customHeight="1" x14ac:dyDescent="0.2">
      <c r="A15" s="14">
        <v>9</v>
      </c>
      <c r="B15" s="15">
        <v>11</v>
      </c>
      <c r="C15" s="16">
        <v>1</v>
      </c>
      <c r="D15" s="17">
        <v>12</v>
      </c>
    </row>
    <row r="16" spans="1:4" ht="18" customHeight="1" x14ac:dyDescent="0.2">
      <c r="A16" s="18" t="s">
        <v>49</v>
      </c>
      <c r="B16" s="15">
        <v>33</v>
      </c>
      <c r="C16" s="16">
        <v>27</v>
      </c>
      <c r="D16" s="17">
        <v>60</v>
      </c>
    </row>
    <row r="17" spans="1:4" ht="18" customHeight="1" x14ac:dyDescent="0.2">
      <c r="A17" s="14">
        <v>10</v>
      </c>
      <c r="B17" s="15">
        <v>8</v>
      </c>
      <c r="C17" s="16">
        <v>9</v>
      </c>
      <c r="D17" s="17">
        <v>17</v>
      </c>
    </row>
    <row r="18" spans="1:4" ht="18" customHeight="1" x14ac:dyDescent="0.2">
      <c r="A18" s="14">
        <v>11</v>
      </c>
      <c r="B18" s="15">
        <v>8</v>
      </c>
      <c r="C18" s="16">
        <v>7</v>
      </c>
      <c r="D18" s="17">
        <v>15</v>
      </c>
    </row>
    <row r="19" spans="1:4" ht="18" customHeight="1" x14ac:dyDescent="0.2">
      <c r="A19" s="14">
        <v>12</v>
      </c>
      <c r="B19" s="15">
        <v>11</v>
      </c>
      <c r="C19" s="16">
        <v>5</v>
      </c>
      <c r="D19" s="17">
        <v>16</v>
      </c>
    </row>
    <row r="20" spans="1:4" ht="18" customHeight="1" x14ac:dyDescent="0.2">
      <c r="A20" s="14">
        <v>13</v>
      </c>
      <c r="B20" s="15">
        <v>5</v>
      </c>
      <c r="C20" s="16">
        <v>7</v>
      </c>
      <c r="D20" s="17">
        <v>12</v>
      </c>
    </row>
    <row r="21" spans="1:4" ht="18" customHeight="1" x14ac:dyDescent="0.2">
      <c r="A21" s="14">
        <v>14</v>
      </c>
      <c r="B21" s="15">
        <v>4</v>
      </c>
      <c r="C21" s="16">
        <v>7</v>
      </c>
      <c r="D21" s="17">
        <v>11</v>
      </c>
    </row>
    <row r="22" spans="1:4" ht="18" customHeight="1" x14ac:dyDescent="0.2">
      <c r="A22" s="18" t="s">
        <v>50</v>
      </c>
      <c r="B22" s="15">
        <v>36</v>
      </c>
      <c r="C22" s="16">
        <v>35</v>
      </c>
      <c r="D22" s="17">
        <v>71</v>
      </c>
    </row>
    <row r="23" spans="1:4" ht="18" customHeight="1" x14ac:dyDescent="0.2">
      <c r="A23" s="18" t="s">
        <v>51</v>
      </c>
      <c r="B23" s="15">
        <v>109</v>
      </c>
      <c r="C23" s="16">
        <v>98</v>
      </c>
      <c r="D23" s="17">
        <v>207</v>
      </c>
    </row>
    <row r="24" spans="1:4" ht="18" customHeight="1" x14ac:dyDescent="0.2">
      <c r="A24" s="14">
        <v>15</v>
      </c>
      <c r="B24" s="15">
        <v>11</v>
      </c>
      <c r="C24" s="16">
        <v>11</v>
      </c>
      <c r="D24" s="17">
        <v>22</v>
      </c>
    </row>
    <row r="25" spans="1:4" ht="18" customHeight="1" x14ac:dyDescent="0.2">
      <c r="A25" s="14">
        <v>16</v>
      </c>
      <c r="B25" s="15">
        <v>7</v>
      </c>
      <c r="C25" s="16">
        <v>10</v>
      </c>
      <c r="D25" s="17">
        <v>17</v>
      </c>
    </row>
    <row r="26" spans="1:4" ht="18" customHeight="1" x14ac:dyDescent="0.2">
      <c r="A26" s="14">
        <v>17</v>
      </c>
      <c r="B26" s="15">
        <v>9</v>
      </c>
      <c r="C26" s="16">
        <v>3</v>
      </c>
      <c r="D26" s="17">
        <v>12</v>
      </c>
    </row>
    <row r="27" spans="1:4" ht="18" customHeight="1" x14ac:dyDescent="0.2">
      <c r="A27" s="14">
        <v>18</v>
      </c>
      <c r="B27" s="15">
        <v>12</v>
      </c>
      <c r="C27" s="16">
        <v>4</v>
      </c>
      <c r="D27" s="17">
        <v>16</v>
      </c>
    </row>
    <row r="28" spans="1:4" ht="18" customHeight="1" x14ac:dyDescent="0.2">
      <c r="A28" s="14">
        <v>19</v>
      </c>
      <c r="B28" s="15">
        <v>11</v>
      </c>
      <c r="C28" s="16">
        <v>7</v>
      </c>
      <c r="D28" s="17">
        <v>18</v>
      </c>
    </row>
    <row r="29" spans="1:4" ht="18" customHeight="1" x14ac:dyDescent="0.2">
      <c r="A29" s="18" t="s">
        <v>52</v>
      </c>
      <c r="B29" s="15">
        <v>50</v>
      </c>
      <c r="C29" s="16">
        <v>35</v>
      </c>
      <c r="D29" s="17">
        <v>85</v>
      </c>
    </row>
    <row r="30" spans="1:4" ht="18" customHeight="1" x14ac:dyDescent="0.2">
      <c r="A30" s="14">
        <v>20</v>
      </c>
      <c r="B30" s="15">
        <v>6</v>
      </c>
      <c r="C30" s="16">
        <v>8</v>
      </c>
      <c r="D30" s="17">
        <v>14</v>
      </c>
    </row>
    <row r="31" spans="1:4" ht="18" customHeight="1" x14ac:dyDescent="0.2">
      <c r="A31" s="14">
        <v>21</v>
      </c>
      <c r="B31" s="15">
        <v>8</v>
      </c>
      <c r="C31" s="16">
        <v>7</v>
      </c>
      <c r="D31" s="17">
        <v>15</v>
      </c>
    </row>
    <row r="32" spans="1:4" ht="18" customHeight="1" x14ac:dyDescent="0.2">
      <c r="A32" s="14">
        <v>22</v>
      </c>
      <c r="B32" s="15">
        <v>7</v>
      </c>
      <c r="C32" s="16">
        <v>5</v>
      </c>
      <c r="D32" s="17">
        <v>12</v>
      </c>
    </row>
    <row r="33" spans="1:4" ht="18" customHeight="1" x14ac:dyDescent="0.2">
      <c r="A33" s="14">
        <v>23</v>
      </c>
      <c r="B33" s="15">
        <v>16</v>
      </c>
      <c r="C33" s="16">
        <v>4</v>
      </c>
      <c r="D33" s="17">
        <v>20</v>
      </c>
    </row>
    <row r="34" spans="1:4" ht="18" customHeight="1" x14ac:dyDescent="0.2">
      <c r="A34" s="14">
        <v>24</v>
      </c>
      <c r="B34" s="15">
        <v>14</v>
      </c>
      <c r="C34" s="16">
        <v>15</v>
      </c>
      <c r="D34" s="17">
        <v>29</v>
      </c>
    </row>
    <row r="35" spans="1:4" ht="18" customHeight="1" x14ac:dyDescent="0.2">
      <c r="A35" s="18" t="s">
        <v>53</v>
      </c>
      <c r="B35" s="15">
        <v>51</v>
      </c>
      <c r="C35" s="16">
        <v>39</v>
      </c>
      <c r="D35" s="17">
        <v>90</v>
      </c>
    </row>
    <row r="36" spans="1:4" ht="18" customHeight="1" x14ac:dyDescent="0.2">
      <c r="A36" s="14">
        <v>25</v>
      </c>
      <c r="B36" s="15">
        <v>13</v>
      </c>
      <c r="C36" s="16">
        <v>10</v>
      </c>
      <c r="D36" s="17">
        <v>23</v>
      </c>
    </row>
    <row r="37" spans="1:4" ht="18" customHeight="1" x14ac:dyDescent="0.2">
      <c r="A37" s="14">
        <v>26</v>
      </c>
      <c r="B37" s="15">
        <v>15</v>
      </c>
      <c r="C37" s="16">
        <v>9</v>
      </c>
      <c r="D37" s="17">
        <v>24</v>
      </c>
    </row>
    <row r="38" spans="1:4" ht="18" customHeight="1" x14ac:dyDescent="0.2">
      <c r="A38" s="14">
        <v>27</v>
      </c>
      <c r="B38" s="15">
        <v>10</v>
      </c>
      <c r="C38" s="16">
        <v>8</v>
      </c>
      <c r="D38" s="17">
        <v>18</v>
      </c>
    </row>
    <row r="39" spans="1:4" ht="18" customHeight="1" x14ac:dyDescent="0.2">
      <c r="A39" s="14">
        <v>28</v>
      </c>
      <c r="B39" s="15">
        <v>8</v>
      </c>
      <c r="C39" s="16">
        <v>15</v>
      </c>
      <c r="D39" s="17">
        <v>23</v>
      </c>
    </row>
    <row r="40" spans="1:4" ht="18" customHeight="1" x14ac:dyDescent="0.2">
      <c r="A40" s="14">
        <v>29</v>
      </c>
      <c r="B40" s="15">
        <v>13</v>
      </c>
      <c r="C40" s="16">
        <v>8</v>
      </c>
      <c r="D40" s="17">
        <v>21</v>
      </c>
    </row>
    <row r="41" spans="1:4" ht="18" customHeight="1" x14ac:dyDescent="0.2">
      <c r="A41" s="18" t="s">
        <v>54</v>
      </c>
      <c r="B41" s="15">
        <v>59</v>
      </c>
      <c r="C41" s="16">
        <v>50</v>
      </c>
      <c r="D41" s="17">
        <v>109</v>
      </c>
    </row>
    <row r="42" spans="1:4" ht="18" customHeight="1" x14ac:dyDescent="0.2">
      <c r="A42" s="14">
        <v>30</v>
      </c>
      <c r="B42" s="15">
        <v>16</v>
      </c>
      <c r="C42" s="16">
        <v>6</v>
      </c>
      <c r="D42" s="17">
        <v>22</v>
      </c>
    </row>
    <row r="43" spans="1:4" ht="18" customHeight="1" x14ac:dyDescent="0.2">
      <c r="A43" s="14">
        <v>31</v>
      </c>
      <c r="B43" s="15">
        <v>8</v>
      </c>
      <c r="C43" s="16">
        <v>15</v>
      </c>
      <c r="D43" s="17">
        <v>23</v>
      </c>
    </row>
    <row r="44" spans="1:4" ht="18" customHeight="1" x14ac:dyDescent="0.2">
      <c r="A44" s="14">
        <v>32</v>
      </c>
      <c r="B44" s="15">
        <v>9</v>
      </c>
      <c r="C44" s="16">
        <v>10</v>
      </c>
      <c r="D44" s="17">
        <v>19</v>
      </c>
    </row>
    <row r="45" spans="1:4" ht="18" customHeight="1" x14ac:dyDescent="0.2">
      <c r="A45" s="14">
        <v>33</v>
      </c>
      <c r="B45" s="15">
        <v>18</v>
      </c>
      <c r="C45" s="16">
        <v>16</v>
      </c>
      <c r="D45" s="17">
        <v>34</v>
      </c>
    </row>
    <row r="46" spans="1:4" ht="18" customHeight="1" x14ac:dyDescent="0.2">
      <c r="A46" s="14">
        <v>34</v>
      </c>
      <c r="B46" s="15">
        <v>15</v>
      </c>
      <c r="C46" s="16">
        <v>12</v>
      </c>
      <c r="D46" s="17">
        <v>27</v>
      </c>
    </row>
    <row r="47" spans="1:4" ht="18" customHeight="1" x14ac:dyDescent="0.2">
      <c r="A47" s="18" t="s">
        <v>55</v>
      </c>
      <c r="B47" s="15">
        <v>66</v>
      </c>
      <c r="C47" s="16">
        <v>59</v>
      </c>
      <c r="D47" s="17">
        <v>125</v>
      </c>
    </row>
    <row r="48" spans="1:4" ht="18" customHeight="1" x14ac:dyDescent="0.2">
      <c r="A48" s="14">
        <v>35</v>
      </c>
      <c r="B48" s="15">
        <v>11</v>
      </c>
      <c r="C48" s="16">
        <v>12</v>
      </c>
      <c r="D48" s="17">
        <v>23</v>
      </c>
    </row>
    <row r="49" spans="1:4" ht="18" customHeight="1" x14ac:dyDescent="0.2">
      <c r="A49" s="14">
        <v>36</v>
      </c>
      <c r="B49" s="15">
        <v>12</v>
      </c>
      <c r="C49" s="16">
        <v>12</v>
      </c>
      <c r="D49" s="17">
        <v>24</v>
      </c>
    </row>
    <row r="50" spans="1:4" ht="18" customHeight="1" x14ac:dyDescent="0.2">
      <c r="A50" s="14">
        <v>37</v>
      </c>
      <c r="B50" s="15">
        <v>12</v>
      </c>
      <c r="C50" s="16">
        <v>15</v>
      </c>
      <c r="D50" s="17">
        <v>27</v>
      </c>
    </row>
    <row r="51" spans="1:4" ht="18" customHeight="1" x14ac:dyDescent="0.2">
      <c r="A51" s="14">
        <v>38</v>
      </c>
      <c r="B51" s="15">
        <v>11</v>
      </c>
      <c r="C51" s="16">
        <v>16</v>
      </c>
      <c r="D51" s="17">
        <v>27</v>
      </c>
    </row>
    <row r="52" spans="1:4" ht="18" customHeight="1" x14ac:dyDescent="0.2">
      <c r="A52" s="14">
        <v>39</v>
      </c>
      <c r="B52" s="15">
        <v>13</v>
      </c>
      <c r="C52" s="16">
        <v>13</v>
      </c>
      <c r="D52" s="17">
        <v>26</v>
      </c>
    </row>
    <row r="53" spans="1:4" ht="18" customHeight="1" x14ac:dyDescent="0.2">
      <c r="A53" s="18" t="s">
        <v>56</v>
      </c>
      <c r="B53" s="15">
        <v>59</v>
      </c>
      <c r="C53" s="16">
        <v>68</v>
      </c>
      <c r="D53" s="17">
        <v>127</v>
      </c>
    </row>
    <row r="54" spans="1:4" ht="18" customHeight="1" x14ac:dyDescent="0.2">
      <c r="A54" s="14">
        <v>40</v>
      </c>
      <c r="B54" s="15">
        <v>10</v>
      </c>
      <c r="C54" s="16">
        <v>10</v>
      </c>
      <c r="D54" s="17">
        <v>20</v>
      </c>
    </row>
    <row r="55" spans="1:4" ht="18" customHeight="1" x14ac:dyDescent="0.2">
      <c r="A55" s="14">
        <v>41</v>
      </c>
      <c r="B55" s="15">
        <v>12</v>
      </c>
      <c r="C55" s="16">
        <v>6</v>
      </c>
      <c r="D55" s="17">
        <v>18</v>
      </c>
    </row>
    <row r="56" spans="1:4" ht="18" customHeight="1" x14ac:dyDescent="0.2">
      <c r="A56" s="14">
        <v>42</v>
      </c>
      <c r="B56" s="15">
        <v>11</v>
      </c>
      <c r="C56" s="16">
        <v>8</v>
      </c>
      <c r="D56" s="17">
        <v>19</v>
      </c>
    </row>
    <row r="57" spans="1:4" ht="18" customHeight="1" x14ac:dyDescent="0.2">
      <c r="A57" s="14">
        <v>43</v>
      </c>
      <c r="B57" s="15">
        <v>12</v>
      </c>
      <c r="C57" s="16">
        <v>12</v>
      </c>
      <c r="D57" s="17">
        <v>24</v>
      </c>
    </row>
    <row r="58" spans="1:4" ht="18" customHeight="1" x14ac:dyDescent="0.2">
      <c r="A58" s="14">
        <v>44</v>
      </c>
      <c r="B58" s="15">
        <v>14</v>
      </c>
      <c r="C58" s="16">
        <v>9</v>
      </c>
      <c r="D58" s="17">
        <v>23</v>
      </c>
    </row>
    <row r="59" spans="1:4" ht="18" customHeight="1" x14ac:dyDescent="0.2">
      <c r="A59" s="18" t="s">
        <v>57</v>
      </c>
      <c r="B59" s="15">
        <v>59</v>
      </c>
      <c r="C59" s="16">
        <v>45</v>
      </c>
      <c r="D59" s="17">
        <v>104</v>
      </c>
    </row>
    <row r="60" spans="1:4" ht="18" customHeight="1" x14ac:dyDescent="0.2">
      <c r="A60" s="14">
        <v>45</v>
      </c>
      <c r="B60" s="15">
        <v>9</v>
      </c>
      <c r="C60" s="16">
        <v>17</v>
      </c>
      <c r="D60" s="17">
        <v>26</v>
      </c>
    </row>
    <row r="61" spans="1:4" ht="18" customHeight="1" x14ac:dyDescent="0.2">
      <c r="A61" s="14">
        <v>46</v>
      </c>
      <c r="B61" s="15">
        <v>26</v>
      </c>
      <c r="C61" s="16">
        <v>27</v>
      </c>
      <c r="D61" s="17">
        <v>53</v>
      </c>
    </row>
    <row r="62" spans="1:4" ht="18" customHeight="1" x14ac:dyDescent="0.2">
      <c r="A62" s="14">
        <v>47</v>
      </c>
      <c r="B62" s="15">
        <v>16</v>
      </c>
      <c r="C62" s="16">
        <v>21</v>
      </c>
      <c r="D62" s="17">
        <v>37</v>
      </c>
    </row>
    <row r="63" spans="1:4" ht="18" customHeight="1" x14ac:dyDescent="0.2">
      <c r="A63" s="14">
        <v>48</v>
      </c>
      <c r="B63" s="15">
        <v>31</v>
      </c>
      <c r="C63" s="16">
        <v>15</v>
      </c>
      <c r="D63" s="17">
        <v>46</v>
      </c>
    </row>
    <row r="64" spans="1:4" ht="18" customHeight="1" x14ac:dyDescent="0.2">
      <c r="A64" s="14">
        <v>49</v>
      </c>
      <c r="B64" s="15">
        <v>18</v>
      </c>
      <c r="C64" s="16">
        <v>23</v>
      </c>
      <c r="D64" s="17">
        <v>41</v>
      </c>
    </row>
    <row r="65" spans="1:4" ht="18" customHeight="1" x14ac:dyDescent="0.2">
      <c r="A65" s="18" t="s">
        <v>58</v>
      </c>
      <c r="B65" s="15">
        <v>100</v>
      </c>
      <c r="C65" s="16">
        <v>103</v>
      </c>
      <c r="D65" s="17">
        <v>203</v>
      </c>
    </row>
    <row r="66" spans="1:4" ht="18" customHeight="1" x14ac:dyDescent="0.2">
      <c r="A66" s="14">
        <v>50</v>
      </c>
      <c r="B66" s="15">
        <v>22</v>
      </c>
      <c r="C66" s="16">
        <v>20</v>
      </c>
      <c r="D66" s="17">
        <v>42</v>
      </c>
    </row>
    <row r="67" spans="1:4" ht="18" customHeight="1" x14ac:dyDescent="0.2">
      <c r="A67" s="14">
        <v>51</v>
      </c>
      <c r="B67" s="15">
        <v>20</v>
      </c>
      <c r="C67" s="16">
        <v>16</v>
      </c>
      <c r="D67" s="17">
        <v>36</v>
      </c>
    </row>
    <row r="68" spans="1:4" ht="18" customHeight="1" x14ac:dyDescent="0.2">
      <c r="A68" s="14">
        <v>52</v>
      </c>
      <c r="B68" s="15">
        <v>17</v>
      </c>
      <c r="C68" s="16">
        <v>9</v>
      </c>
      <c r="D68" s="17">
        <v>26</v>
      </c>
    </row>
    <row r="69" spans="1:4" ht="18" customHeight="1" x14ac:dyDescent="0.2">
      <c r="A69" s="14">
        <v>53</v>
      </c>
      <c r="B69" s="15">
        <v>22</v>
      </c>
      <c r="C69" s="16">
        <v>16</v>
      </c>
      <c r="D69" s="17">
        <v>38</v>
      </c>
    </row>
    <row r="70" spans="1:4" ht="18" customHeight="1" x14ac:dyDescent="0.2">
      <c r="A70" s="14">
        <v>54</v>
      </c>
      <c r="B70" s="15">
        <v>10</v>
      </c>
      <c r="C70" s="16">
        <v>19</v>
      </c>
      <c r="D70" s="17">
        <v>29</v>
      </c>
    </row>
    <row r="71" spans="1:4" ht="18" customHeight="1" x14ac:dyDescent="0.2">
      <c r="A71" s="18" t="s">
        <v>59</v>
      </c>
      <c r="B71" s="15">
        <v>91</v>
      </c>
      <c r="C71" s="16">
        <v>80</v>
      </c>
      <c r="D71" s="17">
        <v>171</v>
      </c>
    </row>
    <row r="72" spans="1:4" ht="18" customHeight="1" x14ac:dyDescent="0.2">
      <c r="A72" s="14">
        <v>55</v>
      </c>
      <c r="B72" s="15">
        <v>16</v>
      </c>
      <c r="C72" s="16">
        <v>27</v>
      </c>
      <c r="D72" s="17">
        <v>43</v>
      </c>
    </row>
    <row r="73" spans="1:4" ht="18" customHeight="1" x14ac:dyDescent="0.2">
      <c r="A73" s="14">
        <v>56</v>
      </c>
      <c r="B73" s="15">
        <v>16</v>
      </c>
      <c r="C73" s="16">
        <v>16</v>
      </c>
      <c r="D73" s="17">
        <v>32</v>
      </c>
    </row>
    <row r="74" spans="1:4" ht="18" customHeight="1" x14ac:dyDescent="0.2">
      <c r="A74" s="14">
        <v>57</v>
      </c>
      <c r="B74" s="15">
        <v>16</v>
      </c>
      <c r="C74" s="16">
        <v>13</v>
      </c>
      <c r="D74" s="17">
        <v>29</v>
      </c>
    </row>
    <row r="75" spans="1:4" ht="18" customHeight="1" x14ac:dyDescent="0.2">
      <c r="A75" s="14">
        <v>58</v>
      </c>
      <c r="B75" s="15">
        <v>13</v>
      </c>
      <c r="C75" s="16">
        <v>14</v>
      </c>
      <c r="D75" s="17">
        <v>27</v>
      </c>
    </row>
    <row r="76" spans="1:4" ht="18" customHeight="1" x14ac:dyDescent="0.2">
      <c r="A76" s="14">
        <v>59</v>
      </c>
      <c r="B76" s="15">
        <v>23</v>
      </c>
      <c r="C76" s="16">
        <v>12</v>
      </c>
      <c r="D76" s="17">
        <v>35</v>
      </c>
    </row>
    <row r="77" spans="1:4" ht="18" customHeight="1" x14ac:dyDescent="0.2">
      <c r="A77" s="18" t="s">
        <v>60</v>
      </c>
      <c r="B77" s="15">
        <v>84</v>
      </c>
      <c r="C77" s="16">
        <v>82</v>
      </c>
      <c r="D77" s="17">
        <v>166</v>
      </c>
    </row>
    <row r="78" spans="1:4" ht="18" customHeight="1" x14ac:dyDescent="0.2">
      <c r="A78" s="14">
        <v>60</v>
      </c>
      <c r="B78" s="15">
        <v>15</v>
      </c>
      <c r="C78" s="16">
        <v>19</v>
      </c>
      <c r="D78" s="17">
        <v>34</v>
      </c>
    </row>
    <row r="79" spans="1:4" ht="18" customHeight="1" x14ac:dyDescent="0.2">
      <c r="A79" s="14">
        <v>61</v>
      </c>
      <c r="B79" s="15">
        <v>20</v>
      </c>
      <c r="C79" s="16">
        <v>22</v>
      </c>
      <c r="D79" s="17">
        <v>42</v>
      </c>
    </row>
    <row r="80" spans="1:4" ht="18" customHeight="1" x14ac:dyDescent="0.2">
      <c r="A80" s="14">
        <v>62</v>
      </c>
      <c r="B80" s="15">
        <v>11</v>
      </c>
      <c r="C80" s="16">
        <v>17</v>
      </c>
      <c r="D80" s="17">
        <v>28</v>
      </c>
    </row>
    <row r="81" spans="1:4" ht="18" customHeight="1" x14ac:dyDescent="0.2">
      <c r="A81" s="14">
        <v>63</v>
      </c>
      <c r="B81" s="15">
        <v>16</v>
      </c>
      <c r="C81" s="16">
        <v>17</v>
      </c>
      <c r="D81" s="17">
        <v>33</v>
      </c>
    </row>
    <row r="82" spans="1:4" ht="18" customHeight="1" x14ac:dyDescent="0.2">
      <c r="A82" s="14">
        <v>64</v>
      </c>
      <c r="B82" s="15">
        <v>23</v>
      </c>
      <c r="C82" s="16">
        <v>17</v>
      </c>
      <c r="D82" s="17">
        <v>40</v>
      </c>
    </row>
    <row r="83" spans="1:4" ht="18" customHeight="1" x14ac:dyDescent="0.2">
      <c r="A83" s="18" t="s">
        <v>61</v>
      </c>
      <c r="B83" s="15">
        <v>85</v>
      </c>
      <c r="C83" s="16">
        <v>92</v>
      </c>
      <c r="D83" s="17">
        <v>177</v>
      </c>
    </row>
    <row r="84" spans="1:4" ht="18" customHeight="1" x14ac:dyDescent="0.2">
      <c r="A84" s="18" t="s">
        <v>62</v>
      </c>
      <c r="B84" s="15">
        <v>704</v>
      </c>
      <c r="C84" s="16">
        <v>653</v>
      </c>
      <c r="D84" s="17">
        <v>1357</v>
      </c>
    </row>
    <row r="85" spans="1:4" ht="18" customHeight="1" x14ac:dyDescent="0.2">
      <c r="A85" s="14">
        <v>65</v>
      </c>
      <c r="B85" s="15">
        <v>16</v>
      </c>
      <c r="C85" s="16">
        <v>13</v>
      </c>
      <c r="D85" s="17">
        <v>29</v>
      </c>
    </row>
    <row r="86" spans="1:4" ht="18" customHeight="1" x14ac:dyDescent="0.2">
      <c r="A86" s="14">
        <v>66</v>
      </c>
      <c r="B86" s="15">
        <v>12</v>
      </c>
      <c r="C86" s="16">
        <v>19</v>
      </c>
      <c r="D86" s="17">
        <v>31</v>
      </c>
    </row>
    <row r="87" spans="1:4" ht="18" customHeight="1" x14ac:dyDescent="0.2">
      <c r="A87" s="14">
        <v>67</v>
      </c>
      <c r="B87" s="15">
        <v>24</v>
      </c>
      <c r="C87" s="16">
        <v>17</v>
      </c>
      <c r="D87" s="17">
        <v>41</v>
      </c>
    </row>
    <row r="88" spans="1:4" ht="18" customHeight="1" x14ac:dyDescent="0.2">
      <c r="A88" s="14">
        <v>68</v>
      </c>
      <c r="B88" s="15">
        <v>10</v>
      </c>
      <c r="C88" s="16">
        <v>13</v>
      </c>
      <c r="D88" s="17">
        <v>23</v>
      </c>
    </row>
    <row r="89" spans="1:4" ht="18" customHeight="1" x14ac:dyDescent="0.2">
      <c r="A89" s="14">
        <v>69</v>
      </c>
      <c r="B89" s="15">
        <v>19</v>
      </c>
      <c r="C89" s="16">
        <v>19</v>
      </c>
      <c r="D89" s="17">
        <v>38</v>
      </c>
    </row>
    <row r="90" spans="1:4" ht="18" customHeight="1" x14ac:dyDescent="0.2">
      <c r="A90" s="18" t="s">
        <v>63</v>
      </c>
      <c r="B90" s="15">
        <v>81</v>
      </c>
      <c r="C90" s="16">
        <v>81</v>
      </c>
      <c r="D90" s="17">
        <v>162</v>
      </c>
    </row>
    <row r="91" spans="1:4" ht="18" customHeight="1" x14ac:dyDescent="0.2">
      <c r="A91" s="14">
        <v>70</v>
      </c>
      <c r="B91" s="15">
        <v>23</v>
      </c>
      <c r="C91" s="16">
        <v>31</v>
      </c>
      <c r="D91" s="17">
        <v>54</v>
      </c>
    </row>
    <row r="92" spans="1:4" ht="18" customHeight="1" x14ac:dyDescent="0.2">
      <c r="A92" s="14">
        <v>71</v>
      </c>
      <c r="B92" s="15">
        <v>20</v>
      </c>
      <c r="C92" s="16">
        <v>24</v>
      </c>
      <c r="D92" s="17">
        <v>44</v>
      </c>
    </row>
    <row r="93" spans="1:4" ht="18" customHeight="1" x14ac:dyDescent="0.2">
      <c r="A93" s="14">
        <v>72</v>
      </c>
      <c r="B93" s="15">
        <v>22</v>
      </c>
      <c r="C93" s="16">
        <v>25</v>
      </c>
      <c r="D93" s="17">
        <v>47</v>
      </c>
    </row>
    <row r="94" spans="1:4" ht="18" customHeight="1" x14ac:dyDescent="0.2">
      <c r="A94" s="14">
        <v>73</v>
      </c>
      <c r="B94" s="15">
        <v>32</v>
      </c>
      <c r="C94" s="16">
        <v>36</v>
      </c>
      <c r="D94" s="17">
        <v>68</v>
      </c>
    </row>
    <row r="95" spans="1:4" ht="18" customHeight="1" x14ac:dyDescent="0.2">
      <c r="A95" s="14">
        <v>74</v>
      </c>
      <c r="B95" s="15">
        <v>12</v>
      </c>
      <c r="C95" s="16">
        <v>11</v>
      </c>
      <c r="D95" s="17">
        <v>23</v>
      </c>
    </row>
    <row r="96" spans="1:4" ht="18" customHeight="1" x14ac:dyDescent="0.2">
      <c r="A96" s="18" t="s">
        <v>64</v>
      </c>
      <c r="B96" s="15">
        <v>109</v>
      </c>
      <c r="C96" s="16">
        <v>127</v>
      </c>
      <c r="D96" s="17">
        <v>236</v>
      </c>
    </row>
    <row r="97" spans="1:4" ht="18" customHeight="1" x14ac:dyDescent="0.2">
      <c r="A97" s="14">
        <v>75</v>
      </c>
      <c r="B97" s="15">
        <v>15</v>
      </c>
      <c r="C97" s="16">
        <v>10</v>
      </c>
      <c r="D97" s="17">
        <v>25</v>
      </c>
    </row>
    <row r="98" spans="1:4" ht="18" customHeight="1" x14ac:dyDescent="0.2">
      <c r="A98" s="14">
        <v>76</v>
      </c>
      <c r="B98" s="15">
        <v>18</v>
      </c>
      <c r="C98" s="16">
        <v>30</v>
      </c>
      <c r="D98" s="17">
        <v>48</v>
      </c>
    </row>
    <row r="99" spans="1:4" ht="18" customHeight="1" x14ac:dyDescent="0.2">
      <c r="A99" s="14">
        <v>77</v>
      </c>
      <c r="B99" s="15">
        <v>13</v>
      </c>
      <c r="C99" s="16">
        <v>16</v>
      </c>
      <c r="D99" s="17">
        <v>29</v>
      </c>
    </row>
    <row r="100" spans="1:4" ht="18" customHeight="1" x14ac:dyDescent="0.2">
      <c r="A100" s="14">
        <v>78</v>
      </c>
      <c r="B100" s="15">
        <v>13</v>
      </c>
      <c r="C100" s="16">
        <v>19</v>
      </c>
      <c r="D100" s="17">
        <v>32</v>
      </c>
    </row>
    <row r="101" spans="1:4" ht="18" customHeight="1" x14ac:dyDescent="0.2">
      <c r="A101" s="14">
        <v>79</v>
      </c>
      <c r="B101" s="15">
        <v>14</v>
      </c>
      <c r="C101" s="16">
        <v>21</v>
      </c>
      <c r="D101" s="17">
        <v>35</v>
      </c>
    </row>
    <row r="102" spans="1:4" ht="18" customHeight="1" x14ac:dyDescent="0.2">
      <c r="A102" s="18" t="s">
        <v>65</v>
      </c>
      <c r="B102" s="15">
        <v>73</v>
      </c>
      <c r="C102" s="16">
        <v>96</v>
      </c>
      <c r="D102" s="17">
        <v>169</v>
      </c>
    </row>
    <row r="103" spans="1:4" ht="18" customHeight="1" x14ac:dyDescent="0.2">
      <c r="A103" s="14">
        <v>80</v>
      </c>
      <c r="B103" s="15">
        <v>18</v>
      </c>
      <c r="C103" s="16">
        <v>19</v>
      </c>
      <c r="D103" s="17">
        <v>37</v>
      </c>
    </row>
    <row r="104" spans="1:4" ht="18" customHeight="1" x14ac:dyDescent="0.2">
      <c r="A104" s="14">
        <v>81</v>
      </c>
      <c r="B104" s="15">
        <v>7</v>
      </c>
      <c r="C104" s="16">
        <v>12</v>
      </c>
      <c r="D104" s="17">
        <v>19</v>
      </c>
    </row>
    <row r="105" spans="1:4" ht="18" customHeight="1" x14ac:dyDescent="0.2">
      <c r="A105" s="14">
        <v>82</v>
      </c>
      <c r="B105" s="15">
        <v>11</v>
      </c>
      <c r="C105" s="16">
        <v>14</v>
      </c>
      <c r="D105" s="17">
        <v>25</v>
      </c>
    </row>
    <row r="106" spans="1:4" ht="18" customHeight="1" x14ac:dyDescent="0.2">
      <c r="A106" s="14">
        <v>83</v>
      </c>
      <c r="B106" s="15">
        <v>11</v>
      </c>
      <c r="C106" s="16">
        <v>25</v>
      </c>
      <c r="D106" s="17">
        <v>36</v>
      </c>
    </row>
    <row r="107" spans="1:4" ht="18" customHeight="1" x14ac:dyDescent="0.2">
      <c r="A107" s="14">
        <v>84</v>
      </c>
      <c r="B107" s="15">
        <v>14</v>
      </c>
      <c r="C107" s="16">
        <v>18</v>
      </c>
      <c r="D107" s="17">
        <v>32</v>
      </c>
    </row>
    <row r="108" spans="1:4" ht="18" customHeight="1" x14ac:dyDescent="0.2">
      <c r="A108" s="18" t="s">
        <v>66</v>
      </c>
      <c r="B108" s="15">
        <v>61</v>
      </c>
      <c r="C108" s="16">
        <v>88</v>
      </c>
      <c r="D108" s="17">
        <v>149</v>
      </c>
    </row>
    <row r="109" spans="1:4" ht="18" customHeight="1" x14ac:dyDescent="0.2">
      <c r="A109" s="14">
        <v>85</v>
      </c>
      <c r="B109" s="15">
        <v>7</v>
      </c>
      <c r="C109" s="16">
        <v>10</v>
      </c>
      <c r="D109" s="17">
        <v>17</v>
      </c>
    </row>
    <row r="110" spans="1:4" ht="18" customHeight="1" x14ac:dyDescent="0.2">
      <c r="A110" s="14">
        <v>86</v>
      </c>
      <c r="B110" s="15">
        <v>11</v>
      </c>
      <c r="C110" s="16">
        <v>18</v>
      </c>
      <c r="D110" s="17">
        <v>29</v>
      </c>
    </row>
    <row r="111" spans="1:4" ht="18" customHeight="1" x14ac:dyDescent="0.2">
      <c r="A111" s="14">
        <v>87</v>
      </c>
      <c r="B111" s="15">
        <v>6</v>
      </c>
      <c r="C111" s="16">
        <v>21</v>
      </c>
      <c r="D111" s="17">
        <v>27</v>
      </c>
    </row>
    <row r="112" spans="1:4" ht="18" customHeight="1" x14ac:dyDescent="0.2">
      <c r="A112" s="14">
        <v>88</v>
      </c>
      <c r="B112" s="15">
        <v>4</v>
      </c>
      <c r="C112" s="16">
        <v>18</v>
      </c>
      <c r="D112" s="17">
        <v>22</v>
      </c>
    </row>
    <row r="113" spans="1:4" ht="18" customHeight="1" x14ac:dyDescent="0.2">
      <c r="A113" s="14">
        <v>89</v>
      </c>
      <c r="B113" s="15">
        <v>12</v>
      </c>
      <c r="C113" s="16">
        <v>6</v>
      </c>
      <c r="D113" s="17">
        <v>18</v>
      </c>
    </row>
    <row r="114" spans="1:4" ht="18" customHeight="1" x14ac:dyDescent="0.2">
      <c r="A114" s="18" t="s">
        <v>67</v>
      </c>
      <c r="B114" s="15">
        <v>40</v>
      </c>
      <c r="C114" s="16">
        <v>73</v>
      </c>
      <c r="D114" s="17">
        <v>113</v>
      </c>
    </row>
    <row r="115" spans="1:4" ht="18" customHeight="1" x14ac:dyDescent="0.2">
      <c r="A115" s="14">
        <v>90</v>
      </c>
      <c r="B115" s="15">
        <v>8</v>
      </c>
      <c r="C115" s="16">
        <v>10</v>
      </c>
      <c r="D115" s="17">
        <v>18</v>
      </c>
    </row>
    <row r="116" spans="1:4" ht="18" customHeight="1" x14ac:dyDescent="0.2">
      <c r="A116" s="14">
        <v>91</v>
      </c>
      <c r="B116" s="15">
        <v>0</v>
      </c>
      <c r="C116" s="16">
        <v>7</v>
      </c>
      <c r="D116" s="17">
        <v>7</v>
      </c>
    </row>
    <row r="117" spans="1:4" ht="18" customHeight="1" x14ac:dyDescent="0.2">
      <c r="A117" s="14">
        <v>92</v>
      </c>
      <c r="B117" s="15">
        <v>3</v>
      </c>
      <c r="C117" s="16">
        <v>11</v>
      </c>
      <c r="D117" s="17">
        <v>14</v>
      </c>
    </row>
    <row r="118" spans="1:4" ht="18" customHeight="1" x14ac:dyDescent="0.2">
      <c r="A118" s="14">
        <v>93</v>
      </c>
      <c r="B118" s="15">
        <v>7</v>
      </c>
      <c r="C118" s="16">
        <v>10</v>
      </c>
      <c r="D118" s="17">
        <v>17</v>
      </c>
    </row>
    <row r="119" spans="1:4" ht="18" customHeight="1" x14ac:dyDescent="0.2">
      <c r="A119" s="14">
        <v>94</v>
      </c>
      <c r="B119" s="15">
        <v>2</v>
      </c>
      <c r="C119" s="16">
        <v>11</v>
      </c>
      <c r="D119" s="17">
        <v>13</v>
      </c>
    </row>
    <row r="120" spans="1:4" ht="18" customHeight="1" x14ac:dyDescent="0.2">
      <c r="A120" s="18" t="s">
        <v>68</v>
      </c>
      <c r="B120" s="15">
        <v>20</v>
      </c>
      <c r="C120" s="16">
        <v>49</v>
      </c>
      <c r="D120" s="17">
        <v>69</v>
      </c>
    </row>
    <row r="121" spans="1:4" ht="18" customHeight="1" x14ac:dyDescent="0.2">
      <c r="A121" s="14">
        <v>95</v>
      </c>
      <c r="B121" s="15">
        <v>2</v>
      </c>
      <c r="C121" s="16">
        <v>4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3</v>
      </c>
      <c r="C126" s="16">
        <v>16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388</v>
      </c>
      <c r="C130" s="5">
        <v>535</v>
      </c>
      <c r="D130" s="6">
        <v>923</v>
      </c>
    </row>
    <row r="131" spans="1:4" ht="18" customHeight="1" x14ac:dyDescent="0.2">
      <c r="A131" s="20" t="s">
        <v>47</v>
      </c>
      <c r="B131" s="7">
        <v>1201</v>
      </c>
      <c r="C131" s="8">
        <v>1286</v>
      </c>
      <c r="D131" s="9">
        <v>248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F00-000000000000}">
  <sheetPr codeName="Sheet10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3</v>
      </c>
      <c r="D5" s="39">
        <v>3</v>
      </c>
    </row>
    <row r="6" spans="1:4" ht="18" customHeight="1" x14ac:dyDescent="0.2">
      <c r="A6" s="31">
        <v>1</v>
      </c>
      <c r="B6" s="35">
        <v>2</v>
      </c>
      <c r="C6" s="28">
        <v>2</v>
      </c>
      <c r="D6" s="29">
        <v>4</v>
      </c>
    </row>
    <row r="7" spans="1:4" ht="18" customHeight="1" x14ac:dyDescent="0.2">
      <c r="A7" s="31">
        <v>2</v>
      </c>
      <c r="B7" s="35">
        <v>2</v>
      </c>
      <c r="C7" s="28">
        <v>2</v>
      </c>
      <c r="D7" s="29">
        <v>4</v>
      </c>
    </row>
    <row r="8" spans="1:4" ht="18" customHeight="1" x14ac:dyDescent="0.2">
      <c r="A8" s="31">
        <v>3</v>
      </c>
      <c r="B8" s="35">
        <v>3</v>
      </c>
      <c r="C8" s="28">
        <v>2</v>
      </c>
      <c r="D8" s="29">
        <v>5</v>
      </c>
    </row>
    <row r="9" spans="1:4" ht="18" customHeight="1" x14ac:dyDescent="0.2">
      <c r="A9" s="31">
        <v>4</v>
      </c>
      <c r="B9" s="36">
        <v>1</v>
      </c>
      <c r="C9" s="38">
        <v>2</v>
      </c>
      <c r="D9" s="40">
        <v>3</v>
      </c>
    </row>
    <row r="10" spans="1:4" ht="18" customHeight="1" x14ac:dyDescent="0.2">
      <c r="A10" s="31" t="s">
        <v>48</v>
      </c>
      <c r="B10" s="27">
        <v>8</v>
      </c>
      <c r="C10" s="28">
        <v>11</v>
      </c>
      <c r="D10" s="29">
        <v>19</v>
      </c>
    </row>
    <row r="11" spans="1:4" ht="18" customHeight="1" x14ac:dyDescent="0.2">
      <c r="A11" s="31">
        <v>5</v>
      </c>
      <c r="B11" s="35">
        <v>3</v>
      </c>
      <c r="C11" s="28">
        <v>4</v>
      </c>
      <c r="D11" s="29">
        <v>7</v>
      </c>
    </row>
    <row r="12" spans="1:4" ht="18" customHeight="1" x14ac:dyDescent="0.2">
      <c r="A12" s="31">
        <v>6</v>
      </c>
      <c r="B12" s="35">
        <v>2</v>
      </c>
      <c r="C12" s="28">
        <v>0</v>
      </c>
      <c r="D12" s="29">
        <v>2</v>
      </c>
    </row>
    <row r="13" spans="1:4" ht="18" customHeight="1" x14ac:dyDescent="0.2">
      <c r="A13" s="31">
        <v>7</v>
      </c>
      <c r="B13" s="35">
        <v>2</v>
      </c>
      <c r="C13" s="28">
        <v>3</v>
      </c>
      <c r="D13" s="29">
        <v>5</v>
      </c>
    </row>
    <row r="14" spans="1:4" ht="18" customHeight="1" x14ac:dyDescent="0.2">
      <c r="A14" s="31">
        <v>8</v>
      </c>
      <c r="B14" s="35">
        <v>5</v>
      </c>
      <c r="C14" s="28">
        <v>3</v>
      </c>
      <c r="D14" s="29">
        <v>8</v>
      </c>
    </row>
    <row r="15" spans="1:4" ht="18" customHeight="1" x14ac:dyDescent="0.2">
      <c r="A15" s="31">
        <v>9</v>
      </c>
      <c r="B15" s="35">
        <v>9</v>
      </c>
      <c r="C15" s="28">
        <v>0</v>
      </c>
      <c r="D15" s="29">
        <v>9</v>
      </c>
    </row>
    <row r="16" spans="1:4" ht="18" customHeight="1" x14ac:dyDescent="0.2">
      <c r="A16" s="31" t="s">
        <v>49</v>
      </c>
      <c r="B16" s="27">
        <v>21</v>
      </c>
      <c r="C16" s="28">
        <v>10</v>
      </c>
      <c r="D16" s="29">
        <v>31</v>
      </c>
    </row>
    <row r="17" spans="1:4" ht="18" customHeight="1" x14ac:dyDescent="0.2">
      <c r="A17" s="31">
        <v>10</v>
      </c>
      <c r="B17" s="27">
        <v>6</v>
      </c>
      <c r="C17" s="28">
        <v>3</v>
      </c>
      <c r="D17" s="29">
        <v>9</v>
      </c>
    </row>
    <row r="18" spans="1:4" ht="18" customHeight="1" x14ac:dyDescent="0.2">
      <c r="A18" s="31">
        <v>11</v>
      </c>
      <c r="B18" s="27">
        <v>6</v>
      </c>
      <c r="C18" s="28">
        <v>3</v>
      </c>
      <c r="D18" s="29">
        <v>9</v>
      </c>
    </row>
    <row r="19" spans="1:4" ht="18" customHeight="1" x14ac:dyDescent="0.2">
      <c r="A19" s="31">
        <v>12</v>
      </c>
      <c r="B19" s="27">
        <v>3</v>
      </c>
      <c r="C19" s="28">
        <v>5</v>
      </c>
      <c r="D19" s="29">
        <v>8</v>
      </c>
    </row>
    <row r="20" spans="1:4" ht="18" customHeight="1" x14ac:dyDescent="0.2">
      <c r="A20" s="31">
        <v>13</v>
      </c>
      <c r="B20" s="27">
        <v>5</v>
      </c>
      <c r="C20" s="28">
        <v>3</v>
      </c>
      <c r="D20" s="29">
        <v>8</v>
      </c>
    </row>
    <row r="21" spans="1:4" ht="18" customHeight="1" x14ac:dyDescent="0.2">
      <c r="A21" s="31">
        <v>14</v>
      </c>
      <c r="B21" s="27">
        <v>8</v>
      </c>
      <c r="C21" s="28">
        <v>9</v>
      </c>
      <c r="D21" s="29">
        <v>17</v>
      </c>
    </row>
    <row r="22" spans="1:4" ht="18" customHeight="1" x14ac:dyDescent="0.2">
      <c r="A22" s="31" t="s">
        <v>50</v>
      </c>
      <c r="B22" s="27">
        <v>28</v>
      </c>
      <c r="C22" s="28">
        <v>23</v>
      </c>
      <c r="D22" s="29">
        <v>51</v>
      </c>
    </row>
    <row r="23" spans="1:4" ht="18" customHeight="1" x14ac:dyDescent="0.2">
      <c r="A23" s="31" t="s">
        <v>51</v>
      </c>
      <c r="B23" s="27">
        <v>57</v>
      </c>
      <c r="C23" s="28">
        <v>44</v>
      </c>
      <c r="D23" s="29">
        <v>101</v>
      </c>
    </row>
    <row r="24" spans="1:4" ht="18" customHeight="1" x14ac:dyDescent="0.2">
      <c r="A24" s="31">
        <v>15</v>
      </c>
      <c r="B24" s="27">
        <v>3</v>
      </c>
      <c r="C24" s="28">
        <v>3</v>
      </c>
      <c r="D24" s="29">
        <v>6</v>
      </c>
    </row>
    <row r="25" spans="1:4" ht="18" customHeight="1" x14ac:dyDescent="0.2">
      <c r="A25" s="31">
        <v>16</v>
      </c>
      <c r="B25" s="27">
        <v>4</v>
      </c>
      <c r="C25" s="28">
        <v>4</v>
      </c>
      <c r="D25" s="29">
        <v>8</v>
      </c>
    </row>
    <row r="26" spans="1:4" ht="18" customHeight="1" x14ac:dyDescent="0.2">
      <c r="A26" s="31">
        <v>17</v>
      </c>
      <c r="B26" s="27">
        <v>5</v>
      </c>
      <c r="C26" s="28">
        <v>3</v>
      </c>
      <c r="D26" s="29">
        <v>8</v>
      </c>
    </row>
    <row r="27" spans="1:4" ht="18" customHeight="1" x14ac:dyDescent="0.2">
      <c r="A27" s="31">
        <v>18</v>
      </c>
      <c r="B27" s="27">
        <v>7</v>
      </c>
      <c r="C27" s="28">
        <v>4</v>
      </c>
      <c r="D27" s="29">
        <v>11</v>
      </c>
    </row>
    <row r="28" spans="1:4" ht="18" customHeight="1" x14ac:dyDescent="0.2">
      <c r="A28" s="31">
        <v>19</v>
      </c>
      <c r="B28" s="27">
        <v>6</v>
      </c>
      <c r="C28" s="28">
        <v>5</v>
      </c>
      <c r="D28" s="29">
        <v>11</v>
      </c>
    </row>
    <row r="29" spans="1:4" ht="18" customHeight="1" x14ac:dyDescent="0.2">
      <c r="A29" s="31" t="s">
        <v>52</v>
      </c>
      <c r="B29" s="27">
        <v>25</v>
      </c>
      <c r="C29" s="28">
        <v>19</v>
      </c>
      <c r="D29" s="29">
        <v>44</v>
      </c>
    </row>
    <row r="30" spans="1:4" ht="18" customHeight="1" x14ac:dyDescent="0.2">
      <c r="A30" s="31">
        <v>20</v>
      </c>
      <c r="B30" s="27">
        <v>7</v>
      </c>
      <c r="C30" s="28">
        <v>3</v>
      </c>
      <c r="D30" s="29">
        <v>10</v>
      </c>
    </row>
    <row r="31" spans="1:4" ht="18" customHeight="1" x14ac:dyDescent="0.2">
      <c r="A31" s="31">
        <v>21</v>
      </c>
      <c r="B31" s="27">
        <v>9</v>
      </c>
      <c r="C31" s="28">
        <v>6</v>
      </c>
      <c r="D31" s="29">
        <v>15</v>
      </c>
    </row>
    <row r="32" spans="1:4" ht="18" customHeight="1" x14ac:dyDescent="0.2">
      <c r="A32" s="31">
        <v>22</v>
      </c>
      <c r="B32" s="27">
        <v>9</v>
      </c>
      <c r="C32" s="28">
        <v>3</v>
      </c>
      <c r="D32" s="29">
        <v>12</v>
      </c>
    </row>
    <row r="33" spans="1:4" ht="18" customHeight="1" x14ac:dyDescent="0.2">
      <c r="A33" s="31">
        <v>23</v>
      </c>
      <c r="B33" s="27">
        <v>13</v>
      </c>
      <c r="C33" s="28">
        <v>3</v>
      </c>
      <c r="D33" s="29">
        <v>16</v>
      </c>
    </row>
    <row r="34" spans="1:4" ht="18" customHeight="1" x14ac:dyDescent="0.2">
      <c r="A34" s="31">
        <v>24</v>
      </c>
      <c r="B34" s="27">
        <v>3</v>
      </c>
      <c r="C34" s="28">
        <v>7</v>
      </c>
      <c r="D34" s="29">
        <v>10</v>
      </c>
    </row>
    <row r="35" spans="1:4" ht="18" customHeight="1" x14ac:dyDescent="0.2">
      <c r="A35" s="31" t="s">
        <v>53</v>
      </c>
      <c r="B35" s="27">
        <v>41</v>
      </c>
      <c r="C35" s="28">
        <v>22</v>
      </c>
      <c r="D35" s="29">
        <v>63</v>
      </c>
    </row>
    <row r="36" spans="1:4" ht="18" customHeight="1" x14ac:dyDescent="0.2">
      <c r="A36" s="31">
        <v>25</v>
      </c>
      <c r="B36" s="27">
        <v>2</v>
      </c>
      <c r="C36" s="28">
        <v>3</v>
      </c>
      <c r="D36" s="29">
        <v>5</v>
      </c>
    </row>
    <row r="37" spans="1:4" ht="18" customHeight="1" x14ac:dyDescent="0.2">
      <c r="A37" s="31">
        <v>26</v>
      </c>
      <c r="B37" s="27">
        <v>5</v>
      </c>
      <c r="C37" s="28">
        <v>7</v>
      </c>
      <c r="D37" s="29">
        <v>12</v>
      </c>
    </row>
    <row r="38" spans="1:4" ht="18" customHeight="1" x14ac:dyDescent="0.2">
      <c r="A38" s="31">
        <v>27</v>
      </c>
      <c r="B38" s="27">
        <v>3</v>
      </c>
      <c r="C38" s="28">
        <v>5</v>
      </c>
      <c r="D38" s="29">
        <v>8</v>
      </c>
    </row>
    <row r="39" spans="1:4" ht="18" customHeight="1" x14ac:dyDescent="0.2">
      <c r="A39" s="31">
        <v>28</v>
      </c>
      <c r="B39" s="27">
        <v>6</v>
      </c>
      <c r="C39" s="28">
        <v>3</v>
      </c>
      <c r="D39" s="29">
        <v>9</v>
      </c>
    </row>
    <row r="40" spans="1:4" ht="18" customHeight="1" x14ac:dyDescent="0.2">
      <c r="A40" s="31">
        <v>29</v>
      </c>
      <c r="B40" s="27">
        <v>6</v>
      </c>
      <c r="C40" s="28">
        <v>5</v>
      </c>
      <c r="D40" s="29">
        <v>11</v>
      </c>
    </row>
    <row r="41" spans="1:4" ht="18" customHeight="1" x14ac:dyDescent="0.2">
      <c r="A41" s="31" t="s">
        <v>54</v>
      </c>
      <c r="B41" s="27">
        <v>22</v>
      </c>
      <c r="C41" s="28">
        <v>23</v>
      </c>
      <c r="D41" s="29">
        <v>45</v>
      </c>
    </row>
    <row r="42" spans="1:4" ht="18" customHeight="1" x14ac:dyDescent="0.2">
      <c r="A42" s="31">
        <v>30</v>
      </c>
      <c r="B42" s="27">
        <v>1</v>
      </c>
      <c r="C42" s="28">
        <v>4</v>
      </c>
      <c r="D42" s="29">
        <v>5</v>
      </c>
    </row>
    <row r="43" spans="1:4" ht="18" customHeight="1" x14ac:dyDescent="0.2">
      <c r="A43" s="31">
        <v>31</v>
      </c>
      <c r="B43" s="27">
        <v>3</v>
      </c>
      <c r="C43" s="28">
        <v>3</v>
      </c>
      <c r="D43" s="29">
        <v>6</v>
      </c>
    </row>
    <row r="44" spans="1:4" ht="18" customHeight="1" x14ac:dyDescent="0.2">
      <c r="A44" s="31">
        <v>32</v>
      </c>
      <c r="B44" s="27">
        <v>6</v>
      </c>
      <c r="C44" s="28">
        <v>1</v>
      </c>
      <c r="D44" s="29">
        <v>7</v>
      </c>
    </row>
    <row r="45" spans="1:4" ht="18" customHeight="1" x14ac:dyDescent="0.2">
      <c r="A45" s="31">
        <v>33</v>
      </c>
      <c r="B45" s="27">
        <v>4</v>
      </c>
      <c r="C45" s="28">
        <v>5</v>
      </c>
      <c r="D45" s="29">
        <v>9</v>
      </c>
    </row>
    <row r="46" spans="1:4" ht="18" customHeight="1" x14ac:dyDescent="0.2">
      <c r="A46" s="31">
        <v>34</v>
      </c>
      <c r="B46" s="27">
        <v>5</v>
      </c>
      <c r="C46" s="28">
        <v>5</v>
      </c>
      <c r="D46" s="29">
        <v>10</v>
      </c>
    </row>
    <row r="47" spans="1:4" ht="18" customHeight="1" x14ac:dyDescent="0.2">
      <c r="A47" s="31" t="s">
        <v>55</v>
      </c>
      <c r="B47" s="27">
        <v>19</v>
      </c>
      <c r="C47" s="28">
        <v>18</v>
      </c>
      <c r="D47" s="29">
        <v>37</v>
      </c>
    </row>
    <row r="48" spans="1:4" ht="18" customHeight="1" x14ac:dyDescent="0.2">
      <c r="A48" s="31">
        <v>35</v>
      </c>
      <c r="B48" s="27">
        <v>3</v>
      </c>
      <c r="C48" s="28">
        <v>7</v>
      </c>
      <c r="D48" s="29">
        <v>10</v>
      </c>
    </row>
    <row r="49" spans="1:4" ht="18" customHeight="1" x14ac:dyDescent="0.2">
      <c r="A49" s="31">
        <v>36</v>
      </c>
      <c r="B49" s="27">
        <v>6</v>
      </c>
      <c r="C49" s="28">
        <v>2</v>
      </c>
      <c r="D49" s="29">
        <v>8</v>
      </c>
    </row>
    <row r="50" spans="1:4" ht="18" customHeight="1" x14ac:dyDescent="0.2">
      <c r="A50" s="31">
        <v>37</v>
      </c>
      <c r="B50" s="27">
        <v>7</v>
      </c>
      <c r="C50" s="28">
        <v>1</v>
      </c>
      <c r="D50" s="29">
        <v>8</v>
      </c>
    </row>
    <row r="51" spans="1:4" ht="18" customHeight="1" x14ac:dyDescent="0.2">
      <c r="A51" s="31">
        <v>38</v>
      </c>
      <c r="B51" s="27">
        <v>7</v>
      </c>
      <c r="C51" s="28">
        <v>5</v>
      </c>
      <c r="D51" s="29">
        <v>12</v>
      </c>
    </row>
    <row r="52" spans="1:4" ht="18" customHeight="1" x14ac:dyDescent="0.2">
      <c r="A52" s="31">
        <v>39</v>
      </c>
      <c r="B52" s="27">
        <v>3</v>
      </c>
      <c r="C52" s="28">
        <v>6</v>
      </c>
      <c r="D52" s="29">
        <v>9</v>
      </c>
    </row>
    <row r="53" spans="1:4" ht="18" customHeight="1" x14ac:dyDescent="0.2">
      <c r="A53" s="31" t="s">
        <v>56</v>
      </c>
      <c r="B53" s="27">
        <v>26</v>
      </c>
      <c r="C53" s="28">
        <v>21</v>
      </c>
      <c r="D53" s="29">
        <v>47</v>
      </c>
    </row>
    <row r="54" spans="1:4" ht="18" customHeight="1" x14ac:dyDescent="0.2">
      <c r="A54" s="31">
        <v>40</v>
      </c>
      <c r="B54" s="27">
        <v>5</v>
      </c>
      <c r="C54" s="28">
        <v>6</v>
      </c>
      <c r="D54" s="29">
        <v>11</v>
      </c>
    </row>
    <row r="55" spans="1:4" ht="18" customHeight="1" x14ac:dyDescent="0.2">
      <c r="A55" s="31">
        <v>41</v>
      </c>
      <c r="B55" s="27">
        <v>7</v>
      </c>
      <c r="C55" s="28">
        <v>6</v>
      </c>
      <c r="D55" s="29">
        <v>13</v>
      </c>
    </row>
    <row r="56" spans="1:4" ht="18" customHeight="1" x14ac:dyDescent="0.2">
      <c r="A56" s="31">
        <v>42</v>
      </c>
      <c r="B56" s="27">
        <v>8</v>
      </c>
      <c r="C56" s="28">
        <v>2</v>
      </c>
      <c r="D56" s="29">
        <v>10</v>
      </c>
    </row>
    <row r="57" spans="1:4" ht="18" customHeight="1" x14ac:dyDescent="0.2">
      <c r="A57" s="31">
        <v>43</v>
      </c>
      <c r="B57" s="27">
        <v>10</v>
      </c>
      <c r="C57" s="28">
        <v>5</v>
      </c>
      <c r="D57" s="29">
        <v>15</v>
      </c>
    </row>
    <row r="58" spans="1:4" ht="18" customHeight="1" x14ac:dyDescent="0.2">
      <c r="A58" s="31">
        <v>44</v>
      </c>
      <c r="B58" s="27">
        <v>6</v>
      </c>
      <c r="C58" s="28">
        <v>4</v>
      </c>
      <c r="D58" s="29">
        <v>10</v>
      </c>
    </row>
    <row r="59" spans="1:4" ht="18" customHeight="1" x14ac:dyDescent="0.2">
      <c r="A59" s="31" t="s">
        <v>57</v>
      </c>
      <c r="B59" s="27">
        <v>36</v>
      </c>
      <c r="C59" s="28">
        <v>23</v>
      </c>
      <c r="D59" s="29">
        <v>59</v>
      </c>
    </row>
    <row r="60" spans="1:4" ht="18" customHeight="1" x14ac:dyDescent="0.2">
      <c r="A60" s="31">
        <v>45</v>
      </c>
      <c r="B60" s="27">
        <v>9</v>
      </c>
      <c r="C60" s="28">
        <v>9</v>
      </c>
      <c r="D60" s="29">
        <v>18</v>
      </c>
    </row>
    <row r="61" spans="1:4" ht="18" customHeight="1" x14ac:dyDescent="0.2">
      <c r="A61" s="31">
        <v>46</v>
      </c>
      <c r="B61" s="27">
        <v>7</v>
      </c>
      <c r="C61" s="28">
        <v>11</v>
      </c>
      <c r="D61" s="29">
        <v>18</v>
      </c>
    </row>
    <row r="62" spans="1:4" ht="18" customHeight="1" x14ac:dyDescent="0.2">
      <c r="A62" s="31">
        <v>47</v>
      </c>
      <c r="B62" s="27">
        <v>10</v>
      </c>
      <c r="C62" s="28">
        <v>4</v>
      </c>
      <c r="D62" s="29">
        <v>14</v>
      </c>
    </row>
    <row r="63" spans="1:4" ht="18" customHeight="1" x14ac:dyDescent="0.2">
      <c r="A63" s="31">
        <v>48</v>
      </c>
      <c r="B63" s="27">
        <v>8</v>
      </c>
      <c r="C63" s="28">
        <v>10</v>
      </c>
      <c r="D63" s="29">
        <v>18</v>
      </c>
    </row>
    <row r="64" spans="1:4" ht="18" customHeight="1" x14ac:dyDescent="0.2">
      <c r="A64" s="31">
        <v>49</v>
      </c>
      <c r="B64" s="27">
        <v>6</v>
      </c>
      <c r="C64" s="28">
        <v>12</v>
      </c>
      <c r="D64" s="29">
        <v>18</v>
      </c>
    </row>
    <row r="65" spans="1:4" ht="18" customHeight="1" x14ac:dyDescent="0.2">
      <c r="A65" s="31" t="s">
        <v>58</v>
      </c>
      <c r="B65" s="27">
        <v>40</v>
      </c>
      <c r="C65" s="28">
        <v>46</v>
      </c>
      <c r="D65" s="29">
        <v>86</v>
      </c>
    </row>
    <row r="66" spans="1:4" ht="18" customHeight="1" x14ac:dyDescent="0.2">
      <c r="A66" s="31">
        <v>50</v>
      </c>
      <c r="B66" s="27">
        <v>8</v>
      </c>
      <c r="C66" s="28">
        <v>9</v>
      </c>
      <c r="D66" s="29">
        <v>17</v>
      </c>
    </row>
    <row r="67" spans="1:4" ht="18" customHeight="1" x14ac:dyDescent="0.2">
      <c r="A67" s="31">
        <v>51</v>
      </c>
      <c r="B67" s="27">
        <v>8</v>
      </c>
      <c r="C67" s="28">
        <v>7</v>
      </c>
      <c r="D67" s="29">
        <v>15</v>
      </c>
    </row>
    <row r="68" spans="1:4" ht="18" customHeight="1" x14ac:dyDescent="0.2">
      <c r="A68" s="31">
        <v>52</v>
      </c>
      <c r="B68" s="27">
        <v>8</v>
      </c>
      <c r="C68" s="28">
        <v>10</v>
      </c>
      <c r="D68" s="29">
        <v>18</v>
      </c>
    </row>
    <row r="69" spans="1:4" ht="18" customHeight="1" x14ac:dyDescent="0.2">
      <c r="A69" s="31">
        <v>53</v>
      </c>
      <c r="B69" s="27">
        <v>6</v>
      </c>
      <c r="C69" s="28">
        <v>6</v>
      </c>
      <c r="D69" s="29">
        <v>12</v>
      </c>
    </row>
    <row r="70" spans="1:4" ht="18" customHeight="1" x14ac:dyDescent="0.2">
      <c r="A70" s="31">
        <v>54</v>
      </c>
      <c r="B70" s="27">
        <v>3</v>
      </c>
      <c r="C70" s="28">
        <v>6</v>
      </c>
      <c r="D70" s="29">
        <v>9</v>
      </c>
    </row>
    <row r="71" spans="1:4" ht="18" customHeight="1" x14ac:dyDescent="0.2">
      <c r="A71" s="31" t="s">
        <v>59</v>
      </c>
      <c r="B71" s="27">
        <v>33</v>
      </c>
      <c r="C71" s="28">
        <v>38</v>
      </c>
      <c r="D71" s="29">
        <v>71</v>
      </c>
    </row>
    <row r="72" spans="1:4" ht="18" customHeight="1" x14ac:dyDescent="0.2">
      <c r="A72" s="31">
        <v>55</v>
      </c>
      <c r="B72" s="27">
        <v>4</v>
      </c>
      <c r="C72" s="28">
        <v>6</v>
      </c>
      <c r="D72" s="29">
        <v>10</v>
      </c>
    </row>
    <row r="73" spans="1:4" ht="18" customHeight="1" x14ac:dyDescent="0.2">
      <c r="A73" s="31">
        <v>56</v>
      </c>
      <c r="B73" s="27">
        <v>8</v>
      </c>
      <c r="C73" s="28">
        <v>11</v>
      </c>
      <c r="D73" s="29">
        <v>19</v>
      </c>
    </row>
    <row r="74" spans="1:4" ht="18" customHeight="1" x14ac:dyDescent="0.2">
      <c r="A74" s="31">
        <v>57</v>
      </c>
      <c r="B74" s="27">
        <v>8</v>
      </c>
      <c r="C74" s="28">
        <v>6</v>
      </c>
      <c r="D74" s="29">
        <v>14</v>
      </c>
    </row>
    <row r="75" spans="1:4" ht="18" customHeight="1" x14ac:dyDescent="0.2">
      <c r="A75" s="31">
        <v>58</v>
      </c>
      <c r="B75" s="27">
        <v>7</v>
      </c>
      <c r="C75" s="28">
        <v>2</v>
      </c>
      <c r="D75" s="29">
        <v>9</v>
      </c>
    </row>
    <row r="76" spans="1:4" ht="18" customHeight="1" x14ac:dyDescent="0.2">
      <c r="A76" s="31">
        <v>59</v>
      </c>
      <c r="B76" s="27">
        <v>8</v>
      </c>
      <c r="C76" s="28">
        <v>9</v>
      </c>
      <c r="D76" s="29">
        <v>17</v>
      </c>
    </row>
    <row r="77" spans="1:4" ht="18" customHeight="1" x14ac:dyDescent="0.2">
      <c r="A77" s="31" t="s">
        <v>60</v>
      </c>
      <c r="B77" s="27">
        <v>35</v>
      </c>
      <c r="C77" s="28">
        <v>34</v>
      </c>
      <c r="D77" s="29">
        <v>69</v>
      </c>
    </row>
    <row r="78" spans="1:4" ht="18" customHeight="1" x14ac:dyDescent="0.2">
      <c r="A78" s="31">
        <v>60</v>
      </c>
      <c r="B78" s="27">
        <v>6</v>
      </c>
      <c r="C78" s="28">
        <v>8</v>
      </c>
      <c r="D78" s="29">
        <v>14</v>
      </c>
    </row>
    <row r="79" spans="1:4" ht="18" customHeight="1" x14ac:dyDescent="0.2">
      <c r="A79" s="31">
        <v>61</v>
      </c>
      <c r="B79" s="27">
        <v>7</v>
      </c>
      <c r="C79" s="28">
        <v>10</v>
      </c>
      <c r="D79" s="29">
        <v>17</v>
      </c>
    </row>
    <row r="80" spans="1:4" ht="18" customHeight="1" x14ac:dyDescent="0.2">
      <c r="A80" s="31">
        <v>62</v>
      </c>
      <c r="B80" s="27">
        <v>9</v>
      </c>
      <c r="C80" s="28">
        <v>8</v>
      </c>
      <c r="D80" s="29">
        <v>17</v>
      </c>
    </row>
    <row r="81" spans="1:4" ht="18" customHeight="1" x14ac:dyDescent="0.2">
      <c r="A81" s="31">
        <v>63</v>
      </c>
      <c r="B81" s="27">
        <v>6</v>
      </c>
      <c r="C81" s="28">
        <v>7</v>
      </c>
      <c r="D81" s="29">
        <v>13</v>
      </c>
    </row>
    <row r="82" spans="1:4" ht="18" customHeight="1" x14ac:dyDescent="0.2">
      <c r="A82" s="31">
        <v>64</v>
      </c>
      <c r="B82" s="27">
        <v>7</v>
      </c>
      <c r="C82" s="28">
        <v>8</v>
      </c>
      <c r="D82" s="29">
        <v>15</v>
      </c>
    </row>
    <row r="83" spans="1:4" ht="18" customHeight="1" x14ac:dyDescent="0.2">
      <c r="A83" s="31" t="s">
        <v>61</v>
      </c>
      <c r="B83" s="27">
        <v>35</v>
      </c>
      <c r="C83" s="28">
        <v>41</v>
      </c>
      <c r="D83" s="29">
        <v>76</v>
      </c>
    </row>
    <row r="84" spans="1:4" ht="18" customHeight="1" x14ac:dyDescent="0.2">
      <c r="A84" s="31" t="s">
        <v>62</v>
      </c>
      <c r="B84" s="27">
        <v>312</v>
      </c>
      <c r="C84" s="28">
        <v>285</v>
      </c>
      <c r="D84" s="29">
        <v>597</v>
      </c>
    </row>
    <row r="85" spans="1:4" ht="18" customHeight="1" x14ac:dyDescent="0.2">
      <c r="A85" s="31">
        <v>65</v>
      </c>
      <c r="B85" s="27">
        <v>10</v>
      </c>
      <c r="C85" s="28">
        <v>14</v>
      </c>
      <c r="D85" s="29">
        <v>24</v>
      </c>
    </row>
    <row r="86" spans="1:4" ht="18" customHeight="1" x14ac:dyDescent="0.2">
      <c r="A86" s="31">
        <v>66</v>
      </c>
      <c r="B86" s="27">
        <v>16</v>
      </c>
      <c r="C86" s="28">
        <v>14</v>
      </c>
      <c r="D86" s="29">
        <v>30</v>
      </c>
    </row>
    <row r="87" spans="1:4" ht="18" customHeight="1" x14ac:dyDescent="0.2">
      <c r="A87" s="31">
        <v>67</v>
      </c>
      <c r="B87" s="27">
        <v>9</v>
      </c>
      <c r="C87" s="28">
        <v>5</v>
      </c>
      <c r="D87" s="29">
        <v>14</v>
      </c>
    </row>
    <row r="88" spans="1:4" ht="18" customHeight="1" x14ac:dyDescent="0.2">
      <c r="A88" s="31">
        <v>68</v>
      </c>
      <c r="B88" s="27">
        <v>12</v>
      </c>
      <c r="C88" s="28">
        <v>9</v>
      </c>
      <c r="D88" s="29">
        <v>21</v>
      </c>
    </row>
    <row r="89" spans="1:4" ht="18" customHeight="1" x14ac:dyDescent="0.2">
      <c r="A89" s="31">
        <v>69</v>
      </c>
      <c r="B89" s="27">
        <v>13</v>
      </c>
      <c r="C89" s="28">
        <v>13</v>
      </c>
      <c r="D89" s="29">
        <v>26</v>
      </c>
    </row>
    <row r="90" spans="1:4" ht="18" customHeight="1" x14ac:dyDescent="0.2">
      <c r="A90" s="31" t="s">
        <v>63</v>
      </c>
      <c r="B90" s="27">
        <v>60</v>
      </c>
      <c r="C90" s="28">
        <v>55</v>
      </c>
      <c r="D90" s="29">
        <v>115</v>
      </c>
    </row>
    <row r="91" spans="1:4" ht="18" customHeight="1" x14ac:dyDescent="0.2">
      <c r="A91" s="31">
        <v>70</v>
      </c>
      <c r="B91" s="27">
        <v>8</v>
      </c>
      <c r="C91" s="28">
        <v>16</v>
      </c>
      <c r="D91" s="29">
        <v>24</v>
      </c>
    </row>
    <row r="92" spans="1:4" ht="18" customHeight="1" x14ac:dyDescent="0.2">
      <c r="A92" s="31">
        <v>71</v>
      </c>
      <c r="B92" s="27">
        <v>13</v>
      </c>
      <c r="C92" s="28">
        <v>16</v>
      </c>
      <c r="D92" s="29">
        <v>29</v>
      </c>
    </row>
    <row r="93" spans="1:4" ht="18" customHeight="1" x14ac:dyDescent="0.2">
      <c r="A93" s="31">
        <v>72</v>
      </c>
      <c r="B93" s="27">
        <v>12</v>
      </c>
      <c r="C93" s="28">
        <v>14</v>
      </c>
      <c r="D93" s="29">
        <v>26</v>
      </c>
    </row>
    <row r="94" spans="1:4" ht="18" customHeight="1" x14ac:dyDescent="0.2">
      <c r="A94" s="31">
        <v>73</v>
      </c>
      <c r="B94" s="27">
        <v>13</v>
      </c>
      <c r="C94" s="28">
        <v>22</v>
      </c>
      <c r="D94" s="29">
        <v>35</v>
      </c>
    </row>
    <row r="95" spans="1:4" ht="18" customHeight="1" x14ac:dyDescent="0.2">
      <c r="A95" s="31">
        <v>74</v>
      </c>
      <c r="B95" s="27">
        <v>12</v>
      </c>
      <c r="C95" s="28">
        <v>9</v>
      </c>
      <c r="D95" s="29">
        <v>21</v>
      </c>
    </row>
    <row r="96" spans="1:4" ht="18" customHeight="1" x14ac:dyDescent="0.2">
      <c r="A96" s="31" t="s">
        <v>64</v>
      </c>
      <c r="B96" s="27">
        <v>58</v>
      </c>
      <c r="C96" s="28">
        <v>77</v>
      </c>
      <c r="D96" s="29">
        <v>135</v>
      </c>
    </row>
    <row r="97" spans="1:4" ht="18" customHeight="1" x14ac:dyDescent="0.2">
      <c r="A97" s="31">
        <v>75</v>
      </c>
      <c r="B97" s="27">
        <v>12</v>
      </c>
      <c r="C97" s="28">
        <v>7</v>
      </c>
      <c r="D97" s="29">
        <v>19</v>
      </c>
    </row>
    <row r="98" spans="1:4" ht="18" customHeight="1" x14ac:dyDescent="0.2">
      <c r="A98" s="31">
        <v>76</v>
      </c>
      <c r="B98" s="27">
        <v>11</v>
      </c>
      <c r="C98" s="28">
        <v>14</v>
      </c>
      <c r="D98" s="29">
        <v>25</v>
      </c>
    </row>
    <row r="99" spans="1:4" ht="18" customHeight="1" x14ac:dyDescent="0.2">
      <c r="A99" s="31">
        <v>77</v>
      </c>
      <c r="B99" s="27">
        <v>9</v>
      </c>
      <c r="C99" s="28">
        <v>10</v>
      </c>
      <c r="D99" s="29">
        <v>19</v>
      </c>
    </row>
    <row r="100" spans="1:4" ht="18" customHeight="1" x14ac:dyDescent="0.2">
      <c r="A100" s="31">
        <v>78</v>
      </c>
      <c r="B100" s="27">
        <v>8</v>
      </c>
      <c r="C100" s="28">
        <v>12</v>
      </c>
      <c r="D100" s="29">
        <v>20</v>
      </c>
    </row>
    <row r="101" spans="1:4" ht="18" customHeight="1" x14ac:dyDescent="0.2">
      <c r="A101" s="31">
        <v>79</v>
      </c>
      <c r="B101" s="27">
        <v>11</v>
      </c>
      <c r="C101" s="28">
        <v>12</v>
      </c>
      <c r="D101" s="29">
        <v>23</v>
      </c>
    </row>
    <row r="102" spans="1:4" ht="18" customHeight="1" x14ac:dyDescent="0.2">
      <c r="A102" s="31" t="s">
        <v>65</v>
      </c>
      <c r="B102" s="27">
        <v>51</v>
      </c>
      <c r="C102" s="28">
        <v>55</v>
      </c>
      <c r="D102" s="29">
        <v>106</v>
      </c>
    </row>
    <row r="103" spans="1:4" ht="18" customHeight="1" x14ac:dyDescent="0.2">
      <c r="A103" s="31">
        <v>80</v>
      </c>
      <c r="B103" s="27">
        <v>6</v>
      </c>
      <c r="C103" s="28">
        <v>9</v>
      </c>
      <c r="D103" s="29">
        <v>15</v>
      </c>
    </row>
    <row r="104" spans="1:4" ht="18" customHeight="1" x14ac:dyDescent="0.2">
      <c r="A104" s="31">
        <v>81</v>
      </c>
      <c r="B104" s="27">
        <v>5</v>
      </c>
      <c r="C104" s="28">
        <v>8</v>
      </c>
      <c r="D104" s="29">
        <v>13</v>
      </c>
    </row>
    <row r="105" spans="1:4" ht="18" customHeight="1" x14ac:dyDescent="0.2">
      <c r="A105" s="31">
        <v>82</v>
      </c>
      <c r="B105" s="27">
        <v>6</v>
      </c>
      <c r="C105" s="28">
        <v>16</v>
      </c>
      <c r="D105" s="29">
        <v>22</v>
      </c>
    </row>
    <row r="106" spans="1:4" ht="18" customHeight="1" x14ac:dyDescent="0.2">
      <c r="A106" s="31">
        <v>83</v>
      </c>
      <c r="B106" s="27">
        <v>5</v>
      </c>
      <c r="C106" s="28">
        <v>2</v>
      </c>
      <c r="D106" s="29">
        <v>7</v>
      </c>
    </row>
    <row r="107" spans="1:4" ht="18" customHeight="1" x14ac:dyDescent="0.2">
      <c r="A107" s="31">
        <v>84</v>
      </c>
      <c r="B107" s="27">
        <v>8</v>
      </c>
      <c r="C107" s="28">
        <v>8</v>
      </c>
      <c r="D107" s="29">
        <v>16</v>
      </c>
    </row>
    <row r="108" spans="1:4" ht="18" customHeight="1" x14ac:dyDescent="0.2">
      <c r="A108" s="31" t="s">
        <v>66</v>
      </c>
      <c r="B108" s="27">
        <v>30</v>
      </c>
      <c r="C108" s="28">
        <v>43</v>
      </c>
      <c r="D108" s="29">
        <v>73</v>
      </c>
    </row>
    <row r="109" spans="1:4" ht="18" customHeight="1" x14ac:dyDescent="0.2">
      <c r="A109" s="31">
        <v>85</v>
      </c>
      <c r="B109" s="27">
        <v>3</v>
      </c>
      <c r="C109" s="28">
        <v>8</v>
      </c>
      <c r="D109" s="29">
        <v>11</v>
      </c>
    </row>
    <row r="110" spans="1:4" ht="18" customHeight="1" x14ac:dyDescent="0.2">
      <c r="A110" s="31">
        <v>86</v>
      </c>
      <c r="B110" s="27">
        <v>7</v>
      </c>
      <c r="C110" s="28">
        <v>6</v>
      </c>
      <c r="D110" s="29">
        <v>13</v>
      </c>
    </row>
    <row r="111" spans="1:4" ht="18" customHeight="1" x14ac:dyDescent="0.2">
      <c r="A111" s="31">
        <v>87</v>
      </c>
      <c r="B111" s="27">
        <v>7</v>
      </c>
      <c r="C111" s="28">
        <v>13</v>
      </c>
      <c r="D111" s="29">
        <v>20</v>
      </c>
    </row>
    <row r="112" spans="1:4" ht="18" customHeight="1" x14ac:dyDescent="0.2">
      <c r="A112" s="31">
        <v>88</v>
      </c>
      <c r="B112" s="27">
        <v>2</v>
      </c>
      <c r="C112" s="28">
        <v>13</v>
      </c>
      <c r="D112" s="29">
        <v>15</v>
      </c>
    </row>
    <row r="113" spans="1:4" ht="18" customHeight="1" x14ac:dyDescent="0.2">
      <c r="A113" s="31">
        <v>89</v>
      </c>
      <c r="B113" s="27">
        <v>2</v>
      </c>
      <c r="C113" s="28">
        <v>10</v>
      </c>
      <c r="D113" s="29">
        <v>12</v>
      </c>
    </row>
    <row r="114" spans="1:4" ht="18" customHeight="1" x14ac:dyDescent="0.2">
      <c r="A114" s="31" t="s">
        <v>67</v>
      </c>
      <c r="B114" s="27">
        <v>21</v>
      </c>
      <c r="C114" s="28">
        <v>50</v>
      </c>
      <c r="D114" s="29">
        <v>71</v>
      </c>
    </row>
    <row r="115" spans="1:4" ht="18" customHeight="1" x14ac:dyDescent="0.2">
      <c r="A115" s="31">
        <v>90</v>
      </c>
      <c r="B115" s="27">
        <v>3</v>
      </c>
      <c r="C115" s="28">
        <v>4</v>
      </c>
      <c r="D115" s="29">
        <v>7</v>
      </c>
    </row>
    <row r="116" spans="1:4" ht="18" customHeight="1" x14ac:dyDescent="0.2">
      <c r="A116" s="31">
        <v>91</v>
      </c>
      <c r="B116" s="27">
        <v>3</v>
      </c>
      <c r="C116" s="28">
        <v>11</v>
      </c>
      <c r="D116" s="29">
        <v>14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1</v>
      </c>
      <c r="C119" s="28">
        <v>3</v>
      </c>
      <c r="D119" s="29">
        <v>4</v>
      </c>
    </row>
    <row r="120" spans="1:4" ht="18" customHeight="1" x14ac:dyDescent="0.2">
      <c r="A120" s="31" t="s">
        <v>68</v>
      </c>
      <c r="B120" s="27">
        <v>8</v>
      </c>
      <c r="C120" s="28">
        <v>21</v>
      </c>
      <c r="D120" s="29">
        <v>29</v>
      </c>
    </row>
    <row r="121" spans="1:4" ht="18" customHeight="1" x14ac:dyDescent="0.2">
      <c r="A121" s="31">
        <v>95</v>
      </c>
      <c r="B121" s="27">
        <v>2</v>
      </c>
      <c r="C121" s="28">
        <v>3</v>
      </c>
      <c r="D121" s="29">
        <v>5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12</v>
      </c>
      <c r="D126" s="29">
        <v>1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231</v>
      </c>
      <c r="C130" s="5">
        <v>315</v>
      </c>
      <c r="D130" s="6">
        <v>546</v>
      </c>
    </row>
    <row r="131" spans="1:4" ht="18" customHeight="1" x14ac:dyDescent="0.2">
      <c r="A131" s="33" t="s">
        <v>47</v>
      </c>
      <c r="B131" s="7">
        <v>600</v>
      </c>
      <c r="C131" s="8">
        <v>644</v>
      </c>
      <c r="D131" s="9">
        <v>124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>企画調整室統計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cp:lastPrinted>2010-01-06T01:49:05Z</cp:lastPrinted>
  <dcterms:created xsi:type="dcterms:W3CDTF">2003-03-26T04:07:19Z</dcterms:created>
  <dcterms:modified xsi:type="dcterms:W3CDTF">2023-02-28T01:35:5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484879891</vt:i4>
  </property>
  <property fmtid="{D5CDD505-2E9C-101B-9397-08002B2CF9AE}" pid="3" name="_EmailSubject">
    <vt:lpwstr>人口のHP作成用ファイルです。</vt:lpwstr>
  </property>
  <property fmtid="{D5CDD505-2E9C-101B-9397-08002B2CF9AE}" pid="4" name="_AuthorEmail">
    <vt:lpwstr>yokomoto.hiromi@city.toyama.lg.jp</vt:lpwstr>
  </property>
  <property fmtid="{D5CDD505-2E9C-101B-9397-08002B2CF9AE}" pid="5" name="_AuthorEmailDisplayName">
    <vt:lpwstr>情報統計課　横本浩美</vt:lpwstr>
  </property>
  <property fmtid="{D5CDD505-2E9C-101B-9397-08002B2CF9AE}" pid="6" name="_ReviewingToolsShownOnce">
    <vt:lpwstr/>
  </property>
</Properties>
</file>